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介護保険事業状況報告\02_月報HP\R4年度\"/>
    </mc:Choice>
  </mc:AlternateContent>
  <bookViews>
    <workbookView xWindow="240" yWindow="72" windowWidth="14940" windowHeight="8556" tabRatio="853" firstSheet="11" activeTab="24"/>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L$41</definedName>
    <definedName name="_xlnm.Print_Area" localSheetId="2">'第２-2表'!$A$1:$KL$41</definedName>
    <definedName name="_xlnm.Print_Area" localSheetId="3">'第２-3表'!$A$1:$KL$41</definedName>
    <definedName name="_xlnm.Print_Area" localSheetId="8">'第3-3-1表'!$A$1:$CV$40</definedName>
    <definedName name="_xlnm.Print_Area" localSheetId="9">'第3-3-2表'!$A$1:$CV$40</definedName>
    <definedName name="_xlnm.Print_Area" localSheetId="10">'第3-3-3表 '!$A$1:$CV$40</definedName>
    <definedName name="_xlnm.Print_Titles" localSheetId="1">'第２-1表'!$A:$A,'第２-1表'!$1:$2</definedName>
    <definedName name="_xlnm.Print_Titles" localSheetId="2">'第２-2表'!$A:$A,'第２-2表'!$1:$2</definedName>
    <definedName name="_xlnm.Print_Titles" localSheetId="3">'第２-3表'!$A:$A,'第２-3表'!$1:$2</definedName>
    <definedName name="_xlnm.Print_Titles" localSheetId="4">'第３-1表'!$A:$A</definedName>
    <definedName name="_xlnm.Print_Titles" localSheetId="5">'第３-2-1表'!$A:$A,'第３-2-1表'!$1:$2</definedName>
    <definedName name="_xlnm.Print_Titles" localSheetId="6">'第３-2-2表'!$A:$A,'第３-2-2表'!$1:$2</definedName>
    <definedName name="_xlnm.Print_Titles" localSheetId="7">'第３-2-3表 '!$A:$A,'第３-2-3表 '!$1:$2</definedName>
    <definedName name="_xlnm.Print_Titles" localSheetId="11">'第４-1表'!$A:$A</definedName>
    <definedName name="_xlnm.Print_Titles" localSheetId="18">'第5-1表'!$A:$A</definedName>
    <definedName name="_xlnm.Print_Titles" localSheetId="19">'第5-2表'!$A:$A</definedName>
    <definedName name="_xlnm.Print_Titles" localSheetId="20">'第5-3表'!$A:$A</definedName>
    <definedName name="_xlnm.Print_Titles" localSheetId="21">'第６-1表'!$A:$A</definedName>
    <definedName name="_xlnm.Print_Titles" localSheetId="22">'第６-2表'!$A:$A</definedName>
    <definedName name="_xlnm.Print_Titles" localSheetId="23">'第６-3表 '!$A:$A</definedName>
    <definedName name="_xlnm.Print_Titles" localSheetId="24">第7表!$A:$A</definedName>
  </definedNames>
  <calcPr calcId="152511"/>
</workbook>
</file>

<file path=xl/calcChain.xml><?xml version="1.0" encoding="utf-8"?>
<calcChain xmlns="http://schemas.openxmlformats.org/spreadsheetml/2006/main">
  <c r="E1" i="33" l="1"/>
  <c r="F1" i="33" s="1"/>
  <c r="D1" i="33"/>
  <c r="E1" i="25" l="1"/>
  <c r="F1" i="25" s="1"/>
  <c r="D1" i="25"/>
  <c r="E1" i="34" l="1"/>
  <c r="F1" i="34" s="1"/>
  <c r="D1" i="34"/>
  <c r="I1" i="32" l="1"/>
  <c r="J1" i="32" s="1"/>
  <c r="G1" i="32"/>
  <c r="J1" i="31"/>
  <c r="K1" i="31" s="1"/>
  <c r="H1" i="31"/>
  <c r="K1" i="30"/>
  <c r="L1" i="30" s="1"/>
  <c r="I1" i="30"/>
  <c r="J1" i="29"/>
  <c r="K1" i="29" s="1"/>
  <c r="H1" i="29"/>
  <c r="G1" i="28"/>
  <c r="H1" i="28" s="1"/>
  <c r="E1" i="28"/>
  <c r="D1" i="18" l="1"/>
  <c r="D1" i="26"/>
  <c r="F1" i="6"/>
  <c r="D1" i="5"/>
  <c r="G1" i="24"/>
  <c r="G1" i="14"/>
  <c r="H1" i="23"/>
  <c r="H1" i="13"/>
  <c r="G1" i="4"/>
  <c r="I1" i="22"/>
  <c r="I1" i="11"/>
  <c r="H1" i="21"/>
  <c r="H1" i="10"/>
  <c r="F1" i="9"/>
  <c r="E1" i="19"/>
  <c r="E1" i="8"/>
  <c r="E1" i="18" l="1"/>
  <c r="E1" i="26"/>
  <c r="G1" i="6"/>
  <c r="E1" i="5"/>
  <c r="I1" i="24"/>
  <c r="I1" i="14"/>
  <c r="J1" i="23"/>
  <c r="J1" i="13"/>
  <c r="I1" i="4"/>
  <c r="K1" i="22"/>
  <c r="K1" i="11"/>
  <c r="J1" i="21"/>
  <c r="J1" i="10"/>
  <c r="H1" i="9"/>
  <c r="G1" i="19"/>
  <c r="G1" i="8"/>
  <c r="I1" i="9" l="1"/>
  <c r="F1" i="26"/>
  <c r="J1" i="24"/>
  <c r="K1" i="23"/>
  <c r="L1" i="22"/>
  <c r="K1" i="21"/>
  <c r="H1" i="19"/>
  <c r="F1" i="18"/>
  <c r="J1" i="14"/>
  <c r="K1" i="13"/>
  <c r="L1" i="11"/>
  <c r="K1" i="10"/>
  <c r="H1" i="6"/>
  <c r="F1" i="5"/>
  <c r="J1" i="4"/>
  <c r="H1" i="8"/>
  <c r="H4" i="1"/>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6">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3" fontId="8"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0" fontId="0" fillId="0" borderId="3" xfId="0" applyBorder="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0" fontId="0" fillId="0" borderId="7" xfId="0"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6" fontId="8" fillId="0" borderId="0" xfId="0" applyNumberFormat="1" applyFont="1" applyBorder="1" applyAlignment="1">
      <alignment horizontal="right"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182" fontId="3" fillId="0" borderId="0" xfId="0" applyNumberFormat="1" applyFont="1" applyBorder="1" applyAlignment="1">
      <alignment horizontal="left"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zoomScaleNormal="100" workbookViewId="0">
      <pane xSplit="5" ySplit="8" topLeftCell="F9"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x14ac:dyDescent="0.2">
      <c r="B1" s="2"/>
      <c r="C1" s="2"/>
      <c r="D1" s="2"/>
      <c r="E1" s="501" t="s">
        <v>0</v>
      </c>
      <c r="F1" s="501"/>
      <c r="G1" s="501"/>
      <c r="H1" s="501"/>
      <c r="I1" s="2"/>
      <c r="J1" s="2"/>
      <c r="K1" s="2"/>
      <c r="L1" s="2"/>
    </row>
    <row r="2" spans="1:13" ht="13.5" customHeight="1" x14ac:dyDescent="0.2">
      <c r="A2" s="2"/>
      <c r="B2" s="2"/>
      <c r="C2" s="2"/>
      <c r="D2" s="2"/>
      <c r="E2" s="2"/>
      <c r="F2" s="367">
        <v>4</v>
      </c>
      <c r="G2" s="246">
        <v>5</v>
      </c>
      <c r="H2" s="2"/>
      <c r="I2" s="2"/>
      <c r="J2" s="2"/>
      <c r="K2" s="2"/>
      <c r="L2" s="2"/>
      <c r="M2" s="2"/>
    </row>
    <row r="3" spans="1:13" ht="26.25" customHeight="1" x14ac:dyDescent="0.2"/>
    <row r="4" spans="1:13" ht="20.25" customHeight="1" x14ac:dyDescent="0.2">
      <c r="D4" s="3"/>
      <c r="E4" s="4" t="s">
        <v>1</v>
      </c>
      <c r="F4" s="3"/>
      <c r="H4" s="254">
        <f>G2</f>
        <v>5</v>
      </c>
    </row>
    <row r="5" spans="1:13" ht="10.5" customHeight="1" thickBot="1" x14ac:dyDescent="0.25">
      <c r="E5" s="5"/>
    </row>
    <row r="6" spans="1:13" ht="17.25" customHeight="1" x14ac:dyDescent="0.2">
      <c r="E6" s="343"/>
      <c r="F6" s="502" t="s">
        <v>2</v>
      </c>
      <c r="G6" s="503"/>
      <c r="H6" s="503"/>
      <c r="I6" s="504"/>
    </row>
    <row r="7" spans="1:13" ht="17.25" customHeight="1" x14ac:dyDescent="0.2">
      <c r="E7" s="7"/>
      <c r="F7" s="8"/>
      <c r="G7" s="9" t="s">
        <v>3</v>
      </c>
      <c r="H7" s="346" t="s">
        <v>150</v>
      </c>
      <c r="I7" s="347" t="s">
        <v>149</v>
      </c>
    </row>
    <row r="8" spans="1:13" ht="16.5" customHeight="1" x14ac:dyDescent="0.2">
      <c r="E8" s="344" t="s">
        <v>4</v>
      </c>
      <c r="F8" s="374">
        <v>2339044</v>
      </c>
      <c r="G8" s="374">
        <v>1093044</v>
      </c>
      <c r="H8" s="374">
        <v>859112</v>
      </c>
      <c r="I8" s="375">
        <v>386888</v>
      </c>
    </row>
    <row r="9" spans="1:13" ht="16.5" customHeight="1" x14ac:dyDescent="0.2">
      <c r="E9" s="10" t="s">
        <v>5</v>
      </c>
      <c r="F9" s="376">
        <v>932694</v>
      </c>
      <c r="G9" s="376">
        <v>433235</v>
      </c>
      <c r="H9" s="376">
        <v>338773</v>
      </c>
      <c r="I9" s="377">
        <v>160686</v>
      </c>
    </row>
    <row r="10" spans="1:13" ht="16.5" customHeight="1" x14ac:dyDescent="0.2">
      <c r="E10" s="10" t="s">
        <v>6</v>
      </c>
      <c r="F10" s="376">
        <v>306686</v>
      </c>
      <c r="G10" s="376">
        <v>148093</v>
      </c>
      <c r="H10" s="376">
        <v>107685</v>
      </c>
      <c r="I10" s="377">
        <v>50908</v>
      </c>
    </row>
    <row r="11" spans="1:13" ht="16.5" customHeight="1" x14ac:dyDescent="0.2">
      <c r="E11" s="10" t="s">
        <v>14</v>
      </c>
      <c r="F11" s="376">
        <v>187937</v>
      </c>
      <c r="G11" s="376">
        <v>89390</v>
      </c>
      <c r="H11" s="376">
        <v>71394</v>
      </c>
      <c r="I11" s="377">
        <v>27153</v>
      </c>
    </row>
    <row r="12" spans="1:13" ht="16.5" customHeight="1" x14ac:dyDescent="0.2">
      <c r="E12" s="10" t="s">
        <v>7</v>
      </c>
      <c r="F12" s="376">
        <v>126001</v>
      </c>
      <c r="G12" s="376">
        <v>56290</v>
      </c>
      <c r="H12" s="376">
        <v>47908</v>
      </c>
      <c r="I12" s="377">
        <v>21803</v>
      </c>
    </row>
    <row r="13" spans="1:13" ht="16.5" customHeight="1" x14ac:dyDescent="0.2">
      <c r="E13" s="10" t="s">
        <v>8</v>
      </c>
      <c r="F13" s="376">
        <v>73130</v>
      </c>
      <c r="G13" s="376">
        <v>34937</v>
      </c>
      <c r="H13" s="376">
        <v>26755</v>
      </c>
      <c r="I13" s="377">
        <v>11438</v>
      </c>
    </row>
    <row r="14" spans="1:13" ht="16.5" customHeight="1" x14ac:dyDescent="0.2">
      <c r="E14" s="10" t="s">
        <v>9</v>
      </c>
      <c r="F14" s="376">
        <v>53840</v>
      </c>
      <c r="G14" s="376">
        <v>21904</v>
      </c>
      <c r="H14" s="376">
        <v>20315</v>
      </c>
      <c r="I14" s="377">
        <v>11621</v>
      </c>
    </row>
    <row r="15" spans="1:13" ht="16.5" customHeight="1" x14ac:dyDescent="0.2">
      <c r="E15" s="10" t="s">
        <v>10</v>
      </c>
      <c r="F15" s="376">
        <v>108090</v>
      </c>
      <c r="G15" s="376">
        <v>49453</v>
      </c>
      <c r="H15" s="376">
        <v>40079</v>
      </c>
      <c r="I15" s="377">
        <v>18558</v>
      </c>
    </row>
    <row r="16" spans="1:13" ht="16.5" customHeight="1" x14ac:dyDescent="0.2">
      <c r="E16" s="10" t="s">
        <v>11</v>
      </c>
      <c r="F16" s="376">
        <v>57352</v>
      </c>
      <c r="G16" s="376">
        <v>26939</v>
      </c>
      <c r="H16" s="376">
        <v>20591</v>
      </c>
      <c r="I16" s="377">
        <v>9822</v>
      </c>
    </row>
    <row r="17" spans="5:13" ht="16.5" customHeight="1" x14ac:dyDescent="0.2">
      <c r="E17" s="10" t="s">
        <v>12</v>
      </c>
      <c r="F17" s="376">
        <v>65370</v>
      </c>
      <c r="G17" s="376">
        <v>29872</v>
      </c>
      <c r="H17" s="376">
        <v>24354</v>
      </c>
      <c r="I17" s="377">
        <v>11144</v>
      </c>
    </row>
    <row r="18" spans="5:13" ht="16.5" customHeight="1" x14ac:dyDescent="0.2">
      <c r="E18" s="10" t="s">
        <v>13</v>
      </c>
      <c r="F18" s="376">
        <v>18652</v>
      </c>
      <c r="G18" s="376">
        <v>7544</v>
      </c>
      <c r="H18" s="376">
        <v>7122</v>
      </c>
      <c r="I18" s="377">
        <v>3986</v>
      </c>
      <c r="M18" s="1" t="s">
        <v>87</v>
      </c>
    </row>
    <row r="19" spans="5:13" ht="16.5" customHeight="1" x14ac:dyDescent="0.2">
      <c r="E19" s="10" t="s">
        <v>15</v>
      </c>
      <c r="F19" s="376">
        <v>16303</v>
      </c>
      <c r="G19" s="376">
        <v>7630</v>
      </c>
      <c r="H19" s="376">
        <v>5873</v>
      </c>
      <c r="I19" s="377">
        <v>2800</v>
      </c>
    </row>
    <row r="20" spans="5:13" ht="16.5" customHeight="1" x14ac:dyDescent="0.2">
      <c r="E20" s="10" t="s">
        <v>16</v>
      </c>
      <c r="F20" s="376">
        <v>49311</v>
      </c>
      <c r="G20" s="376">
        <v>24705</v>
      </c>
      <c r="H20" s="376">
        <v>17810</v>
      </c>
      <c r="I20" s="377">
        <v>6796</v>
      </c>
    </row>
    <row r="21" spans="5:13" ht="16.5" customHeight="1" x14ac:dyDescent="0.2">
      <c r="E21" s="10" t="s">
        <v>17</v>
      </c>
      <c r="F21" s="376">
        <v>58438</v>
      </c>
      <c r="G21" s="376">
        <v>29013</v>
      </c>
      <c r="H21" s="376">
        <v>21787</v>
      </c>
      <c r="I21" s="377">
        <v>7638</v>
      </c>
    </row>
    <row r="22" spans="5:13" ht="16.5" customHeight="1" x14ac:dyDescent="0.2">
      <c r="E22" s="10" t="s">
        <v>18</v>
      </c>
      <c r="F22" s="376">
        <v>57993</v>
      </c>
      <c r="G22" s="376">
        <v>27166</v>
      </c>
      <c r="H22" s="376">
        <v>22296</v>
      </c>
      <c r="I22" s="377">
        <v>8531</v>
      </c>
    </row>
    <row r="23" spans="5:13" ht="16.5" customHeight="1" x14ac:dyDescent="0.2">
      <c r="E23" s="10" t="s">
        <v>19</v>
      </c>
      <c r="F23" s="376">
        <v>26642</v>
      </c>
      <c r="G23" s="376">
        <v>12651</v>
      </c>
      <c r="H23" s="376">
        <v>10034</v>
      </c>
      <c r="I23" s="377">
        <v>3957</v>
      </c>
    </row>
    <row r="24" spans="5:13" ht="16.5" customHeight="1" x14ac:dyDescent="0.2">
      <c r="E24" s="10" t="s">
        <v>20</v>
      </c>
      <c r="F24" s="376">
        <v>33904</v>
      </c>
      <c r="G24" s="376">
        <v>16473</v>
      </c>
      <c r="H24" s="376">
        <v>12871</v>
      </c>
      <c r="I24" s="377">
        <v>4560</v>
      </c>
    </row>
    <row r="25" spans="5:13" ht="16.5" customHeight="1" x14ac:dyDescent="0.2">
      <c r="E25" s="10" t="s">
        <v>21</v>
      </c>
      <c r="F25" s="376">
        <v>34188</v>
      </c>
      <c r="G25" s="376">
        <v>16371</v>
      </c>
      <c r="H25" s="376">
        <v>12992</v>
      </c>
      <c r="I25" s="377">
        <v>4825</v>
      </c>
    </row>
    <row r="26" spans="5:13" ht="16.5" customHeight="1" x14ac:dyDescent="0.2">
      <c r="E26" s="10" t="s">
        <v>22</v>
      </c>
      <c r="F26" s="376">
        <v>13639</v>
      </c>
      <c r="G26" s="376">
        <v>6117</v>
      </c>
      <c r="H26" s="376">
        <v>5213</v>
      </c>
      <c r="I26" s="377">
        <v>2309</v>
      </c>
    </row>
    <row r="27" spans="5:13" ht="16.5" customHeight="1" x14ac:dyDescent="0.2">
      <c r="E27" s="10" t="s">
        <v>23</v>
      </c>
      <c r="F27" s="376">
        <v>23038</v>
      </c>
      <c r="G27" s="376">
        <v>10530</v>
      </c>
      <c r="H27" s="376">
        <v>9512</v>
      </c>
      <c r="I27" s="377">
        <v>2996</v>
      </c>
    </row>
    <row r="28" spans="5:13" ht="16.5" customHeight="1" x14ac:dyDescent="0.2">
      <c r="E28" s="10" t="s">
        <v>24</v>
      </c>
      <c r="F28" s="376">
        <v>10256</v>
      </c>
      <c r="G28" s="376">
        <v>4254</v>
      </c>
      <c r="H28" s="376">
        <v>3997</v>
      </c>
      <c r="I28" s="377">
        <v>2005</v>
      </c>
    </row>
    <row r="29" spans="5:13" ht="16.5" customHeight="1" x14ac:dyDescent="0.2">
      <c r="E29" s="10" t="s">
        <v>25</v>
      </c>
      <c r="F29" s="376">
        <v>13452</v>
      </c>
      <c r="G29" s="376">
        <v>6605</v>
      </c>
      <c r="H29" s="376">
        <v>5079</v>
      </c>
      <c r="I29" s="377">
        <v>1768</v>
      </c>
    </row>
    <row r="30" spans="5:13" ht="16.5" customHeight="1" x14ac:dyDescent="0.2">
      <c r="E30" s="10" t="s">
        <v>26</v>
      </c>
      <c r="F30" s="376">
        <v>11158</v>
      </c>
      <c r="G30" s="376">
        <v>5084</v>
      </c>
      <c r="H30" s="376">
        <v>4203</v>
      </c>
      <c r="I30" s="377">
        <v>1871</v>
      </c>
    </row>
    <row r="31" spans="5:13" ht="16.5" customHeight="1" x14ac:dyDescent="0.2">
      <c r="E31" s="10" t="s">
        <v>27</v>
      </c>
      <c r="F31" s="376">
        <v>9893</v>
      </c>
      <c r="G31" s="376">
        <v>4249</v>
      </c>
      <c r="H31" s="376">
        <v>3835</v>
      </c>
      <c r="I31" s="377">
        <v>1809</v>
      </c>
    </row>
    <row r="32" spans="5:13" ht="16.5" customHeight="1" x14ac:dyDescent="0.2">
      <c r="E32" s="10" t="s">
        <v>28</v>
      </c>
      <c r="F32" s="376">
        <v>3233</v>
      </c>
      <c r="G32" s="376">
        <v>1618</v>
      </c>
      <c r="H32" s="376">
        <v>1184</v>
      </c>
      <c r="I32" s="377">
        <v>431</v>
      </c>
    </row>
    <row r="33" spans="5:9" ht="16.5" customHeight="1" x14ac:dyDescent="0.2">
      <c r="E33" s="10" t="s">
        <v>29</v>
      </c>
      <c r="F33" s="376">
        <v>4981</v>
      </c>
      <c r="G33" s="376">
        <v>2388</v>
      </c>
      <c r="H33" s="376">
        <v>1878</v>
      </c>
      <c r="I33" s="377">
        <v>715</v>
      </c>
    </row>
    <row r="34" spans="5:9" ht="16.5" customHeight="1" x14ac:dyDescent="0.2">
      <c r="E34" s="10" t="s">
        <v>30</v>
      </c>
      <c r="F34" s="376">
        <v>3734</v>
      </c>
      <c r="G34" s="376">
        <v>1705</v>
      </c>
      <c r="H34" s="376">
        <v>1345</v>
      </c>
      <c r="I34" s="377">
        <v>684</v>
      </c>
    </row>
    <row r="35" spans="5:9" ht="16.5" customHeight="1" x14ac:dyDescent="0.2">
      <c r="E35" s="10" t="s">
        <v>31</v>
      </c>
      <c r="F35" s="376">
        <v>4029</v>
      </c>
      <c r="G35" s="376">
        <v>1987</v>
      </c>
      <c r="H35" s="376">
        <v>1282</v>
      </c>
      <c r="I35" s="377">
        <v>760</v>
      </c>
    </row>
    <row r="36" spans="5:9" ht="16.5" customHeight="1" x14ac:dyDescent="0.2">
      <c r="E36" s="10" t="s">
        <v>32</v>
      </c>
      <c r="F36" s="376">
        <v>4555</v>
      </c>
      <c r="G36" s="376">
        <v>2100</v>
      </c>
      <c r="H36" s="376">
        <v>1722</v>
      </c>
      <c r="I36" s="377">
        <v>733</v>
      </c>
    </row>
    <row r="37" spans="5:9" ht="16.5" customHeight="1" x14ac:dyDescent="0.2">
      <c r="E37" s="10" t="s">
        <v>33</v>
      </c>
      <c r="F37" s="376">
        <v>4176</v>
      </c>
      <c r="G37" s="376">
        <v>1941</v>
      </c>
      <c r="H37" s="376">
        <v>1537</v>
      </c>
      <c r="I37" s="377">
        <v>698</v>
      </c>
    </row>
    <row r="38" spans="5:9" ht="16.5" customHeight="1" x14ac:dyDescent="0.2">
      <c r="E38" s="10" t="s">
        <v>34</v>
      </c>
      <c r="F38" s="376">
        <v>3033</v>
      </c>
      <c r="G38" s="376">
        <v>1374</v>
      </c>
      <c r="H38" s="376">
        <v>1138</v>
      </c>
      <c r="I38" s="377">
        <v>521</v>
      </c>
    </row>
    <row r="39" spans="5:9" ht="16.5" customHeight="1" x14ac:dyDescent="0.2">
      <c r="E39" s="10" t="s">
        <v>35</v>
      </c>
      <c r="F39" s="376">
        <v>9930</v>
      </c>
      <c r="G39" s="376">
        <v>4408</v>
      </c>
      <c r="H39" s="376">
        <v>3775</v>
      </c>
      <c r="I39" s="377">
        <v>1747</v>
      </c>
    </row>
    <row r="40" spans="5:9" ht="16.5" customHeight="1" x14ac:dyDescent="0.2">
      <c r="E40" s="10" t="s">
        <v>36</v>
      </c>
      <c r="F40" s="376">
        <v>12337</v>
      </c>
      <c r="G40" s="376">
        <v>6443</v>
      </c>
      <c r="H40" s="376">
        <v>4426</v>
      </c>
      <c r="I40" s="377">
        <v>1468</v>
      </c>
    </row>
    <row r="41" spans="5:9" ht="16.5" customHeight="1" thickBot="1" x14ac:dyDescent="0.25">
      <c r="E41" s="11" t="s">
        <v>37</v>
      </c>
      <c r="F41" s="378">
        <v>1069</v>
      </c>
      <c r="G41" s="378">
        <v>575</v>
      </c>
      <c r="H41" s="378">
        <v>347</v>
      </c>
      <c r="I41" s="379">
        <v>147</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25" activePane="bottomRight" state="frozen"/>
      <selection pane="topRight" activeCell="B1" sqref="B1"/>
      <selection pane="bottomLeft" activeCell="A7" sqref="A7"/>
      <selection pane="bottomRight"/>
    </sheetView>
  </sheetViews>
  <sheetFormatPr defaultColWidth="9" defaultRowHeight="13.2" x14ac:dyDescent="0.2"/>
  <cols>
    <col min="1" max="4" width="9" style="256"/>
    <col min="5" max="5" width="7.77734375" style="256" customWidth="1"/>
    <col min="6" max="6" width="9" style="256"/>
    <col min="7" max="7" width="10.6640625" style="256" customWidth="1"/>
    <col min="8" max="15" width="9" style="256"/>
    <col min="16" max="16" width="7.88671875" style="256" customWidth="1"/>
    <col min="17" max="26" width="9" style="256"/>
    <col min="27" max="27" width="7.77734375" style="256" customWidth="1"/>
    <col min="28" max="37" width="9" style="256"/>
    <col min="38" max="38" width="6.77734375" style="256" customWidth="1"/>
    <col min="39" max="48" width="9" style="256"/>
    <col min="49" max="49" width="7.77734375" style="256" customWidth="1"/>
    <col min="50" max="59" width="9" style="256"/>
    <col min="60" max="60" width="7.44140625" style="256" customWidth="1"/>
    <col min="61" max="70" width="9" style="256"/>
    <col min="71" max="71" width="7.33203125" style="256" customWidth="1"/>
    <col min="72" max="81" width="9" style="256"/>
    <col min="82" max="82" width="7.44140625" style="256" customWidth="1"/>
    <col min="83" max="92" width="9" style="256"/>
    <col min="93" max="93" width="7.6640625" style="256" customWidth="1"/>
    <col min="94" max="16384" width="9" style="256"/>
  </cols>
  <sheetData>
    <row r="1" spans="1:111" ht="20.25" customHeight="1" x14ac:dyDescent="0.2">
      <c r="A1" s="291" t="s">
        <v>123</v>
      </c>
      <c r="I1" s="528">
        <f>第１表!F2</f>
        <v>4</v>
      </c>
      <c r="J1" s="528"/>
      <c r="K1" s="248">
        <f>第１表!G2</f>
        <v>5</v>
      </c>
      <c r="L1" s="529">
        <f>IF(K1&lt;3,K1+12-2,K1-2)</f>
        <v>3</v>
      </c>
      <c r="M1" s="529"/>
    </row>
    <row r="2" spans="1:111" ht="18.75" customHeight="1" thickBot="1" x14ac:dyDescent="0.25">
      <c r="A2" s="291" t="s">
        <v>131</v>
      </c>
    </row>
    <row r="3" spans="1:111" ht="13.8" thickBot="1" x14ac:dyDescent="0.25">
      <c r="A3" s="549"/>
      <c r="B3" s="552" t="s">
        <v>112</v>
      </c>
      <c r="C3" s="552"/>
      <c r="D3" s="552"/>
      <c r="E3" s="552"/>
      <c r="F3" s="552"/>
      <c r="G3" s="552"/>
      <c r="H3" s="552"/>
      <c r="I3" s="552"/>
      <c r="J3" s="552"/>
      <c r="K3" s="552"/>
      <c r="L3" s="553"/>
      <c r="M3" s="547" t="s">
        <v>111</v>
      </c>
      <c r="N3" s="547"/>
      <c r="O3" s="547"/>
      <c r="P3" s="547"/>
      <c r="Q3" s="547"/>
      <c r="R3" s="547"/>
      <c r="S3" s="547"/>
      <c r="T3" s="547"/>
      <c r="U3" s="547"/>
      <c r="V3" s="547"/>
      <c r="W3" s="548"/>
      <c r="X3" s="546" t="s">
        <v>110</v>
      </c>
      <c r="Y3" s="547"/>
      <c r="Z3" s="547"/>
      <c r="AA3" s="547"/>
      <c r="AB3" s="547"/>
      <c r="AC3" s="547"/>
      <c r="AD3" s="547"/>
      <c r="AE3" s="547"/>
      <c r="AF3" s="547"/>
      <c r="AG3" s="547"/>
      <c r="AH3" s="548"/>
      <c r="AI3" s="546" t="s">
        <v>109</v>
      </c>
      <c r="AJ3" s="547"/>
      <c r="AK3" s="547"/>
      <c r="AL3" s="547"/>
      <c r="AM3" s="547"/>
      <c r="AN3" s="547"/>
      <c r="AO3" s="547"/>
      <c r="AP3" s="547"/>
      <c r="AQ3" s="547"/>
      <c r="AR3" s="547"/>
      <c r="AS3" s="548"/>
      <c r="AT3" s="546" t="s">
        <v>108</v>
      </c>
      <c r="AU3" s="547"/>
      <c r="AV3" s="547"/>
      <c r="AW3" s="547"/>
      <c r="AX3" s="547"/>
      <c r="AY3" s="547"/>
      <c r="AZ3" s="547"/>
      <c r="BA3" s="547"/>
      <c r="BB3" s="547"/>
      <c r="BC3" s="547"/>
      <c r="BD3" s="548"/>
      <c r="BE3" s="546" t="s">
        <v>107</v>
      </c>
      <c r="BF3" s="547"/>
      <c r="BG3" s="547"/>
      <c r="BH3" s="547"/>
      <c r="BI3" s="547"/>
      <c r="BJ3" s="547"/>
      <c r="BK3" s="547"/>
      <c r="BL3" s="547"/>
      <c r="BM3" s="547"/>
      <c r="BN3" s="547"/>
      <c r="BO3" s="548"/>
      <c r="BP3" s="546" t="s">
        <v>106</v>
      </c>
      <c r="BQ3" s="547"/>
      <c r="BR3" s="547"/>
      <c r="BS3" s="547"/>
      <c r="BT3" s="547"/>
      <c r="BU3" s="547"/>
      <c r="BV3" s="547"/>
      <c r="BW3" s="547"/>
      <c r="BX3" s="547"/>
      <c r="BY3" s="547"/>
      <c r="BZ3" s="548"/>
      <c r="CA3" s="546" t="s">
        <v>128</v>
      </c>
      <c r="CB3" s="547"/>
      <c r="CC3" s="547"/>
      <c r="CD3" s="547"/>
      <c r="CE3" s="547"/>
      <c r="CF3" s="547"/>
      <c r="CG3" s="547"/>
      <c r="CH3" s="547"/>
      <c r="CI3" s="547"/>
      <c r="CJ3" s="547"/>
      <c r="CK3" s="548"/>
      <c r="CL3" s="546" t="s">
        <v>161</v>
      </c>
      <c r="CM3" s="547"/>
      <c r="CN3" s="547"/>
      <c r="CO3" s="547"/>
      <c r="CP3" s="547"/>
      <c r="CQ3" s="547"/>
      <c r="CR3" s="547"/>
      <c r="CS3" s="547"/>
      <c r="CT3" s="547"/>
      <c r="CU3" s="547"/>
      <c r="CV3" s="548"/>
      <c r="CW3" s="546" t="s">
        <v>157</v>
      </c>
      <c r="CX3" s="547"/>
      <c r="CY3" s="547"/>
      <c r="CZ3" s="547"/>
      <c r="DA3" s="547"/>
      <c r="DB3" s="547"/>
      <c r="DC3" s="547"/>
      <c r="DD3" s="547"/>
      <c r="DE3" s="547"/>
      <c r="DF3" s="547"/>
      <c r="DG3" s="548"/>
    </row>
    <row r="4" spans="1:111" x14ac:dyDescent="0.2">
      <c r="A4" s="550"/>
      <c r="B4" s="554" t="s">
        <v>61</v>
      </c>
      <c r="C4" s="533"/>
      <c r="D4" s="534"/>
      <c r="E4" s="535" t="s">
        <v>62</v>
      </c>
      <c r="F4" s="533"/>
      <c r="G4" s="533"/>
      <c r="H4" s="533"/>
      <c r="I4" s="533"/>
      <c r="J4" s="533"/>
      <c r="K4" s="536"/>
      <c r="L4" s="530" t="s">
        <v>52</v>
      </c>
      <c r="M4" s="554" t="s">
        <v>61</v>
      </c>
      <c r="N4" s="533"/>
      <c r="O4" s="534"/>
      <c r="P4" s="535" t="s">
        <v>62</v>
      </c>
      <c r="Q4" s="533"/>
      <c r="R4" s="533"/>
      <c r="S4" s="533"/>
      <c r="T4" s="533"/>
      <c r="U4" s="533"/>
      <c r="V4" s="534"/>
      <c r="W4" s="530" t="s">
        <v>52</v>
      </c>
      <c r="X4" s="532" t="s">
        <v>61</v>
      </c>
      <c r="Y4" s="533"/>
      <c r="Z4" s="536"/>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6"/>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row>
    <row r="5" spans="1:111" ht="28.5" customHeight="1" thickBot="1" x14ac:dyDescent="0.25">
      <c r="A5" s="551"/>
      <c r="B5" s="265" t="s">
        <v>43</v>
      </c>
      <c r="C5" s="260" t="s">
        <v>44</v>
      </c>
      <c r="D5" s="383" t="s">
        <v>45</v>
      </c>
      <c r="E5" s="268" t="s">
        <v>83</v>
      </c>
      <c r="F5" s="260" t="s">
        <v>47</v>
      </c>
      <c r="G5" s="260" t="s">
        <v>48</v>
      </c>
      <c r="H5" s="260" t="s">
        <v>49</v>
      </c>
      <c r="I5" s="260" t="s">
        <v>50</v>
      </c>
      <c r="J5" s="260" t="s">
        <v>51</v>
      </c>
      <c r="K5" s="269" t="s">
        <v>45</v>
      </c>
      <c r="L5" s="531"/>
      <c r="M5" s="265" t="s">
        <v>43</v>
      </c>
      <c r="N5" s="260" t="s">
        <v>44</v>
      </c>
      <c r="O5" s="266" t="s">
        <v>45</v>
      </c>
      <c r="P5" s="268" t="s">
        <v>83</v>
      </c>
      <c r="Q5" s="260" t="s">
        <v>47</v>
      </c>
      <c r="R5" s="260" t="s">
        <v>48</v>
      </c>
      <c r="S5" s="260" t="s">
        <v>49</v>
      </c>
      <c r="T5" s="260" t="s">
        <v>50</v>
      </c>
      <c r="U5" s="260" t="s">
        <v>51</v>
      </c>
      <c r="V5" s="266" t="s">
        <v>45</v>
      </c>
      <c r="W5" s="531"/>
      <c r="X5" s="324" t="s">
        <v>43</v>
      </c>
      <c r="Y5" s="260" t="s">
        <v>44</v>
      </c>
      <c r="Z5" s="269" t="s">
        <v>45</v>
      </c>
      <c r="AA5" s="268" t="s">
        <v>83</v>
      </c>
      <c r="AB5" s="260" t="s">
        <v>47</v>
      </c>
      <c r="AC5" s="260" t="s">
        <v>48</v>
      </c>
      <c r="AD5" s="260" t="s">
        <v>49</v>
      </c>
      <c r="AE5" s="260" t="s">
        <v>50</v>
      </c>
      <c r="AF5" s="260" t="s">
        <v>51</v>
      </c>
      <c r="AG5" s="266" t="s">
        <v>45</v>
      </c>
      <c r="AH5" s="531"/>
      <c r="AI5" s="324" t="s">
        <v>43</v>
      </c>
      <c r="AJ5" s="260" t="s">
        <v>44</v>
      </c>
      <c r="AK5" s="266" t="s">
        <v>45</v>
      </c>
      <c r="AL5" s="268" t="s">
        <v>83</v>
      </c>
      <c r="AM5" s="260" t="s">
        <v>47</v>
      </c>
      <c r="AN5" s="260" t="s">
        <v>48</v>
      </c>
      <c r="AO5" s="260" t="s">
        <v>49</v>
      </c>
      <c r="AP5" s="260" t="s">
        <v>50</v>
      </c>
      <c r="AQ5" s="260" t="s">
        <v>51</v>
      </c>
      <c r="AR5" s="266" t="s">
        <v>45</v>
      </c>
      <c r="AS5" s="531"/>
      <c r="AT5" s="324" t="s">
        <v>43</v>
      </c>
      <c r="AU5" s="260" t="s">
        <v>44</v>
      </c>
      <c r="AV5" s="269" t="s">
        <v>45</v>
      </c>
      <c r="AW5" s="268" t="s">
        <v>83</v>
      </c>
      <c r="AX5" s="260" t="s">
        <v>47</v>
      </c>
      <c r="AY5" s="260" t="s">
        <v>48</v>
      </c>
      <c r="AZ5" s="260" t="s">
        <v>49</v>
      </c>
      <c r="BA5" s="260" t="s">
        <v>50</v>
      </c>
      <c r="BB5" s="260" t="s">
        <v>51</v>
      </c>
      <c r="BC5" s="269" t="s">
        <v>45</v>
      </c>
      <c r="BD5" s="531"/>
      <c r="BE5" s="324" t="s">
        <v>43</v>
      </c>
      <c r="BF5" s="260" t="s">
        <v>44</v>
      </c>
      <c r="BG5" s="266" t="s">
        <v>45</v>
      </c>
      <c r="BH5" s="268" t="s">
        <v>83</v>
      </c>
      <c r="BI5" s="260" t="s">
        <v>47</v>
      </c>
      <c r="BJ5" s="260" t="s">
        <v>48</v>
      </c>
      <c r="BK5" s="260" t="s">
        <v>49</v>
      </c>
      <c r="BL5" s="260" t="s">
        <v>50</v>
      </c>
      <c r="BM5" s="260" t="s">
        <v>51</v>
      </c>
      <c r="BN5" s="266" t="s">
        <v>45</v>
      </c>
      <c r="BO5" s="531"/>
      <c r="BP5" s="324" t="s">
        <v>43</v>
      </c>
      <c r="BQ5" s="260" t="s">
        <v>44</v>
      </c>
      <c r="BR5" s="266" t="s">
        <v>45</v>
      </c>
      <c r="BS5" s="268" t="s">
        <v>83</v>
      </c>
      <c r="BT5" s="260" t="s">
        <v>47</v>
      </c>
      <c r="BU5" s="260" t="s">
        <v>48</v>
      </c>
      <c r="BV5" s="260" t="s">
        <v>49</v>
      </c>
      <c r="BW5" s="260" t="s">
        <v>50</v>
      </c>
      <c r="BX5" s="260" t="s">
        <v>51</v>
      </c>
      <c r="BY5" s="266" t="s">
        <v>45</v>
      </c>
      <c r="BZ5" s="531"/>
      <c r="CA5" s="324" t="s">
        <v>43</v>
      </c>
      <c r="CB5" s="260" t="s">
        <v>44</v>
      </c>
      <c r="CC5" s="266" t="s">
        <v>45</v>
      </c>
      <c r="CD5" s="268" t="s">
        <v>83</v>
      </c>
      <c r="CE5" s="260" t="s">
        <v>47</v>
      </c>
      <c r="CF5" s="260" t="s">
        <v>48</v>
      </c>
      <c r="CG5" s="260" t="s">
        <v>49</v>
      </c>
      <c r="CH5" s="260" t="s">
        <v>50</v>
      </c>
      <c r="CI5" s="260" t="s">
        <v>51</v>
      </c>
      <c r="CJ5" s="266" t="s">
        <v>45</v>
      </c>
      <c r="CK5" s="531"/>
      <c r="CL5" s="324" t="s">
        <v>43</v>
      </c>
      <c r="CM5" s="260" t="s">
        <v>44</v>
      </c>
      <c r="CN5" s="266" t="s">
        <v>45</v>
      </c>
      <c r="CO5" s="268" t="s">
        <v>83</v>
      </c>
      <c r="CP5" s="260" t="s">
        <v>47</v>
      </c>
      <c r="CQ5" s="260" t="s">
        <v>48</v>
      </c>
      <c r="CR5" s="260" t="s">
        <v>49</v>
      </c>
      <c r="CS5" s="260" t="s">
        <v>50</v>
      </c>
      <c r="CT5" s="260" t="s">
        <v>51</v>
      </c>
      <c r="CU5" s="266" t="s">
        <v>45</v>
      </c>
      <c r="CV5" s="531"/>
      <c r="CW5" s="366" t="s">
        <v>43</v>
      </c>
      <c r="CX5" s="260" t="s">
        <v>44</v>
      </c>
      <c r="CY5" s="266" t="s">
        <v>45</v>
      </c>
      <c r="CZ5" s="268" t="s">
        <v>83</v>
      </c>
      <c r="DA5" s="260" t="s">
        <v>47</v>
      </c>
      <c r="DB5" s="260" t="s">
        <v>48</v>
      </c>
      <c r="DC5" s="260" t="s">
        <v>49</v>
      </c>
      <c r="DD5" s="260" t="s">
        <v>50</v>
      </c>
      <c r="DE5" s="260" t="s">
        <v>51</v>
      </c>
      <c r="DF5" s="266" t="s">
        <v>45</v>
      </c>
      <c r="DG5" s="531"/>
    </row>
    <row r="6" spans="1:111" ht="18.75" customHeight="1" x14ac:dyDescent="0.2">
      <c r="A6" s="261" t="s">
        <v>4</v>
      </c>
      <c r="B6" s="270">
        <v>0</v>
      </c>
      <c r="C6" s="274">
        <v>0</v>
      </c>
      <c r="D6" s="384">
        <v>0</v>
      </c>
      <c r="E6" s="273">
        <v>0</v>
      </c>
      <c r="F6" s="274">
        <v>14177</v>
      </c>
      <c r="G6" s="274">
        <v>20757</v>
      </c>
      <c r="H6" s="274">
        <v>23034</v>
      </c>
      <c r="I6" s="274">
        <v>22305</v>
      </c>
      <c r="J6" s="274">
        <v>20675</v>
      </c>
      <c r="K6" s="275">
        <v>100948</v>
      </c>
      <c r="L6" s="276">
        <v>100948</v>
      </c>
      <c r="M6" s="270">
        <v>2</v>
      </c>
      <c r="N6" s="274">
        <v>15</v>
      </c>
      <c r="O6" s="271">
        <v>17</v>
      </c>
      <c r="P6" s="273">
        <v>0</v>
      </c>
      <c r="Q6" s="274">
        <v>48</v>
      </c>
      <c r="R6" s="274">
        <v>110</v>
      </c>
      <c r="S6" s="274">
        <v>265</v>
      </c>
      <c r="T6" s="274">
        <v>633</v>
      </c>
      <c r="U6" s="274">
        <v>1178</v>
      </c>
      <c r="V6" s="271">
        <v>2234</v>
      </c>
      <c r="W6" s="276">
        <v>2251</v>
      </c>
      <c r="X6" s="270">
        <v>1206</v>
      </c>
      <c r="Y6" s="274">
        <v>2821</v>
      </c>
      <c r="Z6" s="271">
        <v>4027</v>
      </c>
      <c r="AA6" s="273">
        <v>0</v>
      </c>
      <c r="AB6" s="274">
        <v>8740</v>
      </c>
      <c r="AC6" s="274">
        <v>12213</v>
      </c>
      <c r="AD6" s="274">
        <v>7970</v>
      </c>
      <c r="AE6" s="274">
        <v>6391</v>
      </c>
      <c r="AF6" s="274">
        <v>4809</v>
      </c>
      <c r="AG6" s="271">
        <v>40123</v>
      </c>
      <c r="AH6" s="276">
        <v>44150</v>
      </c>
      <c r="AI6" s="270">
        <v>218</v>
      </c>
      <c r="AJ6" s="274">
        <v>635</v>
      </c>
      <c r="AK6" s="271">
        <v>853</v>
      </c>
      <c r="AL6" s="273">
        <v>0</v>
      </c>
      <c r="AM6" s="274">
        <v>866</v>
      </c>
      <c r="AN6" s="274">
        <v>1426</v>
      </c>
      <c r="AO6" s="274">
        <v>1006</v>
      </c>
      <c r="AP6" s="274">
        <v>902</v>
      </c>
      <c r="AQ6" s="274">
        <v>491</v>
      </c>
      <c r="AR6" s="271">
        <v>4691</v>
      </c>
      <c r="AS6" s="276">
        <v>5544</v>
      </c>
      <c r="AT6" s="270">
        <v>0</v>
      </c>
      <c r="AU6" s="274">
        <v>0</v>
      </c>
      <c r="AV6" s="271">
        <v>0</v>
      </c>
      <c r="AW6" s="273">
        <v>0</v>
      </c>
      <c r="AX6" s="274">
        <v>12984</v>
      </c>
      <c r="AY6" s="274">
        <v>11799</v>
      </c>
      <c r="AZ6" s="274">
        <v>8066</v>
      </c>
      <c r="BA6" s="274">
        <v>3739</v>
      </c>
      <c r="BB6" s="274">
        <v>1414</v>
      </c>
      <c r="BC6" s="275">
        <v>38002</v>
      </c>
      <c r="BD6" s="276">
        <v>38002</v>
      </c>
      <c r="BE6" s="270">
        <v>0</v>
      </c>
      <c r="BF6" s="274">
        <v>0</v>
      </c>
      <c r="BG6" s="271">
        <v>0</v>
      </c>
      <c r="BH6" s="273">
        <v>0</v>
      </c>
      <c r="BI6" s="274">
        <v>2716</v>
      </c>
      <c r="BJ6" s="274">
        <v>3813</v>
      </c>
      <c r="BK6" s="274">
        <v>2447</v>
      </c>
      <c r="BL6" s="274">
        <v>1300</v>
      </c>
      <c r="BM6" s="274">
        <v>333</v>
      </c>
      <c r="BN6" s="271">
        <v>10609</v>
      </c>
      <c r="BO6" s="276">
        <v>10609</v>
      </c>
      <c r="BP6" s="270">
        <v>21</v>
      </c>
      <c r="BQ6" s="274">
        <v>107</v>
      </c>
      <c r="BR6" s="271">
        <v>128</v>
      </c>
      <c r="BS6" s="273">
        <v>0</v>
      </c>
      <c r="BT6" s="274">
        <v>1430</v>
      </c>
      <c r="BU6" s="274">
        <v>1745</v>
      </c>
      <c r="BV6" s="274">
        <v>3408</v>
      </c>
      <c r="BW6" s="274">
        <v>2790</v>
      </c>
      <c r="BX6" s="274">
        <v>998</v>
      </c>
      <c r="BY6" s="271">
        <v>10371</v>
      </c>
      <c r="BZ6" s="276">
        <v>10499</v>
      </c>
      <c r="CA6" s="270">
        <v>0</v>
      </c>
      <c r="CB6" s="274">
        <v>3</v>
      </c>
      <c r="CC6" s="271">
        <v>3</v>
      </c>
      <c r="CD6" s="273">
        <v>0</v>
      </c>
      <c r="CE6" s="274">
        <v>174</v>
      </c>
      <c r="CF6" s="274">
        <v>304</v>
      </c>
      <c r="CG6" s="274">
        <v>352</v>
      </c>
      <c r="CH6" s="274">
        <v>239</v>
      </c>
      <c r="CI6" s="274">
        <v>135</v>
      </c>
      <c r="CJ6" s="271">
        <v>1204</v>
      </c>
      <c r="CK6" s="276">
        <v>1207</v>
      </c>
      <c r="CL6" s="270">
        <v>0</v>
      </c>
      <c r="CM6" s="274">
        <v>0</v>
      </c>
      <c r="CN6" s="271">
        <v>0</v>
      </c>
      <c r="CO6" s="273">
        <v>0</v>
      </c>
      <c r="CP6" s="274">
        <v>0</v>
      </c>
      <c r="CQ6" s="274">
        <v>0</v>
      </c>
      <c r="CR6" s="274">
        <v>0</v>
      </c>
      <c r="CS6" s="274">
        <v>0</v>
      </c>
      <c r="CT6" s="274">
        <v>0</v>
      </c>
      <c r="CU6" s="271">
        <v>0</v>
      </c>
      <c r="CV6" s="276">
        <v>0</v>
      </c>
      <c r="CW6" s="270">
        <v>0</v>
      </c>
      <c r="CX6" s="274">
        <v>0</v>
      </c>
      <c r="CY6" s="271">
        <v>0</v>
      </c>
      <c r="CZ6" s="273">
        <v>0</v>
      </c>
      <c r="DA6" s="274">
        <v>0</v>
      </c>
      <c r="DB6" s="274">
        <v>0</v>
      </c>
      <c r="DC6" s="274">
        <v>0</v>
      </c>
      <c r="DD6" s="274">
        <v>0</v>
      </c>
      <c r="DE6" s="274">
        <v>0</v>
      </c>
      <c r="DF6" s="271">
        <v>0</v>
      </c>
      <c r="DG6" s="276">
        <v>0</v>
      </c>
    </row>
    <row r="7" spans="1:111" ht="18.75" customHeight="1" x14ac:dyDescent="0.2">
      <c r="A7" s="262" t="s">
        <v>5</v>
      </c>
      <c r="B7" s="277">
        <v>0</v>
      </c>
      <c r="C7" s="281">
        <v>0</v>
      </c>
      <c r="D7" s="385">
        <v>0</v>
      </c>
      <c r="E7" s="280">
        <v>0</v>
      </c>
      <c r="F7" s="281">
        <v>5354</v>
      </c>
      <c r="G7" s="281">
        <v>9571</v>
      </c>
      <c r="H7" s="281">
        <v>9189</v>
      </c>
      <c r="I7" s="281">
        <v>7841</v>
      </c>
      <c r="J7" s="281">
        <v>8336</v>
      </c>
      <c r="K7" s="282">
        <v>40291</v>
      </c>
      <c r="L7" s="283">
        <v>40291</v>
      </c>
      <c r="M7" s="277">
        <v>2</v>
      </c>
      <c r="N7" s="281">
        <v>15</v>
      </c>
      <c r="O7" s="278">
        <v>17</v>
      </c>
      <c r="P7" s="280">
        <v>0</v>
      </c>
      <c r="Q7" s="281">
        <v>14</v>
      </c>
      <c r="R7" s="281">
        <v>64</v>
      </c>
      <c r="S7" s="281">
        <v>104</v>
      </c>
      <c r="T7" s="281">
        <v>231</v>
      </c>
      <c r="U7" s="281">
        <v>511</v>
      </c>
      <c r="V7" s="278">
        <v>924</v>
      </c>
      <c r="W7" s="283">
        <v>941</v>
      </c>
      <c r="X7" s="277">
        <v>606</v>
      </c>
      <c r="Y7" s="281">
        <v>1711</v>
      </c>
      <c r="Z7" s="278">
        <v>2317</v>
      </c>
      <c r="AA7" s="280">
        <v>0</v>
      </c>
      <c r="AB7" s="281">
        <v>3430</v>
      </c>
      <c r="AC7" s="281">
        <v>6815</v>
      </c>
      <c r="AD7" s="281">
        <v>4332</v>
      </c>
      <c r="AE7" s="281">
        <v>2938</v>
      </c>
      <c r="AF7" s="281">
        <v>2169</v>
      </c>
      <c r="AG7" s="278">
        <v>19684</v>
      </c>
      <c r="AH7" s="283">
        <v>22001</v>
      </c>
      <c r="AI7" s="277">
        <v>80</v>
      </c>
      <c r="AJ7" s="281">
        <v>389</v>
      </c>
      <c r="AK7" s="278">
        <v>469</v>
      </c>
      <c r="AL7" s="280">
        <v>0</v>
      </c>
      <c r="AM7" s="281">
        <v>171</v>
      </c>
      <c r="AN7" s="281">
        <v>669</v>
      </c>
      <c r="AO7" s="281">
        <v>410</v>
      </c>
      <c r="AP7" s="281">
        <v>294</v>
      </c>
      <c r="AQ7" s="281">
        <v>181</v>
      </c>
      <c r="AR7" s="278">
        <v>1725</v>
      </c>
      <c r="AS7" s="283">
        <v>2194</v>
      </c>
      <c r="AT7" s="277">
        <v>0</v>
      </c>
      <c r="AU7" s="281">
        <v>0</v>
      </c>
      <c r="AV7" s="278">
        <v>0</v>
      </c>
      <c r="AW7" s="280">
        <v>0</v>
      </c>
      <c r="AX7" s="281">
        <v>4681</v>
      </c>
      <c r="AY7" s="281">
        <v>5162</v>
      </c>
      <c r="AZ7" s="281">
        <v>3101</v>
      </c>
      <c r="BA7" s="281">
        <v>1228</v>
      </c>
      <c r="BB7" s="281">
        <v>502</v>
      </c>
      <c r="BC7" s="282">
        <v>14674</v>
      </c>
      <c r="BD7" s="283">
        <v>14674</v>
      </c>
      <c r="BE7" s="277">
        <v>0</v>
      </c>
      <c r="BF7" s="281">
        <v>0</v>
      </c>
      <c r="BG7" s="278">
        <v>0</v>
      </c>
      <c r="BH7" s="280">
        <v>0</v>
      </c>
      <c r="BI7" s="281">
        <v>939</v>
      </c>
      <c r="BJ7" s="281">
        <v>1698</v>
      </c>
      <c r="BK7" s="281">
        <v>1109</v>
      </c>
      <c r="BL7" s="281">
        <v>490</v>
      </c>
      <c r="BM7" s="281">
        <v>157</v>
      </c>
      <c r="BN7" s="278">
        <v>4393</v>
      </c>
      <c r="BO7" s="283">
        <v>4393</v>
      </c>
      <c r="BP7" s="277">
        <v>12</v>
      </c>
      <c r="BQ7" s="281">
        <v>64</v>
      </c>
      <c r="BR7" s="278">
        <v>76</v>
      </c>
      <c r="BS7" s="280">
        <v>0</v>
      </c>
      <c r="BT7" s="281">
        <v>425</v>
      </c>
      <c r="BU7" s="281">
        <v>628</v>
      </c>
      <c r="BV7" s="281">
        <v>1341</v>
      </c>
      <c r="BW7" s="281">
        <v>1025</v>
      </c>
      <c r="BX7" s="281">
        <v>325</v>
      </c>
      <c r="BY7" s="278">
        <v>3744</v>
      </c>
      <c r="BZ7" s="283">
        <v>3820</v>
      </c>
      <c r="CA7" s="277">
        <v>0</v>
      </c>
      <c r="CB7" s="281">
        <v>3</v>
      </c>
      <c r="CC7" s="278">
        <v>3</v>
      </c>
      <c r="CD7" s="280">
        <v>0</v>
      </c>
      <c r="CE7" s="281">
        <v>98</v>
      </c>
      <c r="CF7" s="281">
        <v>202</v>
      </c>
      <c r="CG7" s="281">
        <v>263</v>
      </c>
      <c r="CH7" s="281">
        <v>163</v>
      </c>
      <c r="CI7" s="281">
        <v>67</v>
      </c>
      <c r="CJ7" s="278">
        <v>793</v>
      </c>
      <c r="CK7" s="283">
        <v>796</v>
      </c>
      <c r="CL7" s="277">
        <v>0</v>
      </c>
      <c r="CM7" s="281">
        <v>0</v>
      </c>
      <c r="CN7" s="278">
        <v>0</v>
      </c>
      <c r="CO7" s="280">
        <v>0</v>
      </c>
      <c r="CP7" s="281">
        <v>0</v>
      </c>
      <c r="CQ7" s="281">
        <v>0</v>
      </c>
      <c r="CR7" s="281">
        <v>0</v>
      </c>
      <c r="CS7" s="281">
        <v>0</v>
      </c>
      <c r="CT7" s="281">
        <v>0</v>
      </c>
      <c r="CU7" s="278">
        <v>0</v>
      </c>
      <c r="CV7" s="283">
        <v>0</v>
      </c>
      <c r="CW7" s="277">
        <v>0</v>
      </c>
      <c r="CX7" s="281">
        <v>0</v>
      </c>
      <c r="CY7" s="278">
        <v>0</v>
      </c>
      <c r="CZ7" s="280">
        <v>0</v>
      </c>
      <c r="DA7" s="281">
        <v>0</v>
      </c>
      <c r="DB7" s="281">
        <v>0</v>
      </c>
      <c r="DC7" s="281">
        <v>0</v>
      </c>
      <c r="DD7" s="281">
        <v>0</v>
      </c>
      <c r="DE7" s="281">
        <v>0</v>
      </c>
      <c r="DF7" s="278">
        <v>0</v>
      </c>
      <c r="DG7" s="283">
        <v>0</v>
      </c>
    </row>
    <row r="8" spans="1:111" ht="18.75" customHeight="1" x14ac:dyDescent="0.2">
      <c r="A8" s="262" t="s">
        <v>6</v>
      </c>
      <c r="B8" s="277">
        <v>0</v>
      </c>
      <c r="C8" s="281">
        <v>0</v>
      </c>
      <c r="D8" s="385">
        <v>0</v>
      </c>
      <c r="E8" s="280">
        <v>0</v>
      </c>
      <c r="F8" s="281">
        <v>1872</v>
      </c>
      <c r="G8" s="281">
        <v>2087</v>
      </c>
      <c r="H8" s="281">
        <v>2765</v>
      </c>
      <c r="I8" s="281">
        <v>3399</v>
      </c>
      <c r="J8" s="281">
        <v>3228</v>
      </c>
      <c r="K8" s="282">
        <v>13351</v>
      </c>
      <c r="L8" s="283">
        <v>13351</v>
      </c>
      <c r="M8" s="277">
        <v>0</v>
      </c>
      <c r="N8" s="281">
        <v>0</v>
      </c>
      <c r="O8" s="278">
        <v>0</v>
      </c>
      <c r="P8" s="280">
        <v>0</v>
      </c>
      <c r="Q8" s="281">
        <v>5</v>
      </c>
      <c r="R8" s="281">
        <v>13</v>
      </c>
      <c r="S8" s="281">
        <v>22</v>
      </c>
      <c r="T8" s="281">
        <v>80</v>
      </c>
      <c r="U8" s="281">
        <v>153</v>
      </c>
      <c r="V8" s="278">
        <v>273</v>
      </c>
      <c r="W8" s="283">
        <v>273</v>
      </c>
      <c r="X8" s="277">
        <v>170</v>
      </c>
      <c r="Y8" s="281">
        <v>317</v>
      </c>
      <c r="Z8" s="278">
        <v>487</v>
      </c>
      <c r="AA8" s="280">
        <v>0</v>
      </c>
      <c r="AB8" s="281">
        <v>1402</v>
      </c>
      <c r="AC8" s="281">
        <v>1425</v>
      </c>
      <c r="AD8" s="281">
        <v>879</v>
      </c>
      <c r="AE8" s="281">
        <v>1126</v>
      </c>
      <c r="AF8" s="281">
        <v>825</v>
      </c>
      <c r="AG8" s="278">
        <v>5657</v>
      </c>
      <c r="AH8" s="283">
        <v>6144</v>
      </c>
      <c r="AI8" s="277">
        <v>16</v>
      </c>
      <c r="AJ8" s="281">
        <v>8</v>
      </c>
      <c r="AK8" s="278">
        <v>24</v>
      </c>
      <c r="AL8" s="280">
        <v>0</v>
      </c>
      <c r="AM8" s="281">
        <v>160</v>
      </c>
      <c r="AN8" s="281">
        <v>172</v>
      </c>
      <c r="AO8" s="281">
        <v>121</v>
      </c>
      <c r="AP8" s="281">
        <v>140</v>
      </c>
      <c r="AQ8" s="281">
        <v>108</v>
      </c>
      <c r="AR8" s="278">
        <v>701</v>
      </c>
      <c r="AS8" s="283">
        <v>725</v>
      </c>
      <c r="AT8" s="277">
        <v>0</v>
      </c>
      <c r="AU8" s="281">
        <v>0</v>
      </c>
      <c r="AV8" s="278">
        <v>0</v>
      </c>
      <c r="AW8" s="280">
        <v>0</v>
      </c>
      <c r="AX8" s="281">
        <v>1686</v>
      </c>
      <c r="AY8" s="281">
        <v>1285</v>
      </c>
      <c r="AZ8" s="281">
        <v>912</v>
      </c>
      <c r="BA8" s="281">
        <v>513</v>
      </c>
      <c r="BB8" s="281">
        <v>202</v>
      </c>
      <c r="BC8" s="282">
        <v>4598</v>
      </c>
      <c r="BD8" s="283">
        <v>4598</v>
      </c>
      <c r="BE8" s="277">
        <v>0</v>
      </c>
      <c r="BF8" s="281">
        <v>0</v>
      </c>
      <c r="BG8" s="278">
        <v>0</v>
      </c>
      <c r="BH8" s="280">
        <v>0</v>
      </c>
      <c r="BI8" s="281">
        <v>363</v>
      </c>
      <c r="BJ8" s="281">
        <v>422</v>
      </c>
      <c r="BK8" s="281">
        <v>323</v>
      </c>
      <c r="BL8" s="281">
        <v>148</v>
      </c>
      <c r="BM8" s="281">
        <v>72</v>
      </c>
      <c r="BN8" s="278">
        <v>1328</v>
      </c>
      <c r="BO8" s="283">
        <v>1328</v>
      </c>
      <c r="BP8" s="277">
        <v>0</v>
      </c>
      <c r="BQ8" s="281">
        <v>6</v>
      </c>
      <c r="BR8" s="278">
        <v>6</v>
      </c>
      <c r="BS8" s="280">
        <v>0</v>
      </c>
      <c r="BT8" s="281">
        <v>142</v>
      </c>
      <c r="BU8" s="281">
        <v>172</v>
      </c>
      <c r="BV8" s="281">
        <v>227</v>
      </c>
      <c r="BW8" s="281">
        <v>274</v>
      </c>
      <c r="BX8" s="281">
        <v>119</v>
      </c>
      <c r="BY8" s="278">
        <v>934</v>
      </c>
      <c r="BZ8" s="283">
        <v>940</v>
      </c>
      <c r="CA8" s="277">
        <v>0</v>
      </c>
      <c r="CB8" s="281">
        <v>0</v>
      </c>
      <c r="CC8" s="278">
        <v>0</v>
      </c>
      <c r="CD8" s="280">
        <v>0</v>
      </c>
      <c r="CE8" s="281">
        <v>17</v>
      </c>
      <c r="CF8" s="281">
        <v>23</v>
      </c>
      <c r="CG8" s="281">
        <v>18</v>
      </c>
      <c r="CH8" s="281">
        <v>37</v>
      </c>
      <c r="CI8" s="281">
        <v>31</v>
      </c>
      <c r="CJ8" s="278">
        <v>126</v>
      </c>
      <c r="CK8" s="283">
        <v>126</v>
      </c>
      <c r="CL8" s="277">
        <v>0</v>
      </c>
      <c r="CM8" s="281">
        <v>0</v>
      </c>
      <c r="CN8" s="278">
        <v>0</v>
      </c>
      <c r="CO8" s="280">
        <v>0</v>
      </c>
      <c r="CP8" s="281">
        <v>0</v>
      </c>
      <c r="CQ8" s="281">
        <v>0</v>
      </c>
      <c r="CR8" s="281">
        <v>0</v>
      </c>
      <c r="CS8" s="281">
        <v>0</v>
      </c>
      <c r="CT8" s="281">
        <v>0</v>
      </c>
      <c r="CU8" s="278">
        <v>0</v>
      </c>
      <c r="CV8" s="283">
        <v>0</v>
      </c>
      <c r="CW8" s="277">
        <v>0</v>
      </c>
      <c r="CX8" s="281">
        <v>0</v>
      </c>
      <c r="CY8" s="278">
        <v>0</v>
      </c>
      <c r="CZ8" s="280">
        <v>0</v>
      </c>
      <c r="DA8" s="281">
        <v>0</v>
      </c>
      <c r="DB8" s="281">
        <v>0</v>
      </c>
      <c r="DC8" s="281">
        <v>0</v>
      </c>
      <c r="DD8" s="281">
        <v>0</v>
      </c>
      <c r="DE8" s="281">
        <v>0</v>
      </c>
      <c r="DF8" s="278">
        <v>0</v>
      </c>
      <c r="DG8" s="283">
        <v>0</v>
      </c>
    </row>
    <row r="9" spans="1:111" ht="18.75" customHeight="1" x14ac:dyDescent="0.2">
      <c r="A9" s="262" t="s">
        <v>14</v>
      </c>
      <c r="B9" s="277">
        <v>0</v>
      </c>
      <c r="C9" s="281">
        <v>0</v>
      </c>
      <c r="D9" s="385">
        <v>0</v>
      </c>
      <c r="E9" s="280">
        <v>0</v>
      </c>
      <c r="F9" s="281">
        <v>1046</v>
      </c>
      <c r="G9" s="281">
        <v>1523</v>
      </c>
      <c r="H9" s="281">
        <v>1135</v>
      </c>
      <c r="I9" s="281">
        <v>648</v>
      </c>
      <c r="J9" s="281">
        <v>1187</v>
      </c>
      <c r="K9" s="282">
        <v>5539</v>
      </c>
      <c r="L9" s="283">
        <v>5539</v>
      </c>
      <c r="M9" s="277">
        <v>0</v>
      </c>
      <c r="N9" s="281">
        <v>0</v>
      </c>
      <c r="O9" s="278">
        <v>0</v>
      </c>
      <c r="P9" s="280">
        <v>0</v>
      </c>
      <c r="Q9" s="281">
        <v>0</v>
      </c>
      <c r="R9" s="281">
        <v>1</v>
      </c>
      <c r="S9" s="281">
        <v>1</v>
      </c>
      <c r="T9" s="281">
        <v>27</v>
      </c>
      <c r="U9" s="281">
        <v>66</v>
      </c>
      <c r="V9" s="278">
        <v>95</v>
      </c>
      <c r="W9" s="283">
        <v>95</v>
      </c>
      <c r="X9" s="277">
        <v>26</v>
      </c>
      <c r="Y9" s="281">
        <v>197</v>
      </c>
      <c r="Z9" s="278">
        <v>223</v>
      </c>
      <c r="AA9" s="280">
        <v>0</v>
      </c>
      <c r="AB9" s="281">
        <v>558</v>
      </c>
      <c r="AC9" s="281">
        <v>806</v>
      </c>
      <c r="AD9" s="281">
        <v>608</v>
      </c>
      <c r="AE9" s="281">
        <v>484</v>
      </c>
      <c r="AF9" s="281">
        <v>287</v>
      </c>
      <c r="AG9" s="278">
        <v>2743</v>
      </c>
      <c r="AH9" s="283">
        <v>2966</v>
      </c>
      <c r="AI9" s="277">
        <v>8</v>
      </c>
      <c r="AJ9" s="281">
        <v>46</v>
      </c>
      <c r="AK9" s="278">
        <v>54</v>
      </c>
      <c r="AL9" s="280">
        <v>0</v>
      </c>
      <c r="AM9" s="281">
        <v>0</v>
      </c>
      <c r="AN9" s="281">
        <v>0</v>
      </c>
      <c r="AO9" s="281">
        <v>31</v>
      </c>
      <c r="AP9" s="281">
        <v>41</v>
      </c>
      <c r="AQ9" s="281">
        <v>22</v>
      </c>
      <c r="AR9" s="278">
        <v>94</v>
      </c>
      <c r="AS9" s="283">
        <v>148</v>
      </c>
      <c r="AT9" s="277">
        <v>0</v>
      </c>
      <c r="AU9" s="281">
        <v>0</v>
      </c>
      <c r="AV9" s="278">
        <v>0</v>
      </c>
      <c r="AW9" s="280">
        <v>0</v>
      </c>
      <c r="AX9" s="281">
        <v>988</v>
      </c>
      <c r="AY9" s="281">
        <v>856</v>
      </c>
      <c r="AZ9" s="281">
        <v>788</v>
      </c>
      <c r="BA9" s="281">
        <v>476</v>
      </c>
      <c r="BB9" s="281">
        <v>108</v>
      </c>
      <c r="BC9" s="282">
        <v>3216</v>
      </c>
      <c r="BD9" s="283">
        <v>3216</v>
      </c>
      <c r="BE9" s="277">
        <v>0</v>
      </c>
      <c r="BF9" s="281">
        <v>0</v>
      </c>
      <c r="BG9" s="278">
        <v>0</v>
      </c>
      <c r="BH9" s="280">
        <v>0</v>
      </c>
      <c r="BI9" s="281">
        <v>42</v>
      </c>
      <c r="BJ9" s="281">
        <v>219</v>
      </c>
      <c r="BK9" s="281">
        <v>161</v>
      </c>
      <c r="BL9" s="281">
        <v>65</v>
      </c>
      <c r="BM9" s="281">
        <v>19</v>
      </c>
      <c r="BN9" s="278">
        <v>506</v>
      </c>
      <c r="BO9" s="283">
        <v>506</v>
      </c>
      <c r="BP9" s="277">
        <v>0</v>
      </c>
      <c r="BQ9" s="281">
        <v>3</v>
      </c>
      <c r="BR9" s="278">
        <v>3</v>
      </c>
      <c r="BS9" s="280">
        <v>0</v>
      </c>
      <c r="BT9" s="281">
        <v>125</v>
      </c>
      <c r="BU9" s="281">
        <v>73</v>
      </c>
      <c r="BV9" s="281">
        <v>239</v>
      </c>
      <c r="BW9" s="281">
        <v>306</v>
      </c>
      <c r="BX9" s="281">
        <v>83</v>
      </c>
      <c r="BY9" s="278">
        <v>826</v>
      </c>
      <c r="BZ9" s="283">
        <v>829</v>
      </c>
      <c r="CA9" s="277">
        <v>0</v>
      </c>
      <c r="CB9" s="281">
        <v>0</v>
      </c>
      <c r="CC9" s="278">
        <v>0</v>
      </c>
      <c r="CD9" s="280">
        <v>0</v>
      </c>
      <c r="CE9" s="281">
        <v>14</v>
      </c>
      <c r="CF9" s="281">
        <v>6</v>
      </c>
      <c r="CG9" s="281">
        <v>17</v>
      </c>
      <c r="CH9" s="281">
        <v>0</v>
      </c>
      <c r="CI9" s="281">
        <v>2</v>
      </c>
      <c r="CJ9" s="278">
        <v>39</v>
      </c>
      <c r="CK9" s="283">
        <v>39</v>
      </c>
      <c r="CL9" s="277">
        <v>0</v>
      </c>
      <c r="CM9" s="281">
        <v>0</v>
      </c>
      <c r="CN9" s="278">
        <v>0</v>
      </c>
      <c r="CO9" s="280">
        <v>0</v>
      </c>
      <c r="CP9" s="281">
        <v>0</v>
      </c>
      <c r="CQ9" s="281">
        <v>0</v>
      </c>
      <c r="CR9" s="281">
        <v>0</v>
      </c>
      <c r="CS9" s="281">
        <v>0</v>
      </c>
      <c r="CT9" s="281">
        <v>0</v>
      </c>
      <c r="CU9" s="278">
        <v>0</v>
      </c>
      <c r="CV9" s="283">
        <v>0</v>
      </c>
      <c r="CW9" s="277">
        <v>0</v>
      </c>
      <c r="CX9" s="281">
        <v>0</v>
      </c>
      <c r="CY9" s="278">
        <v>0</v>
      </c>
      <c r="CZ9" s="280">
        <v>0</v>
      </c>
      <c r="DA9" s="281">
        <v>0</v>
      </c>
      <c r="DB9" s="281">
        <v>0</v>
      </c>
      <c r="DC9" s="281">
        <v>0</v>
      </c>
      <c r="DD9" s="281">
        <v>0</v>
      </c>
      <c r="DE9" s="281">
        <v>0</v>
      </c>
      <c r="DF9" s="278">
        <v>0</v>
      </c>
      <c r="DG9" s="283">
        <v>0</v>
      </c>
    </row>
    <row r="10" spans="1:111" ht="18.75" customHeight="1" x14ac:dyDescent="0.2">
      <c r="A10" s="262" t="s">
        <v>7</v>
      </c>
      <c r="B10" s="277">
        <v>0</v>
      </c>
      <c r="C10" s="281">
        <v>0</v>
      </c>
      <c r="D10" s="385">
        <v>0</v>
      </c>
      <c r="E10" s="280">
        <v>0</v>
      </c>
      <c r="F10" s="281">
        <v>1483</v>
      </c>
      <c r="G10" s="281">
        <v>1602</v>
      </c>
      <c r="H10" s="281">
        <v>2310</v>
      </c>
      <c r="I10" s="281">
        <v>1838</v>
      </c>
      <c r="J10" s="281">
        <v>1177</v>
      </c>
      <c r="K10" s="282">
        <v>8410</v>
      </c>
      <c r="L10" s="283">
        <v>8410</v>
      </c>
      <c r="M10" s="277">
        <v>0</v>
      </c>
      <c r="N10" s="281">
        <v>0</v>
      </c>
      <c r="O10" s="278">
        <v>0</v>
      </c>
      <c r="P10" s="280">
        <v>0</v>
      </c>
      <c r="Q10" s="281">
        <v>9</v>
      </c>
      <c r="R10" s="281">
        <v>16</v>
      </c>
      <c r="S10" s="281">
        <v>41</v>
      </c>
      <c r="T10" s="281">
        <v>58</v>
      </c>
      <c r="U10" s="281">
        <v>76</v>
      </c>
      <c r="V10" s="278">
        <v>200</v>
      </c>
      <c r="W10" s="283">
        <v>200</v>
      </c>
      <c r="X10" s="277">
        <v>14</v>
      </c>
      <c r="Y10" s="281">
        <v>28</v>
      </c>
      <c r="Z10" s="278">
        <v>42</v>
      </c>
      <c r="AA10" s="280">
        <v>0</v>
      </c>
      <c r="AB10" s="281">
        <v>366</v>
      </c>
      <c r="AC10" s="281">
        <v>484</v>
      </c>
      <c r="AD10" s="281">
        <v>415</v>
      </c>
      <c r="AE10" s="281">
        <v>249</v>
      </c>
      <c r="AF10" s="281">
        <v>212</v>
      </c>
      <c r="AG10" s="278">
        <v>1726</v>
      </c>
      <c r="AH10" s="283">
        <v>1768</v>
      </c>
      <c r="AI10" s="277">
        <v>0</v>
      </c>
      <c r="AJ10" s="281">
        <v>0</v>
      </c>
      <c r="AK10" s="278">
        <v>0</v>
      </c>
      <c r="AL10" s="280">
        <v>0</v>
      </c>
      <c r="AM10" s="281">
        <v>14</v>
      </c>
      <c r="AN10" s="281">
        <v>10</v>
      </c>
      <c r="AO10" s="281">
        <v>30</v>
      </c>
      <c r="AP10" s="281">
        <v>14</v>
      </c>
      <c r="AQ10" s="281">
        <v>0</v>
      </c>
      <c r="AR10" s="278">
        <v>68</v>
      </c>
      <c r="AS10" s="283">
        <v>68</v>
      </c>
      <c r="AT10" s="277">
        <v>0</v>
      </c>
      <c r="AU10" s="281">
        <v>0</v>
      </c>
      <c r="AV10" s="278">
        <v>0</v>
      </c>
      <c r="AW10" s="280">
        <v>0</v>
      </c>
      <c r="AX10" s="281">
        <v>1027</v>
      </c>
      <c r="AY10" s="281">
        <v>814</v>
      </c>
      <c r="AZ10" s="281">
        <v>588</v>
      </c>
      <c r="BA10" s="281">
        <v>228</v>
      </c>
      <c r="BB10" s="281">
        <v>46</v>
      </c>
      <c r="BC10" s="282">
        <v>2703</v>
      </c>
      <c r="BD10" s="283">
        <v>2703</v>
      </c>
      <c r="BE10" s="277">
        <v>0</v>
      </c>
      <c r="BF10" s="281">
        <v>0</v>
      </c>
      <c r="BG10" s="278">
        <v>0</v>
      </c>
      <c r="BH10" s="280">
        <v>0</v>
      </c>
      <c r="BI10" s="281">
        <v>193</v>
      </c>
      <c r="BJ10" s="281">
        <v>115</v>
      </c>
      <c r="BK10" s="281">
        <v>122</v>
      </c>
      <c r="BL10" s="281">
        <v>34</v>
      </c>
      <c r="BM10" s="281">
        <v>8</v>
      </c>
      <c r="BN10" s="278">
        <v>472</v>
      </c>
      <c r="BO10" s="283">
        <v>472</v>
      </c>
      <c r="BP10" s="277">
        <v>0</v>
      </c>
      <c r="BQ10" s="281">
        <v>0</v>
      </c>
      <c r="BR10" s="278">
        <v>0</v>
      </c>
      <c r="BS10" s="280">
        <v>0</v>
      </c>
      <c r="BT10" s="281">
        <v>179</v>
      </c>
      <c r="BU10" s="281">
        <v>146</v>
      </c>
      <c r="BV10" s="281">
        <v>180</v>
      </c>
      <c r="BW10" s="281">
        <v>126</v>
      </c>
      <c r="BX10" s="281">
        <v>78</v>
      </c>
      <c r="BY10" s="278">
        <v>709</v>
      </c>
      <c r="BZ10" s="283">
        <v>709</v>
      </c>
      <c r="CA10" s="277">
        <v>0</v>
      </c>
      <c r="CB10" s="281">
        <v>0</v>
      </c>
      <c r="CC10" s="278">
        <v>0</v>
      </c>
      <c r="CD10" s="280">
        <v>0</v>
      </c>
      <c r="CE10" s="281">
        <v>3</v>
      </c>
      <c r="CF10" s="281">
        <v>0</v>
      </c>
      <c r="CG10" s="281">
        <v>0</v>
      </c>
      <c r="CH10" s="281">
        <v>0</v>
      </c>
      <c r="CI10" s="281">
        <v>0</v>
      </c>
      <c r="CJ10" s="278">
        <v>3</v>
      </c>
      <c r="CK10" s="283">
        <v>3</v>
      </c>
      <c r="CL10" s="277">
        <v>0</v>
      </c>
      <c r="CM10" s="281">
        <v>0</v>
      </c>
      <c r="CN10" s="278">
        <v>0</v>
      </c>
      <c r="CO10" s="280">
        <v>0</v>
      </c>
      <c r="CP10" s="281">
        <v>0</v>
      </c>
      <c r="CQ10" s="281">
        <v>0</v>
      </c>
      <c r="CR10" s="281">
        <v>0</v>
      </c>
      <c r="CS10" s="281">
        <v>0</v>
      </c>
      <c r="CT10" s="281">
        <v>0</v>
      </c>
      <c r="CU10" s="278">
        <v>0</v>
      </c>
      <c r="CV10" s="283">
        <v>0</v>
      </c>
      <c r="CW10" s="277">
        <v>0</v>
      </c>
      <c r="CX10" s="281">
        <v>0</v>
      </c>
      <c r="CY10" s="278">
        <v>0</v>
      </c>
      <c r="CZ10" s="280">
        <v>0</v>
      </c>
      <c r="DA10" s="281">
        <v>0</v>
      </c>
      <c r="DB10" s="281">
        <v>0</v>
      </c>
      <c r="DC10" s="281">
        <v>0</v>
      </c>
      <c r="DD10" s="281">
        <v>0</v>
      </c>
      <c r="DE10" s="281">
        <v>0</v>
      </c>
      <c r="DF10" s="278">
        <v>0</v>
      </c>
      <c r="DG10" s="283">
        <v>0</v>
      </c>
    </row>
    <row r="11" spans="1:111" ht="18.75" customHeight="1" x14ac:dyDescent="0.2">
      <c r="A11" s="262" t="s">
        <v>8</v>
      </c>
      <c r="B11" s="277">
        <v>0</v>
      </c>
      <c r="C11" s="281">
        <v>0</v>
      </c>
      <c r="D11" s="385">
        <v>0</v>
      </c>
      <c r="E11" s="280">
        <v>0</v>
      </c>
      <c r="F11" s="281">
        <v>392</v>
      </c>
      <c r="G11" s="281">
        <v>619</v>
      </c>
      <c r="H11" s="281">
        <v>1238</v>
      </c>
      <c r="I11" s="281">
        <v>209</v>
      </c>
      <c r="J11" s="281">
        <v>467</v>
      </c>
      <c r="K11" s="282">
        <v>2925</v>
      </c>
      <c r="L11" s="283">
        <v>2925</v>
      </c>
      <c r="M11" s="277">
        <v>0</v>
      </c>
      <c r="N11" s="281">
        <v>0</v>
      </c>
      <c r="O11" s="278">
        <v>0</v>
      </c>
      <c r="P11" s="280">
        <v>0</v>
      </c>
      <c r="Q11" s="281">
        <v>5</v>
      </c>
      <c r="R11" s="281">
        <v>4</v>
      </c>
      <c r="S11" s="281">
        <v>8</v>
      </c>
      <c r="T11" s="281">
        <v>21</v>
      </c>
      <c r="U11" s="281">
        <v>24</v>
      </c>
      <c r="V11" s="278">
        <v>62</v>
      </c>
      <c r="W11" s="283">
        <v>62</v>
      </c>
      <c r="X11" s="277">
        <v>8</v>
      </c>
      <c r="Y11" s="281">
        <v>34</v>
      </c>
      <c r="Z11" s="278">
        <v>42</v>
      </c>
      <c r="AA11" s="280">
        <v>0</v>
      </c>
      <c r="AB11" s="281">
        <v>128</v>
      </c>
      <c r="AC11" s="281">
        <v>117</v>
      </c>
      <c r="AD11" s="281">
        <v>146</v>
      </c>
      <c r="AE11" s="281">
        <v>112</v>
      </c>
      <c r="AF11" s="281">
        <v>40</v>
      </c>
      <c r="AG11" s="278">
        <v>543</v>
      </c>
      <c r="AH11" s="283">
        <v>585</v>
      </c>
      <c r="AI11" s="277">
        <v>0</v>
      </c>
      <c r="AJ11" s="281">
        <v>8</v>
      </c>
      <c r="AK11" s="278">
        <v>8</v>
      </c>
      <c r="AL11" s="280">
        <v>0</v>
      </c>
      <c r="AM11" s="281">
        <v>24</v>
      </c>
      <c r="AN11" s="281">
        <v>47</v>
      </c>
      <c r="AO11" s="281">
        <v>67</v>
      </c>
      <c r="AP11" s="281">
        <v>14</v>
      </c>
      <c r="AQ11" s="281">
        <v>8</v>
      </c>
      <c r="AR11" s="278">
        <v>160</v>
      </c>
      <c r="AS11" s="283">
        <v>168</v>
      </c>
      <c r="AT11" s="277">
        <v>0</v>
      </c>
      <c r="AU11" s="281">
        <v>0</v>
      </c>
      <c r="AV11" s="278">
        <v>0</v>
      </c>
      <c r="AW11" s="280">
        <v>0</v>
      </c>
      <c r="AX11" s="281">
        <v>312</v>
      </c>
      <c r="AY11" s="281">
        <v>375</v>
      </c>
      <c r="AZ11" s="281">
        <v>280</v>
      </c>
      <c r="BA11" s="281">
        <v>101</v>
      </c>
      <c r="BB11" s="281">
        <v>48</v>
      </c>
      <c r="BC11" s="282">
        <v>1116</v>
      </c>
      <c r="BD11" s="283">
        <v>1116</v>
      </c>
      <c r="BE11" s="277">
        <v>0</v>
      </c>
      <c r="BF11" s="281">
        <v>0</v>
      </c>
      <c r="BG11" s="278">
        <v>0</v>
      </c>
      <c r="BH11" s="280">
        <v>0</v>
      </c>
      <c r="BI11" s="281">
        <v>43</v>
      </c>
      <c r="BJ11" s="281">
        <v>58</v>
      </c>
      <c r="BK11" s="281">
        <v>46</v>
      </c>
      <c r="BL11" s="281">
        <v>48</v>
      </c>
      <c r="BM11" s="281">
        <v>0</v>
      </c>
      <c r="BN11" s="278">
        <v>195</v>
      </c>
      <c r="BO11" s="283">
        <v>195</v>
      </c>
      <c r="BP11" s="277">
        <v>0</v>
      </c>
      <c r="BQ11" s="281">
        <v>16</v>
      </c>
      <c r="BR11" s="278">
        <v>16</v>
      </c>
      <c r="BS11" s="280">
        <v>0</v>
      </c>
      <c r="BT11" s="281">
        <v>34</v>
      </c>
      <c r="BU11" s="281">
        <v>50</v>
      </c>
      <c r="BV11" s="281">
        <v>115</v>
      </c>
      <c r="BW11" s="281">
        <v>20</v>
      </c>
      <c r="BX11" s="281">
        <v>60</v>
      </c>
      <c r="BY11" s="278">
        <v>279</v>
      </c>
      <c r="BZ11" s="283">
        <v>295</v>
      </c>
      <c r="CA11" s="277">
        <v>0</v>
      </c>
      <c r="CB11" s="281">
        <v>0</v>
      </c>
      <c r="CC11" s="278">
        <v>0</v>
      </c>
      <c r="CD11" s="280">
        <v>0</v>
      </c>
      <c r="CE11" s="281">
        <v>0</v>
      </c>
      <c r="CF11" s="281">
        <v>6</v>
      </c>
      <c r="CG11" s="281">
        <v>11</v>
      </c>
      <c r="CH11" s="281">
        <v>6</v>
      </c>
      <c r="CI11" s="281">
        <v>0</v>
      </c>
      <c r="CJ11" s="278">
        <v>23</v>
      </c>
      <c r="CK11" s="283">
        <v>23</v>
      </c>
      <c r="CL11" s="277">
        <v>0</v>
      </c>
      <c r="CM11" s="281">
        <v>0</v>
      </c>
      <c r="CN11" s="278">
        <v>0</v>
      </c>
      <c r="CO11" s="280">
        <v>0</v>
      </c>
      <c r="CP11" s="281">
        <v>0</v>
      </c>
      <c r="CQ11" s="281">
        <v>0</v>
      </c>
      <c r="CR11" s="281">
        <v>0</v>
      </c>
      <c r="CS11" s="281">
        <v>0</v>
      </c>
      <c r="CT11" s="281">
        <v>0</v>
      </c>
      <c r="CU11" s="278">
        <v>0</v>
      </c>
      <c r="CV11" s="283">
        <v>0</v>
      </c>
      <c r="CW11" s="277">
        <v>0</v>
      </c>
      <c r="CX11" s="281">
        <v>0</v>
      </c>
      <c r="CY11" s="278">
        <v>0</v>
      </c>
      <c r="CZ11" s="280">
        <v>0</v>
      </c>
      <c r="DA11" s="281">
        <v>0</v>
      </c>
      <c r="DB11" s="281">
        <v>0</v>
      </c>
      <c r="DC11" s="281">
        <v>0</v>
      </c>
      <c r="DD11" s="281">
        <v>0</v>
      </c>
      <c r="DE11" s="281">
        <v>0</v>
      </c>
      <c r="DF11" s="278">
        <v>0</v>
      </c>
      <c r="DG11" s="283">
        <v>0</v>
      </c>
    </row>
    <row r="12" spans="1:111" ht="18.75" customHeight="1" x14ac:dyDescent="0.2">
      <c r="A12" s="262" t="s">
        <v>9</v>
      </c>
      <c r="B12" s="277">
        <v>0</v>
      </c>
      <c r="C12" s="281">
        <v>0</v>
      </c>
      <c r="D12" s="385">
        <v>0</v>
      </c>
      <c r="E12" s="280">
        <v>0</v>
      </c>
      <c r="F12" s="281">
        <v>634</v>
      </c>
      <c r="G12" s="281">
        <v>758</v>
      </c>
      <c r="H12" s="281">
        <v>662</v>
      </c>
      <c r="I12" s="281">
        <v>1236</v>
      </c>
      <c r="J12" s="281">
        <v>882</v>
      </c>
      <c r="K12" s="282">
        <v>4172</v>
      </c>
      <c r="L12" s="283">
        <v>4172</v>
      </c>
      <c r="M12" s="277">
        <v>0</v>
      </c>
      <c r="N12" s="281">
        <v>0</v>
      </c>
      <c r="O12" s="278">
        <v>0</v>
      </c>
      <c r="P12" s="280">
        <v>0</v>
      </c>
      <c r="Q12" s="281">
        <v>0</v>
      </c>
      <c r="R12" s="281">
        <v>4</v>
      </c>
      <c r="S12" s="281">
        <v>1</v>
      </c>
      <c r="T12" s="281">
        <v>6</v>
      </c>
      <c r="U12" s="281">
        <v>50</v>
      </c>
      <c r="V12" s="278">
        <v>61</v>
      </c>
      <c r="W12" s="283">
        <v>61</v>
      </c>
      <c r="X12" s="277">
        <v>0</v>
      </c>
      <c r="Y12" s="281">
        <v>38</v>
      </c>
      <c r="Z12" s="278">
        <v>38</v>
      </c>
      <c r="AA12" s="280">
        <v>0</v>
      </c>
      <c r="AB12" s="281">
        <v>352</v>
      </c>
      <c r="AC12" s="281">
        <v>268</v>
      </c>
      <c r="AD12" s="281">
        <v>231</v>
      </c>
      <c r="AE12" s="281">
        <v>190</v>
      </c>
      <c r="AF12" s="281">
        <v>189</v>
      </c>
      <c r="AG12" s="278">
        <v>1230</v>
      </c>
      <c r="AH12" s="283">
        <v>1268</v>
      </c>
      <c r="AI12" s="277">
        <v>6</v>
      </c>
      <c r="AJ12" s="281">
        <v>17</v>
      </c>
      <c r="AK12" s="278">
        <v>23</v>
      </c>
      <c r="AL12" s="280">
        <v>0</v>
      </c>
      <c r="AM12" s="281">
        <v>0</v>
      </c>
      <c r="AN12" s="281">
        <v>56</v>
      </c>
      <c r="AO12" s="281">
        <v>24</v>
      </c>
      <c r="AP12" s="281">
        <v>69</v>
      </c>
      <c r="AQ12" s="281">
        <v>25</v>
      </c>
      <c r="AR12" s="278">
        <v>174</v>
      </c>
      <c r="AS12" s="283">
        <v>197</v>
      </c>
      <c r="AT12" s="277">
        <v>0</v>
      </c>
      <c r="AU12" s="281">
        <v>0</v>
      </c>
      <c r="AV12" s="278">
        <v>0</v>
      </c>
      <c r="AW12" s="280">
        <v>0</v>
      </c>
      <c r="AX12" s="281">
        <v>379</v>
      </c>
      <c r="AY12" s="281">
        <v>274</v>
      </c>
      <c r="AZ12" s="281">
        <v>290</v>
      </c>
      <c r="BA12" s="281">
        <v>110</v>
      </c>
      <c r="BB12" s="281">
        <v>87</v>
      </c>
      <c r="BC12" s="282">
        <v>1140</v>
      </c>
      <c r="BD12" s="283">
        <v>1140</v>
      </c>
      <c r="BE12" s="277">
        <v>0</v>
      </c>
      <c r="BF12" s="281">
        <v>0</v>
      </c>
      <c r="BG12" s="278">
        <v>0</v>
      </c>
      <c r="BH12" s="280">
        <v>0</v>
      </c>
      <c r="BI12" s="281">
        <v>131</v>
      </c>
      <c r="BJ12" s="281">
        <v>102</v>
      </c>
      <c r="BK12" s="281">
        <v>70</v>
      </c>
      <c r="BL12" s="281">
        <v>82</v>
      </c>
      <c r="BM12" s="281">
        <v>0</v>
      </c>
      <c r="BN12" s="278">
        <v>385</v>
      </c>
      <c r="BO12" s="283">
        <v>385</v>
      </c>
      <c r="BP12" s="277">
        <v>7</v>
      </c>
      <c r="BQ12" s="281">
        <v>0</v>
      </c>
      <c r="BR12" s="278">
        <v>7</v>
      </c>
      <c r="BS12" s="280">
        <v>0</v>
      </c>
      <c r="BT12" s="281">
        <v>42</v>
      </c>
      <c r="BU12" s="281">
        <v>60</v>
      </c>
      <c r="BV12" s="281">
        <v>95</v>
      </c>
      <c r="BW12" s="281">
        <v>64</v>
      </c>
      <c r="BX12" s="281">
        <v>69</v>
      </c>
      <c r="BY12" s="278">
        <v>330</v>
      </c>
      <c r="BZ12" s="283">
        <v>337</v>
      </c>
      <c r="CA12" s="277">
        <v>0</v>
      </c>
      <c r="CB12" s="281">
        <v>0</v>
      </c>
      <c r="CC12" s="278">
        <v>0</v>
      </c>
      <c r="CD12" s="280">
        <v>0</v>
      </c>
      <c r="CE12" s="281">
        <v>12</v>
      </c>
      <c r="CF12" s="281">
        <v>4</v>
      </c>
      <c r="CG12" s="281">
        <v>0</v>
      </c>
      <c r="CH12" s="281">
        <v>11</v>
      </c>
      <c r="CI12" s="281">
        <v>5</v>
      </c>
      <c r="CJ12" s="278">
        <v>32</v>
      </c>
      <c r="CK12" s="283">
        <v>32</v>
      </c>
      <c r="CL12" s="277">
        <v>0</v>
      </c>
      <c r="CM12" s="281">
        <v>0</v>
      </c>
      <c r="CN12" s="278">
        <v>0</v>
      </c>
      <c r="CO12" s="280">
        <v>0</v>
      </c>
      <c r="CP12" s="281">
        <v>0</v>
      </c>
      <c r="CQ12" s="281">
        <v>0</v>
      </c>
      <c r="CR12" s="281">
        <v>0</v>
      </c>
      <c r="CS12" s="281">
        <v>0</v>
      </c>
      <c r="CT12" s="281">
        <v>0</v>
      </c>
      <c r="CU12" s="278">
        <v>0</v>
      </c>
      <c r="CV12" s="283">
        <v>0</v>
      </c>
      <c r="CW12" s="277">
        <v>0</v>
      </c>
      <c r="CX12" s="281">
        <v>0</v>
      </c>
      <c r="CY12" s="278">
        <v>0</v>
      </c>
      <c r="CZ12" s="280">
        <v>0</v>
      </c>
      <c r="DA12" s="281">
        <v>0</v>
      </c>
      <c r="DB12" s="281">
        <v>0</v>
      </c>
      <c r="DC12" s="281">
        <v>0</v>
      </c>
      <c r="DD12" s="281">
        <v>0</v>
      </c>
      <c r="DE12" s="281">
        <v>0</v>
      </c>
      <c r="DF12" s="278">
        <v>0</v>
      </c>
      <c r="DG12" s="283">
        <v>0</v>
      </c>
    </row>
    <row r="13" spans="1:111" ht="18.75" customHeight="1" x14ac:dyDescent="0.2">
      <c r="A13" s="262" t="s">
        <v>10</v>
      </c>
      <c r="B13" s="277">
        <v>0</v>
      </c>
      <c r="C13" s="281">
        <v>0</v>
      </c>
      <c r="D13" s="385">
        <v>0</v>
      </c>
      <c r="E13" s="280">
        <v>0</v>
      </c>
      <c r="F13" s="281">
        <v>1084</v>
      </c>
      <c r="G13" s="281">
        <v>759</v>
      </c>
      <c r="H13" s="281">
        <v>1702</v>
      </c>
      <c r="I13" s="281">
        <v>1014</v>
      </c>
      <c r="J13" s="281">
        <v>1572</v>
      </c>
      <c r="K13" s="282">
        <v>6131</v>
      </c>
      <c r="L13" s="283">
        <v>6131</v>
      </c>
      <c r="M13" s="277">
        <v>0</v>
      </c>
      <c r="N13" s="281">
        <v>0</v>
      </c>
      <c r="O13" s="278">
        <v>0</v>
      </c>
      <c r="P13" s="280">
        <v>0</v>
      </c>
      <c r="Q13" s="281">
        <v>0</v>
      </c>
      <c r="R13" s="281">
        <v>0</v>
      </c>
      <c r="S13" s="281">
        <v>16</v>
      </c>
      <c r="T13" s="281">
        <v>48</v>
      </c>
      <c r="U13" s="281">
        <v>59</v>
      </c>
      <c r="V13" s="278">
        <v>123</v>
      </c>
      <c r="W13" s="283">
        <v>123</v>
      </c>
      <c r="X13" s="277">
        <v>134</v>
      </c>
      <c r="Y13" s="281">
        <v>155</v>
      </c>
      <c r="Z13" s="278">
        <v>289</v>
      </c>
      <c r="AA13" s="280">
        <v>0</v>
      </c>
      <c r="AB13" s="281">
        <v>724</v>
      </c>
      <c r="AC13" s="281">
        <v>452</v>
      </c>
      <c r="AD13" s="281">
        <v>263</v>
      </c>
      <c r="AE13" s="281">
        <v>302</v>
      </c>
      <c r="AF13" s="281">
        <v>354</v>
      </c>
      <c r="AG13" s="278">
        <v>2095</v>
      </c>
      <c r="AH13" s="283">
        <v>2384</v>
      </c>
      <c r="AI13" s="277">
        <v>10</v>
      </c>
      <c r="AJ13" s="281">
        <v>44</v>
      </c>
      <c r="AK13" s="278">
        <v>54</v>
      </c>
      <c r="AL13" s="280">
        <v>0</v>
      </c>
      <c r="AM13" s="281">
        <v>141</v>
      </c>
      <c r="AN13" s="281">
        <v>30</v>
      </c>
      <c r="AO13" s="281">
        <v>48</v>
      </c>
      <c r="AP13" s="281">
        <v>54</v>
      </c>
      <c r="AQ13" s="281">
        <v>40</v>
      </c>
      <c r="AR13" s="278">
        <v>313</v>
      </c>
      <c r="AS13" s="283">
        <v>367</v>
      </c>
      <c r="AT13" s="277">
        <v>0</v>
      </c>
      <c r="AU13" s="281">
        <v>0</v>
      </c>
      <c r="AV13" s="278">
        <v>0</v>
      </c>
      <c r="AW13" s="280">
        <v>0</v>
      </c>
      <c r="AX13" s="281">
        <v>1051</v>
      </c>
      <c r="AY13" s="281">
        <v>600</v>
      </c>
      <c r="AZ13" s="281">
        <v>340</v>
      </c>
      <c r="BA13" s="281">
        <v>167</v>
      </c>
      <c r="BB13" s="281">
        <v>67</v>
      </c>
      <c r="BC13" s="282">
        <v>2225</v>
      </c>
      <c r="BD13" s="283">
        <v>2225</v>
      </c>
      <c r="BE13" s="277">
        <v>0</v>
      </c>
      <c r="BF13" s="281">
        <v>0</v>
      </c>
      <c r="BG13" s="278">
        <v>0</v>
      </c>
      <c r="BH13" s="280">
        <v>0</v>
      </c>
      <c r="BI13" s="281">
        <v>131</v>
      </c>
      <c r="BJ13" s="281">
        <v>83</v>
      </c>
      <c r="BK13" s="281">
        <v>108</v>
      </c>
      <c r="BL13" s="281">
        <v>23</v>
      </c>
      <c r="BM13" s="281">
        <v>6</v>
      </c>
      <c r="BN13" s="278">
        <v>351</v>
      </c>
      <c r="BO13" s="283">
        <v>351</v>
      </c>
      <c r="BP13" s="277">
        <v>0</v>
      </c>
      <c r="BQ13" s="281">
        <v>3</v>
      </c>
      <c r="BR13" s="278">
        <v>3</v>
      </c>
      <c r="BS13" s="280">
        <v>0</v>
      </c>
      <c r="BT13" s="281">
        <v>116</v>
      </c>
      <c r="BU13" s="281">
        <v>141</v>
      </c>
      <c r="BV13" s="281">
        <v>448</v>
      </c>
      <c r="BW13" s="281">
        <v>140</v>
      </c>
      <c r="BX13" s="281">
        <v>63</v>
      </c>
      <c r="BY13" s="278">
        <v>908</v>
      </c>
      <c r="BZ13" s="283">
        <v>911</v>
      </c>
      <c r="CA13" s="277">
        <v>0</v>
      </c>
      <c r="CB13" s="281">
        <v>0</v>
      </c>
      <c r="CC13" s="278">
        <v>0</v>
      </c>
      <c r="CD13" s="280">
        <v>0</v>
      </c>
      <c r="CE13" s="281">
        <v>0</v>
      </c>
      <c r="CF13" s="281">
        <v>24</v>
      </c>
      <c r="CG13" s="281">
        <v>23</v>
      </c>
      <c r="CH13" s="281">
        <v>0</v>
      </c>
      <c r="CI13" s="281">
        <v>0</v>
      </c>
      <c r="CJ13" s="278">
        <v>47</v>
      </c>
      <c r="CK13" s="283">
        <v>47</v>
      </c>
      <c r="CL13" s="277">
        <v>0</v>
      </c>
      <c r="CM13" s="281">
        <v>0</v>
      </c>
      <c r="CN13" s="278">
        <v>0</v>
      </c>
      <c r="CO13" s="280">
        <v>0</v>
      </c>
      <c r="CP13" s="281">
        <v>0</v>
      </c>
      <c r="CQ13" s="281">
        <v>0</v>
      </c>
      <c r="CR13" s="281">
        <v>0</v>
      </c>
      <c r="CS13" s="281">
        <v>0</v>
      </c>
      <c r="CT13" s="281">
        <v>0</v>
      </c>
      <c r="CU13" s="278">
        <v>0</v>
      </c>
      <c r="CV13" s="283">
        <v>0</v>
      </c>
      <c r="CW13" s="277">
        <v>0</v>
      </c>
      <c r="CX13" s="281">
        <v>0</v>
      </c>
      <c r="CY13" s="278">
        <v>0</v>
      </c>
      <c r="CZ13" s="280">
        <v>0</v>
      </c>
      <c r="DA13" s="281">
        <v>0</v>
      </c>
      <c r="DB13" s="281">
        <v>0</v>
      </c>
      <c r="DC13" s="281">
        <v>0</v>
      </c>
      <c r="DD13" s="281">
        <v>0</v>
      </c>
      <c r="DE13" s="281">
        <v>0</v>
      </c>
      <c r="DF13" s="278">
        <v>0</v>
      </c>
      <c r="DG13" s="283">
        <v>0</v>
      </c>
    </row>
    <row r="14" spans="1:111" ht="18.75" customHeight="1" x14ac:dyDescent="0.2">
      <c r="A14" s="262" t="s">
        <v>11</v>
      </c>
      <c r="B14" s="277">
        <v>0</v>
      </c>
      <c r="C14" s="281">
        <v>0</v>
      </c>
      <c r="D14" s="385">
        <v>0</v>
      </c>
      <c r="E14" s="280">
        <v>0</v>
      </c>
      <c r="F14" s="281">
        <v>163</v>
      </c>
      <c r="G14" s="281">
        <v>99</v>
      </c>
      <c r="H14" s="281">
        <v>579</v>
      </c>
      <c r="I14" s="281">
        <v>346</v>
      </c>
      <c r="J14" s="281">
        <v>388</v>
      </c>
      <c r="K14" s="282">
        <v>1575</v>
      </c>
      <c r="L14" s="283">
        <v>1575</v>
      </c>
      <c r="M14" s="277">
        <v>0</v>
      </c>
      <c r="N14" s="281">
        <v>0</v>
      </c>
      <c r="O14" s="278">
        <v>0</v>
      </c>
      <c r="P14" s="280">
        <v>0</v>
      </c>
      <c r="Q14" s="281">
        <v>0</v>
      </c>
      <c r="R14" s="281">
        <v>0</v>
      </c>
      <c r="S14" s="281">
        <v>18</v>
      </c>
      <c r="T14" s="281">
        <v>26</v>
      </c>
      <c r="U14" s="281">
        <v>21</v>
      </c>
      <c r="V14" s="278">
        <v>65</v>
      </c>
      <c r="W14" s="283">
        <v>65</v>
      </c>
      <c r="X14" s="277">
        <v>17</v>
      </c>
      <c r="Y14" s="281">
        <v>19</v>
      </c>
      <c r="Z14" s="278">
        <v>36</v>
      </c>
      <c r="AA14" s="280">
        <v>0</v>
      </c>
      <c r="AB14" s="281">
        <v>197</v>
      </c>
      <c r="AC14" s="281">
        <v>136</v>
      </c>
      <c r="AD14" s="281">
        <v>168</v>
      </c>
      <c r="AE14" s="281">
        <v>88</v>
      </c>
      <c r="AF14" s="281">
        <v>106</v>
      </c>
      <c r="AG14" s="278">
        <v>695</v>
      </c>
      <c r="AH14" s="283">
        <v>731</v>
      </c>
      <c r="AI14" s="277">
        <v>0</v>
      </c>
      <c r="AJ14" s="281">
        <v>9</v>
      </c>
      <c r="AK14" s="278">
        <v>9</v>
      </c>
      <c r="AL14" s="280">
        <v>0</v>
      </c>
      <c r="AM14" s="281">
        <v>26</v>
      </c>
      <c r="AN14" s="281">
        <v>12</v>
      </c>
      <c r="AO14" s="281">
        <v>36</v>
      </c>
      <c r="AP14" s="281">
        <v>92</v>
      </c>
      <c r="AQ14" s="281">
        <v>0</v>
      </c>
      <c r="AR14" s="278">
        <v>166</v>
      </c>
      <c r="AS14" s="283">
        <v>175</v>
      </c>
      <c r="AT14" s="277">
        <v>0</v>
      </c>
      <c r="AU14" s="281">
        <v>0</v>
      </c>
      <c r="AV14" s="278">
        <v>0</v>
      </c>
      <c r="AW14" s="280">
        <v>0</v>
      </c>
      <c r="AX14" s="281">
        <v>274</v>
      </c>
      <c r="AY14" s="281">
        <v>204</v>
      </c>
      <c r="AZ14" s="281">
        <v>184</v>
      </c>
      <c r="BA14" s="281">
        <v>138</v>
      </c>
      <c r="BB14" s="281">
        <v>21</v>
      </c>
      <c r="BC14" s="282">
        <v>821</v>
      </c>
      <c r="BD14" s="283">
        <v>821</v>
      </c>
      <c r="BE14" s="277">
        <v>0</v>
      </c>
      <c r="BF14" s="281">
        <v>0</v>
      </c>
      <c r="BG14" s="278">
        <v>0</v>
      </c>
      <c r="BH14" s="280">
        <v>0</v>
      </c>
      <c r="BI14" s="281">
        <v>121</v>
      </c>
      <c r="BJ14" s="281">
        <v>109</v>
      </c>
      <c r="BK14" s="281">
        <v>26</v>
      </c>
      <c r="BL14" s="281">
        <v>55</v>
      </c>
      <c r="BM14" s="281">
        <v>8</v>
      </c>
      <c r="BN14" s="278">
        <v>319</v>
      </c>
      <c r="BO14" s="283">
        <v>319</v>
      </c>
      <c r="BP14" s="277">
        <v>2</v>
      </c>
      <c r="BQ14" s="281">
        <v>0</v>
      </c>
      <c r="BR14" s="278">
        <v>2</v>
      </c>
      <c r="BS14" s="280">
        <v>0</v>
      </c>
      <c r="BT14" s="281">
        <v>54</v>
      </c>
      <c r="BU14" s="281">
        <v>29</v>
      </c>
      <c r="BV14" s="281">
        <v>81</v>
      </c>
      <c r="BW14" s="281">
        <v>153</v>
      </c>
      <c r="BX14" s="281">
        <v>0</v>
      </c>
      <c r="BY14" s="278">
        <v>317</v>
      </c>
      <c r="BZ14" s="283">
        <v>319</v>
      </c>
      <c r="CA14" s="277">
        <v>0</v>
      </c>
      <c r="CB14" s="281">
        <v>0</v>
      </c>
      <c r="CC14" s="278">
        <v>0</v>
      </c>
      <c r="CD14" s="280">
        <v>0</v>
      </c>
      <c r="CE14" s="281">
        <v>0</v>
      </c>
      <c r="CF14" s="281">
        <v>8</v>
      </c>
      <c r="CG14" s="281">
        <v>0</v>
      </c>
      <c r="CH14" s="281">
        <v>4</v>
      </c>
      <c r="CI14" s="281">
        <v>0</v>
      </c>
      <c r="CJ14" s="278">
        <v>12</v>
      </c>
      <c r="CK14" s="283">
        <v>12</v>
      </c>
      <c r="CL14" s="277">
        <v>0</v>
      </c>
      <c r="CM14" s="281">
        <v>0</v>
      </c>
      <c r="CN14" s="278">
        <v>0</v>
      </c>
      <c r="CO14" s="280">
        <v>0</v>
      </c>
      <c r="CP14" s="281">
        <v>0</v>
      </c>
      <c r="CQ14" s="281">
        <v>0</v>
      </c>
      <c r="CR14" s="281">
        <v>0</v>
      </c>
      <c r="CS14" s="281">
        <v>0</v>
      </c>
      <c r="CT14" s="281">
        <v>0</v>
      </c>
      <c r="CU14" s="278">
        <v>0</v>
      </c>
      <c r="CV14" s="283">
        <v>0</v>
      </c>
      <c r="CW14" s="277">
        <v>0</v>
      </c>
      <c r="CX14" s="281">
        <v>0</v>
      </c>
      <c r="CY14" s="278">
        <v>0</v>
      </c>
      <c r="CZ14" s="280">
        <v>0</v>
      </c>
      <c r="DA14" s="281">
        <v>0</v>
      </c>
      <c r="DB14" s="281">
        <v>0</v>
      </c>
      <c r="DC14" s="281">
        <v>0</v>
      </c>
      <c r="DD14" s="281">
        <v>0</v>
      </c>
      <c r="DE14" s="281">
        <v>0</v>
      </c>
      <c r="DF14" s="278">
        <v>0</v>
      </c>
      <c r="DG14" s="283">
        <v>0</v>
      </c>
    </row>
    <row r="15" spans="1:111" ht="18.75" customHeight="1" x14ac:dyDescent="0.2">
      <c r="A15" s="262" t="s">
        <v>12</v>
      </c>
      <c r="B15" s="277">
        <v>0</v>
      </c>
      <c r="C15" s="281">
        <v>0</v>
      </c>
      <c r="D15" s="385">
        <v>0</v>
      </c>
      <c r="E15" s="280">
        <v>0</v>
      </c>
      <c r="F15" s="281">
        <v>405</v>
      </c>
      <c r="G15" s="281">
        <v>697</v>
      </c>
      <c r="H15" s="281">
        <v>735</v>
      </c>
      <c r="I15" s="281">
        <v>1111</v>
      </c>
      <c r="J15" s="281">
        <v>749</v>
      </c>
      <c r="K15" s="282">
        <v>3697</v>
      </c>
      <c r="L15" s="283">
        <v>3697</v>
      </c>
      <c r="M15" s="277">
        <v>0</v>
      </c>
      <c r="N15" s="281">
        <v>0</v>
      </c>
      <c r="O15" s="278">
        <v>0</v>
      </c>
      <c r="P15" s="280">
        <v>0</v>
      </c>
      <c r="Q15" s="281">
        <v>4</v>
      </c>
      <c r="R15" s="281">
        <v>0</v>
      </c>
      <c r="S15" s="281">
        <v>5</v>
      </c>
      <c r="T15" s="281">
        <v>9</v>
      </c>
      <c r="U15" s="281">
        <v>39</v>
      </c>
      <c r="V15" s="278">
        <v>57</v>
      </c>
      <c r="W15" s="283">
        <v>57</v>
      </c>
      <c r="X15" s="277">
        <v>75</v>
      </c>
      <c r="Y15" s="281">
        <v>101</v>
      </c>
      <c r="Z15" s="278">
        <v>176</v>
      </c>
      <c r="AA15" s="280">
        <v>0</v>
      </c>
      <c r="AB15" s="281">
        <v>181</v>
      </c>
      <c r="AC15" s="281">
        <v>254</v>
      </c>
      <c r="AD15" s="281">
        <v>177</v>
      </c>
      <c r="AE15" s="281">
        <v>61</v>
      </c>
      <c r="AF15" s="281">
        <v>71</v>
      </c>
      <c r="AG15" s="278">
        <v>744</v>
      </c>
      <c r="AH15" s="283">
        <v>920</v>
      </c>
      <c r="AI15" s="277">
        <v>0</v>
      </c>
      <c r="AJ15" s="281">
        <v>0</v>
      </c>
      <c r="AK15" s="278">
        <v>0</v>
      </c>
      <c r="AL15" s="280">
        <v>0</v>
      </c>
      <c r="AM15" s="281">
        <v>24</v>
      </c>
      <c r="AN15" s="281">
        <v>57</v>
      </c>
      <c r="AO15" s="281">
        <v>36</v>
      </c>
      <c r="AP15" s="281">
        <v>63</v>
      </c>
      <c r="AQ15" s="281">
        <v>13</v>
      </c>
      <c r="AR15" s="278">
        <v>193</v>
      </c>
      <c r="AS15" s="283">
        <v>193</v>
      </c>
      <c r="AT15" s="277">
        <v>0</v>
      </c>
      <c r="AU15" s="281">
        <v>0</v>
      </c>
      <c r="AV15" s="278">
        <v>0</v>
      </c>
      <c r="AW15" s="280">
        <v>0</v>
      </c>
      <c r="AX15" s="281">
        <v>447</v>
      </c>
      <c r="AY15" s="281">
        <v>223</v>
      </c>
      <c r="AZ15" s="281">
        <v>198</v>
      </c>
      <c r="BA15" s="281">
        <v>57</v>
      </c>
      <c r="BB15" s="281">
        <v>17</v>
      </c>
      <c r="BC15" s="282">
        <v>942</v>
      </c>
      <c r="BD15" s="283">
        <v>942</v>
      </c>
      <c r="BE15" s="277">
        <v>0</v>
      </c>
      <c r="BF15" s="281">
        <v>0</v>
      </c>
      <c r="BG15" s="278">
        <v>0</v>
      </c>
      <c r="BH15" s="280">
        <v>0</v>
      </c>
      <c r="BI15" s="281">
        <v>115</v>
      </c>
      <c r="BJ15" s="281">
        <v>96</v>
      </c>
      <c r="BK15" s="281">
        <v>99</v>
      </c>
      <c r="BL15" s="281">
        <v>63</v>
      </c>
      <c r="BM15" s="281">
        <v>0</v>
      </c>
      <c r="BN15" s="278">
        <v>373</v>
      </c>
      <c r="BO15" s="283">
        <v>373</v>
      </c>
      <c r="BP15" s="277">
        <v>0</v>
      </c>
      <c r="BQ15" s="281">
        <v>0</v>
      </c>
      <c r="BR15" s="278">
        <v>0</v>
      </c>
      <c r="BS15" s="280">
        <v>0</v>
      </c>
      <c r="BT15" s="281">
        <v>115</v>
      </c>
      <c r="BU15" s="281">
        <v>25</v>
      </c>
      <c r="BV15" s="281">
        <v>95</v>
      </c>
      <c r="BW15" s="281">
        <v>113</v>
      </c>
      <c r="BX15" s="281">
        <v>39</v>
      </c>
      <c r="BY15" s="278">
        <v>387</v>
      </c>
      <c r="BZ15" s="283">
        <v>387</v>
      </c>
      <c r="CA15" s="277">
        <v>0</v>
      </c>
      <c r="CB15" s="281">
        <v>0</v>
      </c>
      <c r="CC15" s="278">
        <v>0</v>
      </c>
      <c r="CD15" s="280">
        <v>0</v>
      </c>
      <c r="CE15" s="281">
        <v>0</v>
      </c>
      <c r="CF15" s="281">
        <v>7</v>
      </c>
      <c r="CG15" s="281">
        <v>0</v>
      </c>
      <c r="CH15" s="281">
        <v>0</v>
      </c>
      <c r="CI15" s="281">
        <v>0</v>
      </c>
      <c r="CJ15" s="278">
        <v>7</v>
      </c>
      <c r="CK15" s="283">
        <v>7</v>
      </c>
      <c r="CL15" s="277">
        <v>0</v>
      </c>
      <c r="CM15" s="281">
        <v>0</v>
      </c>
      <c r="CN15" s="278">
        <v>0</v>
      </c>
      <c r="CO15" s="280">
        <v>0</v>
      </c>
      <c r="CP15" s="281">
        <v>0</v>
      </c>
      <c r="CQ15" s="281">
        <v>0</v>
      </c>
      <c r="CR15" s="281">
        <v>0</v>
      </c>
      <c r="CS15" s="281">
        <v>0</v>
      </c>
      <c r="CT15" s="281">
        <v>0</v>
      </c>
      <c r="CU15" s="278">
        <v>0</v>
      </c>
      <c r="CV15" s="283">
        <v>0</v>
      </c>
      <c r="CW15" s="277">
        <v>0</v>
      </c>
      <c r="CX15" s="281">
        <v>0</v>
      </c>
      <c r="CY15" s="278">
        <v>0</v>
      </c>
      <c r="CZ15" s="280">
        <v>0</v>
      </c>
      <c r="DA15" s="281">
        <v>0</v>
      </c>
      <c r="DB15" s="281">
        <v>0</v>
      </c>
      <c r="DC15" s="281">
        <v>0</v>
      </c>
      <c r="DD15" s="281">
        <v>0</v>
      </c>
      <c r="DE15" s="281">
        <v>0</v>
      </c>
      <c r="DF15" s="278">
        <v>0</v>
      </c>
      <c r="DG15" s="283">
        <v>0</v>
      </c>
    </row>
    <row r="16" spans="1:111" ht="18.75" customHeight="1" x14ac:dyDescent="0.2">
      <c r="A16" s="262" t="s">
        <v>13</v>
      </c>
      <c r="B16" s="277">
        <v>0</v>
      </c>
      <c r="C16" s="281">
        <v>0</v>
      </c>
      <c r="D16" s="385">
        <v>0</v>
      </c>
      <c r="E16" s="280">
        <v>0</v>
      </c>
      <c r="F16" s="281">
        <v>210</v>
      </c>
      <c r="G16" s="281">
        <v>479</v>
      </c>
      <c r="H16" s="281">
        <v>245</v>
      </c>
      <c r="I16" s="281">
        <v>549</v>
      </c>
      <c r="J16" s="281">
        <v>272</v>
      </c>
      <c r="K16" s="282">
        <v>1755</v>
      </c>
      <c r="L16" s="283">
        <v>1755</v>
      </c>
      <c r="M16" s="277">
        <v>0</v>
      </c>
      <c r="N16" s="281">
        <v>0</v>
      </c>
      <c r="O16" s="278">
        <v>0</v>
      </c>
      <c r="P16" s="280">
        <v>0</v>
      </c>
      <c r="Q16" s="281">
        <v>0</v>
      </c>
      <c r="R16" s="281">
        <v>0</v>
      </c>
      <c r="S16" s="281">
        <v>2</v>
      </c>
      <c r="T16" s="281">
        <v>9</v>
      </c>
      <c r="U16" s="281">
        <v>22</v>
      </c>
      <c r="V16" s="278">
        <v>33</v>
      </c>
      <c r="W16" s="283">
        <v>33</v>
      </c>
      <c r="X16" s="277">
        <v>5</v>
      </c>
      <c r="Y16" s="281">
        <v>0</v>
      </c>
      <c r="Z16" s="278">
        <v>5</v>
      </c>
      <c r="AA16" s="280">
        <v>0</v>
      </c>
      <c r="AB16" s="281">
        <v>61</v>
      </c>
      <c r="AC16" s="281">
        <v>97</v>
      </c>
      <c r="AD16" s="281">
        <v>61</v>
      </c>
      <c r="AE16" s="281">
        <v>79</v>
      </c>
      <c r="AF16" s="281">
        <v>69</v>
      </c>
      <c r="AG16" s="278">
        <v>367</v>
      </c>
      <c r="AH16" s="283">
        <v>372</v>
      </c>
      <c r="AI16" s="277">
        <v>0</v>
      </c>
      <c r="AJ16" s="281">
        <v>0</v>
      </c>
      <c r="AK16" s="278">
        <v>0</v>
      </c>
      <c r="AL16" s="280">
        <v>0</v>
      </c>
      <c r="AM16" s="281">
        <v>36</v>
      </c>
      <c r="AN16" s="281">
        <v>12</v>
      </c>
      <c r="AO16" s="281">
        <v>0</v>
      </c>
      <c r="AP16" s="281">
        <v>0</v>
      </c>
      <c r="AQ16" s="281">
        <v>8</v>
      </c>
      <c r="AR16" s="278">
        <v>56</v>
      </c>
      <c r="AS16" s="283">
        <v>56</v>
      </c>
      <c r="AT16" s="277">
        <v>0</v>
      </c>
      <c r="AU16" s="281">
        <v>0</v>
      </c>
      <c r="AV16" s="278">
        <v>0</v>
      </c>
      <c r="AW16" s="280">
        <v>0</v>
      </c>
      <c r="AX16" s="281">
        <v>90</v>
      </c>
      <c r="AY16" s="281">
        <v>196</v>
      </c>
      <c r="AZ16" s="281">
        <v>125</v>
      </c>
      <c r="BA16" s="281">
        <v>38</v>
      </c>
      <c r="BB16" s="281">
        <v>35</v>
      </c>
      <c r="BC16" s="282">
        <v>484</v>
      </c>
      <c r="BD16" s="283">
        <v>484</v>
      </c>
      <c r="BE16" s="277">
        <v>0</v>
      </c>
      <c r="BF16" s="281">
        <v>0</v>
      </c>
      <c r="BG16" s="278">
        <v>0</v>
      </c>
      <c r="BH16" s="280">
        <v>0</v>
      </c>
      <c r="BI16" s="281">
        <v>17</v>
      </c>
      <c r="BJ16" s="281">
        <v>33</v>
      </c>
      <c r="BK16" s="281">
        <v>14</v>
      </c>
      <c r="BL16" s="281">
        <v>18</v>
      </c>
      <c r="BM16" s="281">
        <v>0</v>
      </c>
      <c r="BN16" s="278">
        <v>82</v>
      </c>
      <c r="BO16" s="283">
        <v>82</v>
      </c>
      <c r="BP16" s="277">
        <v>0</v>
      </c>
      <c r="BQ16" s="281">
        <v>0</v>
      </c>
      <c r="BR16" s="278">
        <v>0</v>
      </c>
      <c r="BS16" s="280">
        <v>0</v>
      </c>
      <c r="BT16" s="281">
        <v>22</v>
      </c>
      <c r="BU16" s="281">
        <v>45</v>
      </c>
      <c r="BV16" s="281">
        <v>35</v>
      </c>
      <c r="BW16" s="281">
        <v>71</v>
      </c>
      <c r="BX16" s="281">
        <v>40</v>
      </c>
      <c r="BY16" s="278">
        <v>213</v>
      </c>
      <c r="BZ16" s="283">
        <v>213</v>
      </c>
      <c r="CA16" s="277">
        <v>0</v>
      </c>
      <c r="CB16" s="281">
        <v>0</v>
      </c>
      <c r="CC16" s="278">
        <v>0</v>
      </c>
      <c r="CD16" s="280">
        <v>0</v>
      </c>
      <c r="CE16" s="281">
        <v>0</v>
      </c>
      <c r="CF16" s="281">
        <v>0</v>
      </c>
      <c r="CG16" s="281">
        <v>0</v>
      </c>
      <c r="CH16" s="281">
        <v>0</v>
      </c>
      <c r="CI16" s="281">
        <v>0</v>
      </c>
      <c r="CJ16" s="278">
        <v>0</v>
      </c>
      <c r="CK16" s="283">
        <v>0</v>
      </c>
      <c r="CL16" s="277">
        <v>0</v>
      </c>
      <c r="CM16" s="281">
        <v>0</v>
      </c>
      <c r="CN16" s="278">
        <v>0</v>
      </c>
      <c r="CO16" s="280">
        <v>0</v>
      </c>
      <c r="CP16" s="281">
        <v>0</v>
      </c>
      <c r="CQ16" s="281">
        <v>0</v>
      </c>
      <c r="CR16" s="281">
        <v>0</v>
      </c>
      <c r="CS16" s="281">
        <v>0</v>
      </c>
      <c r="CT16" s="281">
        <v>0</v>
      </c>
      <c r="CU16" s="278">
        <v>0</v>
      </c>
      <c r="CV16" s="283">
        <v>0</v>
      </c>
      <c r="CW16" s="277">
        <v>0</v>
      </c>
      <c r="CX16" s="281">
        <v>0</v>
      </c>
      <c r="CY16" s="278">
        <v>0</v>
      </c>
      <c r="CZ16" s="280">
        <v>0</v>
      </c>
      <c r="DA16" s="281">
        <v>0</v>
      </c>
      <c r="DB16" s="281">
        <v>0</v>
      </c>
      <c r="DC16" s="281">
        <v>0</v>
      </c>
      <c r="DD16" s="281">
        <v>0</v>
      </c>
      <c r="DE16" s="281">
        <v>0</v>
      </c>
      <c r="DF16" s="278">
        <v>0</v>
      </c>
      <c r="DG16" s="283">
        <v>0</v>
      </c>
    </row>
    <row r="17" spans="1:111" ht="18.75" customHeight="1" x14ac:dyDescent="0.2">
      <c r="A17" s="262" t="s">
        <v>15</v>
      </c>
      <c r="B17" s="277">
        <v>0</v>
      </c>
      <c r="C17" s="281">
        <v>0</v>
      </c>
      <c r="D17" s="385">
        <v>0</v>
      </c>
      <c r="E17" s="280">
        <v>0</v>
      </c>
      <c r="F17" s="281">
        <v>44</v>
      </c>
      <c r="G17" s="281">
        <v>81</v>
      </c>
      <c r="H17" s="281">
        <v>337</v>
      </c>
      <c r="I17" s="281">
        <v>78</v>
      </c>
      <c r="J17" s="281">
        <v>124</v>
      </c>
      <c r="K17" s="282">
        <v>664</v>
      </c>
      <c r="L17" s="283">
        <v>664</v>
      </c>
      <c r="M17" s="277">
        <v>0</v>
      </c>
      <c r="N17" s="281">
        <v>0</v>
      </c>
      <c r="O17" s="278">
        <v>0</v>
      </c>
      <c r="P17" s="280">
        <v>0</v>
      </c>
      <c r="Q17" s="281">
        <v>0</v>
      </c>
      <c r="R17" s="281">
        <v>0</v>
      </c>
      <c r="S17" s="281">
        <v>0</v>
      </c>
      <c r="T17" s="281">
        <v>19</v>
      </c>
      <c r="U17" s="281">
        <v>1</v>
      </c>
      <c r="V17" s="278">
        <v>20</v>
      </c>
      <c r="W17" s="283">
        <v>20</v>
      </c>
      <c r="X17" s="277">
        <v>6</v>
      </c>
      <c r="Y17" s="281">
        <v>0</v>
      </c>
      <c r="Z17" s="278">
        <v>6</v>
      </c>
      <c r="AA17" s="280">
        <v>0</v>
      </c>
      <c r="AB17" s="281">
        <v>18</v>
      </c>
      <c r="AC17" s="281">
        <v>61</v>
      </c>
      <c r="AD17" s="281">
        <v>1</v>
      </c>
      <c r="AE17" s="281">
        <v>14</v>
      </c>
      <c r="AF17" s="281">
        <v>4</v>
      </c>
      <c r="AG17" s="278">
        <v>98</v>
      </c>
      <c r="AH17" s="283">
        <v>104</v>
      </c>
      <c r="AI17" s="277">
        <v>0</v>
      </c>
      <c r="AJ17" s="281">
        <v>0</v>
      </c>
      <c r="AK17" s="278">
        <v>0</v>
      </c>
      <c r="AL17" s="280">
        <v>0</v>
      </c>
      <c r="AM17" s="281">
        <v>10</v>
      </c>
      <c r="AN17" s="281">
        <v>6</v>
      </c>
      <c r="AO17" s="281">
        <v>0</v>
      </c>
      <c r="AP17" s="281">
        <v>0</v>
      </c>
      <c r="AQ17" s="281">
        <v>6</v>
      </c>
      <c r="AR17" s="278">
        <v>22</v>
      </c>
      <c r="AS17" s="283">
        <v>22</v>
      </c>
      <c r="AT17" s="277">
        <v>0</v>
      </c>
      <c r="AU17" s="281">
        <v>0</v>
      </c>
      <c r="AV17" s="278">
        <v>0</v>
      </c>
      <c r="AW17" s="280">
        <v>0</v>
      </c>
      <c r="AX17" s="281">
        <v>10</v>
      </c>
      <c r="AY17" s="281">
        <v>54</v>
      </c>
      <c r="AZ17" s="281">
        <v>22</v>
      </c>
      <c r="BA17" s="281">
        <v>0</v>
      </c>
      <c r="BB17" s="281">
        <v>0</v>
      </c>
      <c r="BC17" s="282">
        <v>86</v>
      </c>
      <c r="BD17" s="283">
        <v>86</v>
      </c>
      <c r="BE17" s="277">
        <v>0</v>
      </c>
      <c r="BF17" s="281">
        <v>0</v>
      </c>
      <c r="BG17" s="278">
        <v>0</v>
      </c>
      <c r="BH17" s="280">
        <v>0</v>
      </c>
      <c r="BI17" s="281">
        <v>22</v>
      </c>
      <c r="BJ17" s="281">
        <v>18</v>
      </c>
      <c r="BK17" s="281">
        <v>15</v>
      </c>
      <c r="BL17" s="281">
        <v>1</v>
      </c>
      <c r="BM17" s="281">
        <v>0</v>
      </c>
      <c r="BN17" s="278">
        <v>56</v>
      </c>
      <c r="BO17" s="283">
        <v>56</v>
      </c>
      <c r="BP17" s="277">
        <v>0</v>
      </c>
      <c r="BQ17" s="281">
        <v>0</v>
      </c>
      <c r="BR17" s="278">
        <v>0</v>
      </c>
      <c r="BS17" s="280">
        <v>0</v>
      </c>
      <c r="BT17" s="281">
        <v>0</v>
      </c>
      <c r="BU17" s="281">
        <v>4</v>
      </c>
      <c r="BV17" s="281">
        <v>30</v>
      </c>
      <c r="BW17" s="281">
        <v>30</v>
      </c>
      <c r="BX17" s="281">
        <v>0</v>
      </c>
      <c r="BY17" s="278">
        <v>64</v>
      </c>
      <c r="BZ17" s="283">
        <v>64</v>
      </c>
      <c r="CA17" s="277">
        <v>0</v>
      </c>
      <c r="CB17" s="281">
        <v>0</v>
      </c>
      <c r="CC17" s="278">
        <v>0</v>
      </c>
      <c r="CD17" s="280">
        <v>0</v>
      </c>
      <c r="CE17" s="281">
        <v>0</v>
      </c>
      <c r="CF17" s="281">
        <v>0</v>
      </c>
      <c r="CG17" s="281">
        <v>0</v>
      </c>
      <c r="CH17" s="281">
        <v>0</v>
      </c>
      <c r="CI17" s="281">
        <v>0</v>
      </c>
      <c r="CJ17" s="278">
        <v>0</v>
      </c>
      <c r="CK17" s="283">
        <v>0</v>
      </c>
      <c r="CL17" s="277">
        <v>0</v>
      </c>
      <c r="CM17" s="281">
        <v>0</v>
      </c>
      <c r="CN17" s="278">
        <v>0</v>
      </c>
      <c r="CO17" s="280">
        <v>0</v>
      </c>
      <c r="CP17" s="281">
        <v>0</v>
      </c>
      <c r="CQ17" s="281">
        <v>0</v>
      </c>
      <c r="CR17" s="281">
        <v>0</v>
      </c>
      <c r="CS17" s="281">
        <v>0</v>
      </c>
      <c r="CT17" s="281">
        <v>0</v>
      </c>
      <c r="CU17" s="278">
        <v>0</v>
      </c>
      <c r="CV17" s="283">
        <v>0</v>
      </c>
      <c r="CW17" s="277">
        <v>0</v>
      </c>
      <c r="CX17" s="281">
        <v>0</v>
      </c>
      <c r="CY17" s="278">
        <v>0</v>
      </c>
      <c r="CZ17" s="280">
        <v>0</v>
      </c>
      <c r="DA17" s="281">
        <v>0</v>
      </c>
      <c r="DB17" s="281">
        <v>0</v>
      </c>
      <c r="DC17" s="281">
        <v>0</v>
      </c>
      <c r="DD17" s="281">
        <v>0</v>
      </c>
      <c r="DE17" s="281">
        <v>0</v>
      </c>
      <c r="DF17" s="278">
        <v>0</v>
      </c>
      <c r="DG17" s="283">
        <v>0</v>
      </c>
    </row>
    <row r="18" spans="1:111" ht="18.75" customHeight="1" x14ac:dyDescent="0.2">
      <c r="A18" s="262" t="s">
        <v>16</v>
      </c>
      <c r="B18" s="277">
        <v>0</v>
      </c>
      <c r="C18" s="281">
        <v>0</v>
      </c>
      <c r="D18" s="385">
        <v>0</v>
      </c>
      <c r="E18" s="280">
        <v>0</v>
      </c>
      <c r="F18" s="281">
        <v>62</v>
      </c>
      <c r="G18" s="281">
        <v>96</v>
      </c>
      <c r="H18" s="281">
        <v>137</v>
      </c>
      <c r="I18" s="281">
        <v>303</v>
      </c>
      <c r="J18" s="281">
        <v>140</v>
      </c>
      <c r="K18" s="282">
        <v>738</v>
      </c>
      <c r="L18" s="283">
        <v>738</v>
      </c>
      <c r="M18" s="277">
        <v>0</v>
      </c>
      <c r="N18" s="281">
        <v>0</v>
      </c>
      <c r="O18" s="278">
        <v>0</v>
      </c>
      <c r="P18" s="280">
        <v>0</v>
      </c>
      <c r="Q18" s="281">
        <v>0</v>
      </c>
      <c r="R18" s="281">
        <v>2</v>
      </c>
      <c r="S18" s="281">
        <v>0</v>
      </c>
      <c r="T18" s="281">
        <v>0</v>
      </c>
      <c r="U18" s="281">
        <v>17</v>
      </c>
      <c r="V18" s="278">
        <v>19</v>
      </c>
      <c r="W18" s="283">
        <v>19</v>
      </c>
      <c r="X18" s="277">
        <v>10</v>
      </c>
      <c r="Y18" s="281">
        <v>14</v>
      </c>
      <c r="Z18" s="278">
        <v>24</v>
      </c>
      <c r="AA18" s="280">
        <v>0</v>
      </c>
      <c r="AB18" s="281">
        <v>87</v>
      </c>
      <c r="AC18" s="281">
        <v>144</v>
      </c>
      <c r="AD18" s="281">
        <v>65</v>
      </c>
      <c r="AE18" s="281">
        <v>73</v>
      </c>
      <c r="AF18" s="281">
        <v>85</v>
      </c>
      <c r="AG18" s="278">
        <v>454</v>
      </c>
      <c r="AH18" s="283">
        <v>478</v>
      </c>
      <c r="AI18" s="277">
        <v>0</v>
      </c>
      <c r="AJ18" s="281">
        <v>0</v>
      </c>
      <c r="AK18" s="278">
        <v>0</v>
      </c>
      <c r="AL18" s="280">
        <v>0</v>
      </c>
      <c r="AM18" s="281">
        <v>0</v>
      </c>
      <c r="AN18" s="281">
        <v>6</v>
      </c>
      <c r="AO18" s="281">
        <v>29</v>
      </c>
      <c r="AP18" s="281">
        <v>0</v>
      </c>
      <c r="AQ18" s="281">
        <v>9</v>
      </c>
      <c r="AR18" s="278">
        <v>44</v>
      </c>
      <c r="AS18" s="283">
        <v>44</v>
      </c>
      <c r="AT18" s="277">
        <v>0</v>
      </c>
      <c r="AU18" s="281">
        <v>0</v>
      </c>
      <c r="AV18" s="278">
        <v>0</v>
      </c>
      <c r="AW18" s="280">
        <v>0</v>
      </c>
      <c r="AX18" s="281">
        <v>158</v>
      </c>
      <c r="AY18" s="281">
        <v>205</v>
      </c>
      <c r="AZ18" s="281">
        <v>152</v>
      </c>
      <c r="BA18" s="281">
        <v>173</v>
      </c>
      <c r="BB18" s="281">
        <v>21</v>
      </c>
      <c r="BC18" s="282">
        <v>709</v>
      </c>
      <c r="BD18" s="283">
        <v>709</v>
      </c>
      <c r="BE18" s="277">
        <v>0</v>
      </c>
      <c r="BF18" s="281">
        <v>0</v>
      </c>
      <c r="BG18" s="278">
        <v>0</v>
      </c>
      <c r="BH18" s="280">
        <v>0</v>
      </c>
      <c r="BI18" s="281">
        <v>111</v>
      </c>
      <c r="BJ18" s="281">
        <v>200</v>
      </c>
      <c r="BK18" s="281">
        <v>60</v>
      </c>
      <c r="BL18" s="281">
        <v>40</v>
      </c>
      <c r="BM18" s="281">
        <v>4</v>
      </c>
      <c r="BN18" s="278">
        <v>415</v>
      </c>
      <c r="BO18" s="283">
        <v>415</v>
      </c>
      <c r="BP18" s="277">
        <v>0</v>
      </c>
      <c r="BQ18" s="281">
        <v>4</v>
      </c>
      <c r="BR18" s="278">
        <v>4</v>
      </c>
      <c r="BS18" s="280">
        <v>0</v>
      </c>
      <c r="BT18" s="281">
        <v>32</v>
      </c>
      <c r="BU18" s="281">
        <v>82</v>
      </c>
      <c r="BV18" s="281">
        <v>39</v>
      </c>
      <c r="BW18" s="281">
        <v>7</v>
      </c>
      <c r="BX18" s="281">
        <v>0</v>
      </c>
      <c r="BY18" s="278">
        <v>160</v>
      </c>
      <c r="BZ18" s="283">
        <v>164</v>
      </c>
      <c r="CA18" s="277">
        <v>0</v>
      </c>
      <c r="CB18" s="281">
        <v>0</v>
      </c>
      <c r="CC18" s="278">
        <v>0</v>
      </c>
      <c r="CD18" s="280">
        <v>0</v>
      </c>
      <c r="CE18" s="281">
        <v>0</v>
      </c>
      <c r="CF18" s="281">
        <v>0</v>
      </c>
      <c r="CG18" s="281">
        <v>0</v>
      </c>
      <c r="CH18" s="281">
        <v>3</v>
      </c>
      <c r="CI18" s="281">
        <v>0</v>
      </c>
      <c r="CJ18" s="278">
        <v>3</v>
      </c>
      <c r="CK18" s="283">
        <v>3</v>
      </c>
      <c r="CL18" s="277">
        <v>0</v>
      </c>
      <c r="CM18" s="281">
        <v>0</v>
      </c>
      <c r="CN18" s="278">
        <v>0</v>
      </c>
      <c r="CO18" s="280">
        <v>0</v>
      </c>
      <c r="CP18" s="281">
        <v>0</v>
      </c>
      <c r="CQ18" s="281">
        <v>0</v>
      </c>
      <c r="CR18" s="281">
        <v>0</v>
      </c>
      <c r="CS18" s="281">
        <v>0</v>
      </c>
      <c r="CT18" s="281">
        <v>0</v>
      </c>
      <c r="CU18" s="278">
        <v>0</v>
      </c>
      <c r="CV18" s="283">
        <v>0</v>
      </c>
      <c r="CW18" s="277">
        <v>0</v>
      </c>
      <c r="CX18" s="281">
        <v>0</v>
      </c>
      <c r="CY18" s="278">
        <v>0</v>
      </c>
      <c r="CZ18" s="280">
        <v>0</v>
      </c>
      <c r="DA18" s="281">
        <v>0</v>
      </c>
      <c r="DB18" s="281">
        <v>0</v>
      </c>
      <c r="DC18" s="281">
        <v>0</v>
      </c>
      <c r="DD18" s="281">
        <v>0</v>
      </c>
      <c r="DE18" s="281">
        <v>0</v>
      </c>
      <c r="DF18" s="278">
        <v>0</v>
      </c>
      <c r="DG18" s="283">
        <v>0</v>
      </c>
    </row>
    <row r="19" spans="1:111" ht="18.75" customHeight="1" x14ac:dyDescent="0.2">
      <c r="A19" s="262" t="s">
        <v>17</v>
      </c>
      <c r="B19" s="277">
        <v>0</v>
      </c>
      <c r="C19" s="281">
        <v>0</v>
      </c>
      <c r="D19" s="385">
        <v>0</v>
      </c>
      <c r="E19" s="280">
        <v>0</v>
      </c>
      <c r="F19" s="281">
        <v>82</v>
      </c>
      <c r="G19" s="281">
        <v>323</v>
      </c>
      <c r="H19" s="281">
        <v>442</v>
      </c>
      <c r="I19" s="281">
        <v>447</v>
      </c>
      <c r="J19" s="281">
        <v>858</v>
      </c>
      <c r="K19" s="282">
        <v>2152</v>
      </c>
      <c r="L19" s="283">
        <v>2152</v>
      </c>
      <c r="M19" s="277">
        <v>0</v>
      </c>
      <c r="N19" s="281">
        <v>0</v>
      </c>
      <c r="O19" s="278">
        <v>0</v>
      </c>
      <c r="P19" s="280">
        <v>0</v>
      </c>
      <c r="Q19" s="281">
        <v>0</v>
      </c>
      <c r="R19" s="281">
        <v>0</v>
      </c>
      <c r="S19" s="281">
        <v>0</v>
      </c>
      <c r="T19" s="281">
        <v>2</v>
      </c>
      <c r="U19" s="281">
        <v>31</v>
      </c>
      <c r="V19" s="278">
        <v>33</v>
      </c>
      <c r="W19" s="283">
        <v>33</v>
      </c>
      <c r="X19" s="277">
        <v>2</v>
      </c>
      <c r="Y19" s="281">
        <v>54</v>
      </c>
      <c r="Z19" s="278">
        <v>56</v>
      </c>
      <c r="AA19" s="280">
        <v>0</v>
      </c>
      <c r="AB19" s="281">
        <v>59</v>
      </c>
      <c r="AC19" s="281">
        <v>93</v>
      </c>
      <c r="AD19" s="281">
        <v>87</v>
      </c>
      <c r="AE19" s="281">
        <v>59</v>
      </c>
      <c r="AF19" s="281">
        <v>55</v>
      </c>
      <c r="AG19" s="278">
        <v>353</v>
      </c>
      <c r="AH19" s="283">
        <v>409</v>
      </c>
      <c r="AI19" s="277">
        <v>24</v>
      </c>
      <c r="AJ19" s="281">
        <v>0</v>
      </c>
      <c r="AK19" s="278">
        <v>24</v>
      </c>
      <c r="AL19" s="280">
        <v>0</v>
      </c>
      <c r="AM19" s="281">
        <v>0</v>
      </c>
      <c r="AN19" s="281">
        <v>23</v>
      </c>
      <c r="AO19" s="281">
        <v>0</v>
      </c>
      <c r="AP19" s="281">
        <v>0</v>
      </c>
      <c r="AQ19" s="281">
        <v>21</v>
      </c>
      <c r="AR19" s="278">
        <v>44</v>
      </c>
      <c r="AS19" s="283">
        <v>68</v>
      </c>
      <c r="AT19" s="277">
        <v>0</v>
      </c>
      <c r="AU19" s="281">
        <v>0</v>
      </c>
      <c r="AV19" s="278">
        <v>0</v>
      </c>
      <c r="AW19" s="280">
        <v>0</v>
      </c>
      <c r="AX19" s="281">
        <v>244</v>
      </c>
      <c r="AY19" s="281">
        <v>207</v>
      </c>
      <c r="AZ19" s="281">
        <v>234</v>
      </c>
      <c r="BA19" s="281">
        <v>91</v>
      </c>
      <c r="BB19" s="281">
        <v>53</v>
      </c>
      <c r="BC19" s="282">
        <v>829</v>
      </c>
      <c r="BD19" s="283">
        <v>829</v>
      </c>
      <c r="BE19" s="277">
        <v>0</v>
      </c>
      <c r="BF19" s="281">
        <v>0</v>
      </c>
      <c r="BG19" s="278">
        <v>0</v>
      </c>
      <c r="BH19" s="280">
        <v>0</v>
      </c>
      <c r="BI19" s="281">
        <v>25</v>
      </c>
      <c r="BJ19" s="281">
        <v>113</v>
      </c>
      <c r="BK19" s="281">
        <v>29</v>
      </c>
      <c r="BL19" s="281">
        <v>8</v>
      </c>
      <c r="BM19" s="281">
        <v>5</v>
      </c>
      <c r="BN19" s="278">
        <v>180</v>
      </c>
      <c r="BO19" s="283">
        <v>180</v>
      </c>
      <c r="BP19" s="277">
        <v>0</v>
      </c>
      <c r="BQ19" s="281">
        <v>8</v>
      </c>
      <c r="BR19" s="278">
        <v>8</v>
      </c>
      <c r="BS19" s="280">
        <v>0</v>
      </c>
      <c r="BT19" s="281">
        <v>10</v>
      </c>
      <c r="BU19" s="281">
        <v>34</v>
      </c>
      <c r="BV19" s="281">
        <v>109</v>
      </c>
      <c r="BW19" s="281">
        <v>84</v>
      </c>
      <c r="BX19" s="281">
        <v>24</v>
      </c>
      <c r="BY19" s="278">
        <v>261</v>
      </c>
      <c r="BZ19" s="283">
        <v>269</v>
      </c>
      <c r="CA19" s="277">
        <v>0</v>
      </c>
      <c r="CB19" s="281">
        <v>0</v>
      </c>
      <c r="CC19" s="278">
        <v>0</v>
      </c>
      <c r="CD19" s="280">
        <v>0</v>
      </c>
      <c r="CE19" s="281">
        <v>11</v>
      </c>
      <c r="CF19" s="281">
        <v>15</v>
      </c>
      <c r="CG19" s="281">
        <v>9</v>
      </c>
      <c r="CH19" s="281">
        <v>0</v>
      </c>
      <c r="CI19" s="281">
        <v>0</v>
      </c>
      <c r="CJ19" s="278">
        <v>35</v>
      </c>
      <c r="CK19" s="283">
        <v>35</v>
      </c>
      <c r="CL19" s="277">
        <v>0</v>
      </c>
      <c r="CM19" s="281">
        <v>0</v>
      </c>
      <c r="CN19" s="278">
        <v>0</v>
      </c>
      <c r="CO19" s="280">
        <v>0</v>
      </c>
      <c r="CP19" s="281">
        <v>0</v>
      </c>
      <c r="CQ19" s="281">
        <v>0</v>
      </c>
      <c r="CR19" s="281">
        <v>0</v>
      </c>
      <c r="CS19" s="281">
        <v>0</v>
      </c>
      <c r="CT19" s="281">
        <v>0</v>
      </c>
      <c r="CU19" s="278">
        <v>0</v>
      </c>
      <c r="CV19" s="283">
        <v>0</v>
      </c>
      <c r="CW19" s="277">
        <v>0</v>
      </c>
      <c r="CX19" s="281">
        <v>0</v>
      </c>
      <c r="CY19" s="278">
        <v>0</v>
      </c>
      <c r="CZ19" s="280">
        <v>0</v>
      </c>
      <c r="DA19" s="281">
        <v>0</v>
      </c>
      <c r="DB19" s="281">
        <v>0</v>
      </c>
      <c r="DC19" s="281">
        <v>0</v>
      </c>
      <c r="DD19" s="281">
        <v>0</v>
      </c>
      <c r="DE19" s="281">
        <v>0</v>
      </c>
      <c r="DF19" s="278">
        <v>0</v>
      </c>
      <c r="DG19" s="283">
        <v>0</v>
      </c>
    </row>
    <row r="20" spans="1:111" ht="18.75" customHeight="1" x14ac:dyDescent="0.2">
      <c r="A20" s="262" t="s">
        <v>18</v>
      </c>
      <c r="B20" s="277">
        <v>0</v>
      </c>
      <c r="C20" s="281">
        <v>0</v>
      </c>
      <c r="D20" s="385">
        <v>0</v>
      </c>
      <c r="E20" s="280">
        <v>0</v>
      </c>
      <c r="F20" s="281">
        <v>224</v>
      </c>
      <c r="G20" s="281">
        <v>651</v>
      </c>
      <c r="H20" s="281">
        <v>449</v>
      </c>
      <c r="I20" s="281">
        <v>935</v>
      </c>
      <c r="J20" s="281">
        <v>385</v>
      </c>
      <c r="K20" s="282">
        <v>2644</v>
      </c>
      <c r="L20" s="283">
        <v>2644</v>
      </c>
      <c r="M20" s="277">
        <v>0</v>
      </c>
      <c r="N20" s="281">
        <v>0</v>
      </c>
      <c r="O20" s="278">
        <v>0</v>
      </c>
      <c r="P20" s="280">
        <v>0</v>
      </c>
      <c r="Q20" s="281">
        <v>9</v>
      </c>
      <c r="R20" s="281">
        <v>0</v>
      </c>
      <c r="S20" s="281">
        <v>4</v>
      </c>
      <c r="T20" s="281">
        <v>18</v>
      </c>
      <c r="U20" s="281">
        <v>8</v>
      </c>
      <c r="V20" s="278">
        <v>39</v>
      </c>
      <c r="W20" s="283">
        <v>39</v>
      </c>
      <c r="X20" s="277">
        <v>16</v>
      </c>
      <c r="Y20" s="281">
        <v>27</v>
      </c>
      <c r="Z20" s="278">
        <v>43</v>
      </c>
      <c r="AA20" s="280">
        <v>0</v>
      </c>
      <c r="AB20" s="281">
        <v>159</v>
      </c>
      <c r="AC20" s="281">
        <v>156</v>
      </c>
      <c r="AD20" s="281">
        <v>112</v>
      </c>
      <c r="AE20" s="281">
        <v>151</v>
      </c>
      <c r="AF20" s="281">
        <v>62</v>
      </c>
      <c r="AG20" s="278">
        <v>640</v>
      </c>
      <c r="AH20" s="283">
        <v>683</v>
      </c>
      <c r="AI20" s="277">
        <v>0</v>
      </c>
      <c r="AJ20" s="281">
        <v>34</v>
      </c>
      <c r="AK20" s="278">
        <v>34</v>
      </c>
      <c r="AL20" s="280">
        <v>0</v>
      </c>
      <c r="AM20" s="281">
        <v>57</v>
      </c>
      <c r="AN20" s="281">
        <v>54</v>
      </c>
      <c r="AO20" s="281">
        <v>27</v>
      </c>
      <c r="AP20" s="281">
        <v>27</v>
      </c>
      <c r="AQ20" s="281">
        <v>0</v>
      </c>
      <c r="AR20" s="278">
        <v>165</v>
      </c>
      <c r="AS20" s="283">
        <v>199</v>
      </c>
      <c r="AT20" s="277">
        <v>0</v>
      </c>
      <c r="AU20" s="281">
        <v>0</v>
      </c>
      <c r="AV20" s="278">
        <v>0</v>
      </c>
      <c r="AW20" s="280">
        <v>0</v>
      </c>
      <c r="AX20" s="281">
        <v>335</v>
      </c>
      <c r="AY20" s="281">
        <v>314</v>
      </c>
      <c r="AZ20" s="281">
        <v>225</v>
      </c>
      <c r="BA20" s="281">
        <v>71</v>
      </c>
      <c r="BB20" s="281">
        <v>66</v>
      </c>
      <c r="BC20" s="282">
        <v>1011</v>
      </c>
      <c r="BD20" s="283">
        <v>1011</v>
      </c>
      <c r="BE20" s="277">
        <v>0</v>
      </c>
      <c r="BF20" s="281">
        <v>0</v>
      </c>
      <c r="BG20" s="278">
        <v>0</v>
      </c>
      <c r="BH20" s="280">
        <v>0</v>
      </c>
      <c r="BI20" s="281">
        <v>84</v>
      </c>
      <c r="BJ20" s="281">
        <v>103</v>
      </c>
      <c r="BK20" s="281">
        <v>67</v>
      </c>
      <c r="BL20" s="281">
        <v>40</v>
      </c>
      <c r="BM20" s="281">
        <v>14</v>
      </c>
      <c r="BN20" s="278">
        <v>308</v>
      </c>
      <c r="BO20" s="283">
        <v>308</v>
      </c>
      <c r="BP20" s="277">
        <v>0</v>
      </c>
      <c r="BQ20" s="281">
        <v>0</v>
      </c>
      <c r="BR20" s="278">
        <v>0</v>
      </c>
      <c r="BS20" s="280">
        <v>0</v>
      </c>
      <c r="BT20" s="281">
        <v>24</v>
      </c>
      <c r="BU20" s="281">
        <v>173</v>
      </c>
      <c r="BV20" s="281">
        <v>75</v>
      </c>
      <c r="BW20" s="281">
        <v>100</v>
      </c>
      <c r="BX20" s="281">
        <v>53</v>
      </c>
      <c r="BY20" s="278">
        <v>425</v>
      </c>
      <c r="BZ20" s="283">
        <v>425</v>
      </c>
      <c r="CA20" s="277">
        <v>0</v>
      </c>
      <c r="CB20" s="281">
        <v>0</v>
      </c>
      <c r="CC20" s="278">
        <v>0</v>
      </c>
      <c r="CD20" s="280">
        <v>0</v>
      </c>
      <c r="CE20" s="281">
        <v>7</v>
      </c>
      <c r="CF20" s="281">
        <v>0</v>
      </c>
      <c r="CG20" s="281">
        <v>0</v>
      </c>
      <c r="CH20" s="281">
        <v>0</v>
      </c>
      <c r="CI20" s="281">
        <v>0</v>
      </c>
      <c r="CJ20" s="278">
        <v>7</v>
      </c>
      <c r="CK20" s="283">
        <v>7</v>
      </c>
      <c r="CL20" s="277">
        <v>0</v>
      </c>
      <c r="CM20" s="281">
        <v>0</v>
      </c>
      <c r="CN20" s="278">
        <v>0</v>
      </c>
      <c r="CO20" s="280">
        <v>0</v>
      </c>
      <c r="CP20" s="281">
        <v>0</v>
      </c>
      <c r="CQ20" s="281">
        <v>0</v>
      </c>
      <c r="CR20" s="281">
        <v>0</v>
      </c>
      <c r="CS20" s="281">
        <v>0</v>
      </c>
      <c r="CT20" s="281">
        <v>0</v>
      </c>
      <c r="CU20" s="278">
        <v>0</v>
      </c>
      <c r="CV20" s="283">
        <v>0</v>
      </c>
      <c r="CW20" s="277">
        <v>0</v>
      </c>
      <c r="CX20" s="281">
        <v>0</v>
      </c>
      <c r="CY20" s="278">
        <v>0</v>
      </c>
      <c r="CZ20" s="280">
        <v>0</v>
      </c>
      <c r="DA20" s="281">
        <v>0</v>
      </c>
      <c r="DB20" s="281">
        <v>0</v>
      </c>
      <c r="DC20" s="281">
        <v>0</v>
      </c>
      <c r="DD20" s="281">
        <v>0</v>
      </c>
      <c r="DE20" s="281">
        <v>0</v>
      </c>
      <c r="DF20" s="278">
        <v>0</v>
      </c>
      <c r="DG20" s="283">
        <v>0</v>
      </c>
    </row>
    <row r="21" spans="1:111" ht="18.75" customHeight="1" x14ac:dyDescent="0.2">
      <c r="A21" s="262" t="s">
        <v>19</v>
      </c>
      <c r="B21" s="277">
        <v>0</v>
      </c>
      <c r="C21" s="281">
        <v>0</v>
      </c>
      <c r="D21" s="385">
        <v>0</v>
      </c>
      <c r="E21" s="280">
        <v>0</v>
      </c>
      <c r="F21" s="281">
        <v>209</v>
      </c>
      <c r="G21" s="281">
        <v>179</v>
      </c>
      <c r="H21" s="281">
        <v>81</v>
      </c>
      <c r="I21" s="281">
        <v>209</v>
      </c>
      <c r="J21" s="281">
        <v>9</v>
      </c>
      <c r="K21" s="282">
        <v>687</v>
      </c>
      <c r="L21" s="283">
        <v>687</v>
      </c>
      <c r="M21" s="277">
        <v>0</v>
      </c>
      <c r="N21" s="281">
        <v>0</v>
      </c>
      <c r="O21" s="278">
        <v>0</v>
      </c>
      <c r="P21" s="280">
        <v>0</v>
      </c>
      <c r="Q21" s="281">
        <v>0</v>
      </c>
      <c r="R21" s="281">
        <v>1</v>
      </c>
      <c r="S21" s="281">
        <v>9</v>
      </c>
      <c r="T21" s="281">
        <v>20</v>
      </c>
      <c r="U21" s="281">
        <v>16</v>
      </c>
      <c r="V21" s="278">
        <v>46</v>
      </c>
      <c r="W21" s="283">
        <v>46</v>
      </c>
      <c r="X21" s="277">
        <v>5</v>
      </c>
      <c r="Y21" s="281">
        <v>0</v>
      </c>
      <c r="Z21" s="278">
        <v>5</v>
      </c>
      <c r="AA21" s="280">
        <v>0</v>
      </c>
      <c r="AB21" s="281">
        <v>126</v>
      </c>
      <c r="AC21" s="281">
        <v>109</v>
      </c>
      <c r="AD21" s="281">
        <v>45</v>
      </c>
      <c r="AE21" s="281">
        <v>72</v>
      </c>
      <c r="AF21" s="281">
        <v>56</v>
      </c>
      <c r="AG21" s="278">
        <v>408</v>
      </c>
      <c r="AH21" s="283">
        <v>413</v>
      </c>
      <c r="AI21" s="277">
        <v>0</v>
      </c>
      <c r="AJ21" s="281">
        <v>0</v>
      </c>
      <c r="AK21" s="278">
        <v>0</v>
      </c>
      <c r="AL21" s="280">
        <v>0</v>
      </c>
      <c r="AM21" s="281">
        <v>9</v>
      </c>
      <c r="AN21" s="281">
        <v>25</v>
      </c>
      <c r="AO21" s="281">
        <v>43</v>
      </c>
      <c r="AP21" s="281">
        <v>10</v>
      </c>
      <c r="AQ21" s="281">
        <v>0</v>
      </c>
      <c r="AR21" s="278">
        <v>87</v>
      </c>
      <c r="AS21" s="283">
        <v>87</v>
      </c>
      <c r="AT21" s="277">
        <v>0</v>
      </c>
      <c r="AU21" s="281">
        <v>0</v>
      </c>
      <c r="AV21" s="278">
        <v>0</v>
      </c>
      <c r="AW21" s="280">
        <v>0</v>
      </c>
      <c r="AX21" s="281">
        <v>179</v>
      </c>
      <c r="AY21" s="281">
        <v>178</v>
      </c>
      <c r="AZ21" s="281">
        <v>79</v>
      </c>
      <c r="BA21" s="281">
        <v>17</v>
      </c>
      <c r="BB21" s="281">
        <v>0</v>
      </c>
      <c r="BC21" s="282">
        <v>453</v>
      </c>
      <c r="BD21" s="283">
        <v>453</v>
      </c>
      <c r="BE21" s="277">
        <v>0</v>
      </c>
      <c r="BF21" s="281">
        <v>0</v>
      </c>
      <c r="BG21" s="278">
        <v>0</v>
      </c>
      <c r="BH21" s="280">
        <v>0</v>
      </c>
      <c r="BI21" s="281">
        <v>82</v>
      </c>
      <c r="BJ21" s="281">
        <v>59</v>
      </c>
      <c r="BK21" s="281">
        <v>7</v>
      </c>
      <c r="BL21" s="281">
        <v>19</v>
      </c>
      <c r="BM21" s="281">
        <v>0</v>
      </c>
      <c r="BN21" s="278">
        <v>167</v>
      </c>
      <c r="BO21" s="283">
        <v>167</v>
      </c>
      <c r="BP21" s="277">
        <v>0</v>
      </c>
      <c r="BQ21" s="281">
        <v>0</v>
      </c>
      <c r="BR21" s="278">
        <v>0</v>
      </c>
      <c r="BS21" s="280">
        <v>0</v>
      </c>
      <c r="BT21" s="281">
        <v>5</v>
      </c>
      <c r="BU21" s="281">
        <v>14</v>
      </c>
      <c r="BV21" s="281">
        <v>0</v>
      </c>
      <c r="BW21" s="281">
        <v>0</v>
      </c>
      <c r="BX21" s="281">
        <v>0</v>
      </c>
      <c r="BY21" s="278">
        <v>19</v>
      </c>
      <c r="BZ21" s="283">
        <v>19</v>
      </c>
      <c r="CA21" s="277">
        <v>0</v>
      </c>
      <c r="CB21" s="281">
        <v>0</v>
      </c>
      <c r="CC21" s="278">
        <v>0</v>
      </c>
      <c r="CD21" s="280">
        <v>0</v>
      </c>
      <c r="CE21" s="281">
        <v>0</v>
      </c>
      <c r="CF21" s="281">
        <v>0</v>
      </c>
      <c r="CG21" s="281">
        <v>0</v>
      </c>
      <c r="CH21" s="281">
        <v>3</v>
      </c>
      <c r="CI21" s="281">
        <v>0</v>
      </c>
      <c r="CJ21" s="278">
        <v>3</v>
      </c>
      <c r="CK21" s="283">
        <v>3</v>
      </c>
      <c r="CL21" s="277">
        <v>0</v>
      </c>
      <c r="CM21" s="281">
        <v>0</v>
      </c>
      <c r="CN21" s="278">
        <v>0</v>
      </c>
      <c r="CO21" s="280">
        <v>0</v>
      </c>
      <c r="CP21" s="281">
        <v>0</v>
      </c>
      <c r="CQ21" s="281">
        <v>0</v>
      </c>
      <c r="CR21" s="281">
        <v>0</v>
      </c>
      <c r="CS21" s="281">
        <v>0</v>
      </c>
      <c r="CT21" s="281">
        <v>0</v>
      </c>
      <c r="CU21" s="278">
        <v>0</v>
      </c>
      <c r="CV21" s="283">
        <v>0</v>
      </c>
      <c r="CW21" s="277">
        <v>0</v>
      </c>
      <c r="CX21" s="281">
        <v>0</v>
      </c>
      <c r="CY21" s="278">
        <v>0</v>
      </c>
      <c r="CZ21" s="280">
        <v>0</v>
      </c>
      <c r="DA21" s="281">
        <v>0</v>
      </c>
      <c r="DB21" s="281">
        <v>0</v>
      </c>
      <c r="DC21" s="281">
        <v>0</v>
      </c>
      <c r="DD21" s="281">
        <v>0</v>
      </c>
      <c r="DE21" s="281">
        <v>0</v>
      </c>
      <c r="DF21" s="278">
        <v>0</v>
      </c>
      <c r="DG21" s="283">
        <v>0</v>
      </c>
    </row>
    <row r="22" spans="1:111" ht="18.75" customHeight="1" x14ac:dyDescent="0.2">
      <c r="A22" s="262" t="s">
        <v>20</v>
      </c>
      <c r="B22" s="277">
        <v>0</v>
      </c>
      <c r="C22" s="281">
        <v>0</v>
      </c>
      <c r="D22" s="385">
        <v>0</v>
      </c>
      <c r="E22" s="280">
        <v>0</v>
      </c>
      <c r="F22" s="281">
        <v>202</v>
      </c>
      <c r="G22" s="281">
        <v>269</v>
      </c>
      <c r="H22" s="281">
        <v>186</v>
      </c>
      <c r="I22" s="281">
        <v>235</v>
      </c>
      <c r="J22" s="281">
        <v>97</v>
      </c>
      <c r="K22" s="282">
        <v>989</v>
      </c>
      <c r="L22" s="283">
        <v>989</v>
      </c>
      <c r="M22" s="277">
        <v>0</v>
      </c>
      <c r="N22" s="281">
        <v>0</v>
      </c>
      <c r="O22" s="278">
        <v>0</v>
      </c>
      <c r="P22" s="280">
        <v>0</v>
      </c>
      <c r="Q22" s="281">
        <v>0</v>
      </c>
      <c r="R22" s="281">
        <v>0</v>
      </c>
      <c r="S22" s="281">
        <v>0</v>
      </c>
      <c r="T22" s="281">
        <v>4</v>
      </c>
      <c r="U22" s="281">
        <v>15</v>
      </c>
      <c r="V22" s="278">
        <v>19</v>
      </c>
      <c r="W22" s="283">
        <v>19</v>
      </c>
      <c r="X22" s="277">
        <v>20</v>
      </c>
      <c r="Y22" s="281">
        <v>30</v>
      </c>
      <c r="Z22" s="278">
        <v>50</v>
      </c>
      <c r="AA22" s="280">
        <v>0</v>
      </c>
      <c r="AB22" s="281">
        <v>292</v>
      </c>
      <c r="AC22" s="281">
        <v>125</v>
      </c>
      <c r="AD22" s="281">
        <v>105</v>
      </c>
      <c r="AE22" s="281">
        <v>61</v>
      </c>
      <c r="AF22" s="281">
        <v>65</v>
      </c>
      <c r="AG22" s="278">
        <v>648</v>
      </c>
      <c r="AH22" s="283">
        <v>698</v>
      </c>
      <c r="AI22" s="277">
        <v>20</v>
      </c>
      <c r="AJ22" s="281">
        <v>16</v>
      </c>
      <c r="AK22" s="278">
        <v>36</v>
      </c>
      <c r="AL22" s="280">
        <v>0</v>
      </c>
      <c r="AM22" s="281">
        <v>57</v>
      </c>
      <c r="AN22" s="281">
        <v>50</v>
      </c>
      <c r="AO22" s="281">
        <v>39</v>
      </c>
      <c r="AP22" s="281">
        <v>30</v>
      </c>
      <c r="AQ22" s="281">
        <v>0</v>
      </c>
      <c r="AR22" s="278">
        <v>176</v>
      </c>
      <c r="AS22" s="283">
        <v>212</v>
      </c>
      <c r="AT22" s="277">
        <v>0</v>
      </c>
      <c r="AU22" s="281">
        <v>0</v>
      </c>
      <c r="AV22" s="278">
        <v>0</v>
      </c>
      <c r="AW22" s="280">
        <v>0</v>
      </c>
      <c r="AX22" s="281">
        <v>211</v>
      </c>
      <c r="AY22" s="281">
        <v>120</v>
      </c>
      <c r="AZ22" s="281">
        <v>133</v>
      </c>
      <c r="BA22" s="281">
        <v>32</v>
      </c>
      <c r="BB22" s="281">
        <v>13</v>
      </c>
      <c r="BC22" s="282">
        <v>509</v>
      </c>
      <c r="BD22" s="283">
        <v>509</v>
      </c>
      <c r="BE22" s="277">
        <v>0</v>
      </c>
      <c r="BF22" s="281">
        <v>0</v>
      </c>
      <c r="BG22" s="278">
        <v>0</v>
      </c>
      <c r="BH22" s="280">
        <v>0</v>
      </c>
      <c r="BI22" s="281">
        <v>92</v>
      </c>
      <c r="BJ22" s="281">
        <v>70</v>
      </c>
      <c r="BK22" s="281">
        <v>31</v>
      </c>
      <c r="BL22" s="281">
        <v>80</v>
      </c>
      <c r="BM22" s="281">
        <v>6</v>
      </c>
      <c r="BN22" s="278">
        <v>279</v>
      </c>
      <c r="BO22" s="283">
        <v>279</v>
      </c>
      <c r="BP22" s="277">
        <v>0</v>
      </c>
      <c r="BQ22" s="281">
        <v>3</v>
      </c>
      <c r="BR22" s="278">
        <v>3</v>
      </c>
      <c r="BS22" s="280">
        <v>0</v>
      </c>
      <c r="BT22" s="281">
        <v>55</v>
      </c>
      <c r="BU22" s="281">
        <v>17</v>
      </c>
      <c r="BV22" s="281">
        <v>60</v>
      </c>
      <c r="BW22" s="281">
        <v>57</v>
      </c>
      <c r="BX22" s="281">
        <v>0</v>
      </c>
      <c r="BY22" s="278">
        <v>189</v>
      </c>
      <c r="BZ22" s="283">
        <v>192</v>
      </c>
      <c r="CA22" s="277">
        <v>0</v>
      </c>
      <c r="CB22" s="281">
        <v>0</v>
      </c>
      <c r="CC22" s="278">
        <v>0</v>
      </c>
      <c r="CD22" s="280">
        <v>0</v>
      </c>
      <c r="CE22" s="281">
        <v>0</v>
      </c>
      <c r="CF22" s="281">
        <v>3</v>
      </c>
      <c r="CG22" s="281">
        <v>0</v>
      </c>
      <c r="CH22" s="281">
        <v>12</v>
      </c>
      <c r="CI22" s="281">
        <v>21</v>
      </c>
      <c r="CJ22" s="278">
        <v>36</v>
      </c>
      <c r="CK22" s="283">
        <v>36</v>
      </c>
      <c r="CL22" s="277">
        <v>0</v>
      </c>
      <c r="CM22" s="281">
        <v>0</v>
      </c>
      <c r="CN22" s="278">
        <v>0</v>
      </c>
      <c r="CO22" s="280">
        <v>0</v>
      </c>
      <c r="CP22" s="281">
        <v>0</v>
      </c>
      <c r="CQ22" s="281">
        <v>0</v>
      </c>
      <c r="CR22" s="281">
        <v>0</v>
      </c>
      <c r="CS22" s="281">
        <v>0</v>
      </c>
      <c r="CT22" s="281">
        <v>0</v>
      </c>
      <c r="CU22" s="278">
        <v>0</v>
      </c>
      <c r="CV22" s="283">
        <v>0</v>
      </c>
      <c r="CW22" s="277">
        <v>0</v>
      </c>
      <c r="CX22" s="281">
        <v>0</v>
      </c>
      <c r="CY22" s="278">
        <v>0</v>
      </c>
      <c r="CZ22" s="280">
        <v>0</v>
      </c>
      <c r="DA22" s="281">
        <v>0</v>
      </c>
      <c r="DB22" s="281">
        <v>0</v>
      </c>
      <c r="DC22" s="281">
        <v>0</v>
      </c>
      <c r="DD22" s="281">
        <v>0</v>
      </c>
      <c r="DE22" s="281">
        <v>0</v>
      </c>
      <c r="DF22" s="278">
        <v>0</v>
      </c>
      <c r="DG22" s="283">
        <v>0</v>
      </c>
    </row>
    <row r="23" spans="1:111" ht="18.75" customHeight="1" x14ac:dyDescent="0.2">
      <c r="A23" s="262" t="s">
        <v>21</v>
      </c>
      <c r="B23" s="277">
        <v>0</v>
      </c>
      <c r="C23" s="281">
        <v>0</v>
      </c>
      <c r="D23" s="385">
        <v>0</v>
      </c>
      <c r="E23" s="280">
        <v>0</v>
      </c>
      <c r="F23" s="281">
        <v>210</v>
      </c>
      <c r="G23" s="281">
        <v>144</v>
      </c>
      <c r="H23" s="281">
        <v>153</v>
      </c>
      <c r="I23" s="281">
        <v>581</v>
      </c>
      <c r="J23" s="281">
        <v>387</v>
      </c>
      <c r="K23" s="282">
        <v>1475</v>
      </c>
      <c r="L23" s="283">
        <v>1475</v>
      </c>
      <c r="M23" s="277">
        <v>0</v>
      </c>
      <c r="N23" s="281">
        <v>0</v>
      </c>
      <c r="O23" s="278">
        <v>0</v>
      </c>
      <c r="P23" s="280">
        <v>0</v>
      </c>
      <c r="Q23" s="281">
        <v>0</v>
      </c>
      <c r="R23" s="281">
        <v>0</v>
      </c>
      <c r="S23" s="281">
        <v>0</v>
      </c>
      <c r="T23" s="281">
        <v>2</v>
      </c>
      <c r="U23" s="281">
        <v>13</v>
      </c>
      <c r="V23" s="278">
        <v>15</v>
      </c>
      <c r="W23" s="283">
        <v>15</v>
      </c>
      <c r="X23" s="277">
        <v>19</v>
      </c>
      <c r="Y23" s="281">
        <v>17</v>
      </c>
      <c r="Z23" s="278">
        <v>36</v>
      </c>
      <c r="AA23" s="280">
        <v>0</v>
      </c>
      <c r="AB23" s="281">
        <v>173</v>
      </c>
      <c r="AC23" s="281">
        <v>256</v>
      </c>
      <c r="AD23" s="281">
        <v>71</v>
      </c>
      <c r="AE23" s="281">
        <v>116</v>
      </c>
      <c r="AF23" s="281">
        <v>15</v>
      </c>
      <c r="AG23" s="278">
        <v>631</v>
      </c>
      <c r="AH23" s="283">
        <v>667</v>
      </c>
      <c r="AI23" s="277">
        <v>12</v>
      </c>
      <c r="AJ23" s="281">
        <v>6</v>
      </c>
      <c r="AK23" s="278">
        <v>18</v>
      </c>
      <c r="AL23" s="280">
        <v>0</v>
      </c>
      <c r="AM23" s="281">
        <v>31</v>
      </c>
      <c r="AN23" s="281">
        <v>51</v>
      </c>
      <c r="AO23" s="281">
        <v>0</v>
      </c>
      <c r="AP23" s="281">
        <v>0</v>
      </c>
      <c r="AQ23" s="281">
        <v>0</v>
      </c>
      <c r="AR23" s="278">
        <v>82</v>
      </c>
      <c r="AS23" s="283">
        <v>100</v>
      </c>
      <c r="AT23" s="277">
        <v>0</v>
      </c>
      <c r="AU23" s="281">
        <v>0</v>
      </c>
      <c r="AV23" s="278">
        <v>0</v>
      </c>
      <c r="AW23" s="280">
        <v>0</v>
      </c>
      <c r="AX23" s="281">
        <v>158</v>
      </c>
      <c r="AY23" s="281">
        <v>119</v>
      </c>
      <c r="AZ23" s="281">
        <v>79</v>
      </c>
      <c r="BA23" s="281">
        <v>30</v>
      </c>
      <c r="BB23" s="281">
        <v>25</v>
      </c>
      <c r="BC23" s="282">
        <v>411</v>
      </c>
      <c r="BD23" s="283">
        <v>411</v>
      </c>
      <c r="BE23" s="277">
        <v>0</v>
      </c>
      <c r="BF23" s="281">
        <v>0</v>
      </c>
      <c r="BG23" s="278">
        <v>0</v>
      </c>
      <c r="BH23" s="280">
        <v>0</v>
      </c>
      <c r="BI23" s="281">
        <v>45</v>
      </c>
      <c r="BJ23" s="281">
        <v>87</v>
      </c>
      <c r="BK23" s="281">
        <v>45</v>
      </c>
      <c r="BL23" s="281">
        <v>0</v>
      </c>
      <c r="BM23" s="281">
        <v>0</v>
      </c>
      <c r="BN23" s="278">
        <v>177</v>
      </c>
      <c r="BO23" s="283">
        <v>177</v>
      </c>
      <c r="BP23" s="277">
        <v>0</v>
      </c>
      <c r="BQ23" s="281">
        <v>0</v>
      </c>
      <c r="BR23" s="278">
        <v>0</v>
      </c>
      <c r="BS23" s="280">
        <v>0</v>
      </c>
      <c r="BT23" s="281">
        <v>17</v>
      </c>
      <c r="BU23" s="281">
        <v>8</v>
      </c>
      <c r="BV23" s="281">
        <v>102</v>
      </c>
      <c r="BW23" s="281">
        <v>70</v>
      </c>
      <c r="BX23" s="281">
        <v>7</v>
      </c>
      <c r="BY23" s="278">
        <v>204</v>
      </c>
      <c r="BZ23" s="283">
        <v>204</v>
      </c>
      <c r="CA23" s="277">
        <v>0</v>
      </c>
      <c r="CB23" s="281">
        <v>0</v>
      </c>
      <c r="CC23" s="278">
        <v>0</v>
      </c>
      <c r="CD23" s="280">
        <v>0</v>
      </c>
      <c r="CE23" s="281">
        <v>0</v>
      </c>
      <c r="CF23" s="281">
        <v>0</v>
      </c>
      <c r="CG23" s="281">
        <v>0</v>
      </c>
      <c r="CH23" s="281">
        <v>0</v>
      </c>
      <c r="CI23" s="281">
        <v>0</v>
      </c>
      <c r="CJ23" s="278">
        <v>0</v>
      </c>
      <c r="CK23" s="283">
        <v>0</v>
      </c>
      <c r="CL23" s="277">
        <v>0</v>
      </c>
      <c r="CM23" s="281">
        <v>0</v>
      </c>
      <c r="CN23" s="278">
        <v>0</v>
      </c>
      <c r="CO23" s="280">
        <v>0</v>
      </c>
      <c r="CP23" s="281">
        <v>0</v>
      </c>
      <c r="CQ23" s="281">
        <v>0</v>
      </c>
      <c r="CR23" s="281">
        <v>0</v>
      </c>
      <c r="CS23" s="281">
        <v>0</v>
      </c>
      <c r="CT23" s="281">
        <v>0</v>
      </c>
      <c r="CU23" s="278">
        <v>0</v>
      </c>
      <c r="CV23" s="283">
        <v>0</v>
      </c>
      <c r="CW23" s="277">
        <v>0</v>
      </c>
      <c r="CX23" s="281">
        <v>0</v>
      </c>
      <c r="CY23" s="278">
        <v>0</v>
      </c>
      <c r="CZ23" s="280">
        <v>0</v>
      </c>
      <c r="DA23" s="281">
        <v>0</v>
      </c>
      <c r="DB23" s="281">
        <v>0</v>
      </c>
      <c r="DC23" s="281">
        <v>0</v>
      </c>
      <c r="DD23" s="281">
        <v>0</v>
      </c>
      <c r="DE23" s="281">
        <v>0</v>
      </c>
      <c r="DF23" s="278">
        <v>0</v>
      </c>
      <c r="DG23" s="283">
        <v>0</v>
      </c>
    </row>
    <row r="24" spans="1:111" ht="18.75" customHeight="1" x14ac:dyDescent="0.2">
      <c r="A24" s="262" t="s">
        <v>22</v>
      </c>
      <c r="B24" s="277">
        <v>0</v>
      </c>
      <c r="C24" s="281">
        <v>0</v>
      </c>
      <c r="D24" s="385">
        <v>0</v>
      </c>
      <c r="E24" s="280">
        <v>0</v>
      </c>
      <c r="F24" s="281">
        <v>38</v>
      </c>
      <c r="G24" s="281">
        <v>84</v>
      </c>
      <c r="H24" s="281">
        <v>18</v>
      </c>
      <c r="I24" s="281">
        <v>63</v>
      </c>
      <c r="J24" s="281">
        <v>212</v>
      </c>
      <c r="K24" s="282">
        <v>415</v>
      </c>
      <c r="L24" s="283">
        <v>415</v>
      </c>
      <c r="M24" s="277">
        <v>0</v>
      </c>
      <c r="N24" s="281">
        <v>0</v>
      </c>
      <c r="O24" s="278">
        <v>0</v>
      </c>
      <c r="P24" s="280">
        <v>0</v>
      </c>
      <c r="Q24" s="281">
        <v>0</v>
      </c>
      <c r="R24" s="281">
        <v>0</v>
      </c>
      <c r="S24" s="281">
        <v>5</v>
      </c>
      <c r="T24" s="281">
        <v>0</v>
      </c>
      <c r="U24" s="281">
        <v>12</v>
      </c>
      <c r="V24" s="278">
        <v>17</v>
      </c>
      <c r="W24" s="283">
        <v>17</v>
      </c>
      <c r="X24" s="277">
        <v>7</v>
      </c>
      <c r="Y24" s="281">
        <v>0</v>
      </c>
      <c r="Z24" s="278">
        <v>7</v>
      </c>
      <c r="AA24" s="280">
        <v>0</v>
      </c>
      <c r="AB24" s="281">
        <v>8</v>
      </c>
      <c r="AC24" s="281">
        <v>16</v>
      </c>
      <c r="AD24" s="281">
        <v>19</v>
      </c>
      <c r="AE24" s="281">
        <v>15</v>
      </c>
      <c r="AF24" s="281">
        <v>28</v>
      </c>
      <c r="AG24" s="278">
        <v>86</v>
      </c>
      <c r="AH24" s="283">
        <v>93</v>
      </c>
      <c r="AI24" s="277">
        <v>0</v>
      </c>
      <c r="AJ24" s="281">
        <v>0</v>
      </c>
      <c r="AK24" s="278">
        <v>0</v>
      </c>
      <c r="AL24" s="280">
        <v>0</v>
      </c>
      <c r="AM24" s="281">
        <v>24</v>
      </c>
      <c r="AN24" s="281">
        <v>0</v>
      </c>
      <c r="AO24" s="281">
        <v>6</v>
      </c>
      <c r="AP24" s="281">
        <v>10</v>
      </c>
      <c r="AQ24" s="281">
        <v>36</v>
      </c>
      <c r="AR24" s="278">
        <v>76</v>
      </c>
      <c r="AS24" s="283">
        <v>76</v>
      </c>
      <c r="AT24" s="277">
        <v>0</v>
      </c>
      <c r="AU24" s="281">
        <v>0</v>
      </c>
      <c r="AV24" s="278">
        <v>0</v>
      </c>
      <c r="AW24" s="280">
        <v>0</v>
      </c>
      <c r="AX24" s="281">
        <v>52</v>
      </c>
      <c r="AY24" s="281">
        <v>147</v>
      </c>
      <c r="AZ24" s="281">
        <v>47</v>
      </c>
      <c r="BA24" s="281">
        <v>98</v>
      </c>
      <c r="BB24" s="281">
        <v>20</v>
      </c>
      <c r="BC24" s="282">
        <v>364</v>
      </c>
      <c r="BD24" s="283">
        <v>364</v>
      </c>
      <c r="BE24" s="277">
        <v>0</v>
      </c>
      <c r="BF24" s="281">
        <v>0</v>
      </c>
      <c r="BG24" s="278">
        <v>0</v>
      </c>
      <c r="BH24" s="280">
        <v>0</v>
      </c>
      <c r="BI24" s="281">
        <v>33</v>
      </c>
      <c r="BJ24" s="281">
        <v>5</v>
      </c>
      <c r="BK24" s="281">
        <v>4</v>
      </c>
      <c r="BL24" s="281">
        <v>4</v>
      </c>
      <c r="BM24" s="281">
        <v>11</v>
      </c>
      <c r="BN24" s="278">
        <v>57</v>
      </c>
      <c r="BO24" s="283">
        <v>57</v>
      </c>
      <c r="BP24" s="277">
        <v>0</v>
      </c>
      <c r="BQ24" s="281">
        <v>0</v>
      </c>
      <c r="BR24" s="278">
        <v>0</v>
      </c>
      <c r="BS24" s="280">
        <v>0</v>
      </c>
      <c r="BT24" s="281">
        <v>6</v>
      </c>
      <c r="BU24" s="281">
        <v>0</v>
      </c>
      <c r="BV24" s="281">
        <v>22</v>
      </c>
      <c r="BW24" s="281">
        <v>37</v>
      </c>
      <c r="BX24" s="281">
        <v>0</v>
      </c>
      <c r="BY24" s="278">
        <v>65</v>
      </c>
      <c r="BZ24" s="283">
        <v>65</v>
      </c>
      <c r="CA24" s="277">
        <v>0</v>
      </c>
      <c r="CB24" s="281">
        <v>0</v>
      </c>
      <c r="CC24" s="278">
        <v>0</v>
      </c>
      <c r="CD24" s="280">
        <v>0</v>
      </c>
      <c r="CE24" s="281">
        <v>0</v>
      </c>
      <c r="CF24" s="281">
        <v>0</v>
      </c>
      <c r="CG24" s="281">
        <v>1</v>
      </c>
      <c r="CH24" s="281">
        <v>0</v>
      </c>
      <c r="CI24" s="281">
        <v>0</v>
      </c>
      <c r="CJ24" s="278">
        <v>1</v>
      </c>
      <c r="CK24" s="283">
        <v>1</v>
      </c>
      <c r="CL24" s="277">
        <v>0</v>
      </c>
      <c r="CM24" s="281">
        <v>0</v>
      </c>
      <c r="CN24" s="278">
        <v>0</v>
      </c>
      <c r="CO24" s="280">
        <v>0</v>
      </c>
      <c r="CP24" s="281">
        <v>0</v>
      </c>
      <c r="CQ24" s="281">
        <v>0</v>
      </c>
      <c r="CR24" s="281">
        <v>0</v>
      </c>
      <c r="CS24" s="281">
        <v>0</v>
      </c>
      <c r="CT24" s="281">
        <v>0</v>
      </c>
      <c r="CU24" s="278">
        <v>0</v>
      </c>
      <c r="CV24" s="283">
        <v>0</v>
      </c>
      <c r="CW24" s="277">
        <v>0</v>
      </c>
      <c r="CX24" s="281">
        <v>0</v>
      </c>
      <c r="CY24" s="278">
        <v>0</v>
      </c>
      <c r="CZ24" s="280">
        <v>0</v>
      </c>
      <c r="DA24" s="281">
        <v>0</v>
      </c>
      <c r="DB24" s="281">
        <v>0</v>
      </c>
      <c r="DC24" s="281">
        <v>0</v>
      </c>
      <c r="DD24" s="281">
        <v>0</v>
      </c>
      <c r="DE24" s="281">
        <v>0</v>
      </c>
      <c r="DF24" s="278">
        <v>0</v>
      </c>
      <c r="DG24" s="283">
        <v>0</v>
      </c>
    </row>
    <row r="25" spans="1:111" ht="18.75" customHeight="1" x14ac:dyDescent="0.2">
      <c r="A25" s="262" t="s">
        <v>23</v>
      </c>
      <c r="B25" s="277">
        <v>0</v>
      </c>
      <c r="C25" s="281">
        <v>0</v>
      </c>
      <c r="D25" s="385">
        <v>0</v>
      </c>
      <c r="E25" s="280">
        <v>0</v>
      </c>
      <c r="F25" s="281">
        <v>49</v>
      </c>
      <c r="G25" s="281">
        <v>161</v>
      </c>
      <c r="H25" s="281">
        <v>127</v>
      </c>
      <c r="I25" s="281">
        <v>174</v>
      </c>
      <c r="J25" s="281">
        <v>9</v>
      </c>
      <c r="K25" s="282">
        <v>520</v>
      </c>
      <c r="L25" s="283">
        <v>520</v>
      </c>
      <c r="M25" s="277">
        <v>0</v>
      </c>
      <c r="N25" s="281">
        <v>0</v>
      </c>
      <c r="O25" s="278">
        <v>0</v>
      </c>
      <c r="P25" s="280">
        <v>0</v>
      </c>
      <c r="Q25" s="281">
        <v>1</v>
      </c>
      <c r="R25" s="281">
        <v>0</v>
      </c>
      <c r="S25" s="281">
        <v>0</v>
      </c>
      <c r="T25" s="281">
        <v>4</v>
      </c>
      <c r="U25" s="281">
        <v>0</v>
      </c>
      <c r="V25" s="278">
        <v>5</v>
      </c>
      <c r="W25" s="283">
        <v>5</v>
      </c>
      <c r="X25" s="277">
        <v>22</v>
      </c>
      <c r="Y25" s="281">
        <v>9</v>
      </c>
      <c r="Z25" s="278">
        <v>31</v>
      </c>
      <c r="AA25" s="280">
        <v>0</v>
      </c>
      <c r="AB25" s="281">
        <v>77</v>
      </c>
      <c r="AC25" s="281">
        <v>121</v>
      </c>
      <c r="AD25" s="281">
        <v>42</v>
      </c>
      <c r="AE25" s="281">
        <v>21</v>
      </c>
      <c r="AF25" s="281">
        <v>0</v>
      </c>
      <c r="AG25" s="278">
        <v>261</v>
      </c>
      <c r="AH25" s="283">
        <v>292</v>
      </c>
      <c r="AI25" s="277">
        <v>0</v>
      </c>
      <c r="AJ25" s="281">
        <v>0</v>
      </c>
      <c r="AK25" s="278">
        <v>0</v>
      </c>
      <c r="AL25" s="280">
        <v>0</v>
      </c>
      <c r="AM25" s="281">
        <v>0</v>
      </c>
      <c r="AN25" s="281">
        <v>56</v>
      </c>
      <c r="AO25" s="281">
        <v>0</v>
      </c>
      <c r="AP25" s="281">
        <v>0</v>
      </c>
      <c r="AQ25" s="281">
        <v>0</v>
      </c>
      <c r="AR25" s="278">
        <v>56</v>
      </c>
      <c r="AS25" s="283">
        <v>56</v>
      </c>
      <c r="AT25" s="277">
        <v>0</v>
      </c>
      <c r="AU25" s="281">
        <v>0</v>
      </c>
      <c r="AV25" s="278">
        <v>0</v>
      </c>
      <c r="AW25" s="280">
        <v>0</v>
      </c>
      <c r="AX25" s="281">
        <v>142</v>
      </c>
      <c r="AY25" s="281">
        <v>67</v>
      </c>
      <c r="AZ25" s="281">
        <v>94</v>
      </c>
      <c r="BA25" s="281">
        <v>48</v>
      </c>
      <c r="BB25" s="281">
        <v>8</v>
      </c>
      <c r="BC25" s="282">
        <v>359</v>
      </c>
      <c r="BD25" s="283">
        <v>359</v>
      </c>
      <c r="BE25" s="277">
        <v>0</v>
      </c>
      <c r="BF25" s="281">
        <v>0</v>
      </c>
      <c r="BG25" s="278">
        <v>0</v>
      </c>
      <c r="BH25" s="280">
        <v>0</v>
      </c>
      <c r="BI25" s="281">
        <v>12</v>
      </c>
      <c r="BJ25" s="281">
        <v>22</v>
      </c>
      <c r="BK25" s="281">
        <v>23</v>
      </c>
      <c r="BL25" s="281">
        <v>45</v>
      </c>
      <c r="BM25" s="281">
        <v>3</v>
      </c>
      <c r="BN25" s="278">
        <v>105</v>
      </c>
      <c r="BO25" s="283">
        <v>105</v>
      </c>
      <c r="BP25" s="277">
        <v>0</v>
      </c>
      <c r="BQ25" s="281">
        <v>0</v>
      </c>
      <c r="BR25" s="278">
        <v>0</v>
      </c>
      <c r="BS25" s="280">
        <v>0</v>
      </c>
      <c r="BT25" s="281">
        <v>0</v>
      </c>
      <c r="BU25" s="281">
        <v>8</v>
      </c>
      <c r="BV25" s="281">
        <v>4</v>
      </c>
      <c r="BW25" s="281">
        <v>14</v>
      </c>
      <c r="BX25" s="281">
        <v>12</v>
      </c>
      <c r="BY25" s="278">
        <v>38</v>
      </c>
      <c r="BZ25" s="283">
        <v>38</v>
      </c>
      <c r="CA25" s="277">
        <v>0</v>
      </c>
      <c r="CB25" s="281">
        <v>0</v>
      </c>
      <c r="CC25" s="278">
        <v>0</v>
      </c>
      <c r="CD25" s="280">
        <v>0</v>
      </c>
      <c r="CE25" s="281">
        <v>4</v>
      </c>
      <c r="CF25" s="281">
        <v>0</v>
      </c>
      <c r="CG25" s="281">
        <v>0</v>
      </c>
      <c r="CH25" s="281">
        <v>0</v>
      </c>
      <c r="CI25" s="281">
        <v>0</v>
      </c>
      <c r="CJ25" s="278">
        <v>4</v>
      </c>
      <c r="CK25" s="283">
        <v>4</v>
      </c>
      <c r="CL25" s="277">
        <v>0</v>
      </c>
      <c r="CM25" s="281">
        <v>0</v>
      </c>
      <c r="CN25" s="278">
        <v>0</v>
      </c>
      <c r="CO25" s="280">
        <v>0</v>
      </c>
      <c r="CP25" s="281">
        <v>0</v>
      </c>
      <c r="CQ25" s="281">
        <v>0</v>
      </c>
      <c r="CR25" s="281">
        <v>0</v>
      </c>
      <c r="CS25" s="281">
        <v>0</v>
      </c>
      <c r="CT25" s="281">
        <v>0</v>
      </c>
      <c r="CU25" s="278">
        <v>0</v>
      </c>
      <c r="CV25" s="283">
        <v>0</v>
      </c>
      <c r="CW25" s="277">
        <v>0</v>
      </c>
      <c r="CX25" s="281">
        <v>0</v>
      </c>
      <c r="CY25" s="278">
        <v>0</v>
      </c>
      <c r="CZ25" s="280">
        <v>0</v>
      </c>
      <c r="DA25" s="281">
        <v>0</v>
      </c>
      <c r="DB25" s="281">
        <v>0</v>
      </c>
      <c r="DC25" s="281">
        <v>0</v>
      </c>
      <c r="DD25" s="281">
        <v>0</v>
      </c>
      <c r="DE25" s="281">
        <v>0</v>
      </c>
      <c r="DF25" s="278">
        <v>0</v>
      </c>
      <c r="DG25" s="283">
        <v>0</v>
      </c>
    </row>
    <row r="26" spans="1:111" ht="18.75" customHeight="1" x14ac:dyDescent="0.2">
      <c r="A26" s="262" t="s">
        <v>24</v>
      </c>
      <c r="B26" s="277">
        <v>0</v>
      </c>
      <c r="C26" s="281">
        <v>0</v>
      </c>
      <c r="D26" s="385">
        <v>0</v>
      </c>
      <c r="E26" s="280">
        <v>0</v>
      </c>
      <c r="F26" s="281">
        <v>161</v>
      </c>
      <c r="G26" s="281">
        <v>101</v>
      </c>
      <c r="H26" s="281">
        <v>11</v>
      </c>
      <c r="I26" s="281">
        <v>290</v>
      </c>
      <c r="J26" s="281">
        <v>17</v>
      </c>
      <c r="K26" s="282">
        <v>580</v>
      </c>
      <c r="L26" s="283">
        <v>580</v>
      </c>
      <c r="M26" s="277">
        <v>0</v>
      </c>
      <c r="N26" s="281">
        <v>0</v>
      </c>
      <c r="O26" s="278">
        <v>0</v>
      </c>
      <c r="P26" s="280">
        <v>0</v>
      </c>
      <c r="Q26" s="281">
        <v>0</v>
      </c>
      <c r="R26" s="281">
        <v>0</v>
      </c>
      <c r="S26" s="281">
        <v>0</v>
      </c>
      <c r="T26" s="281">
        <v>5</v>
      </c>
      <c r="U26" s="281">
        <v>10</v>
      </c>
      <c r="V26" s="278">
        <v>15</v>
      </c>
      <c r="W26" s="283">
        <v>15</v>
      </c>
      <c r="X26" s="277">
        <v>30</v>
      </c>
      <c r="Y26" s="281">
        <v>11</v>
      </c>
      <c r="Z26" s="278">
        <v>41</v>
      </c>
      <c r="AA26" s="280">
        <v>0</v>
      </c>
      <c r="AB26" s="281">
        <v>138</v>
      </c>
      <c r="AC26" s="281">
        <v>38</v>
      </c>
      <c r="AD26" s="281">
        <v>53</v>
      </c>
      <c r="AE26" s="281">
        <v>19</v>
      </c>
      <c r="AF26" s="281">
        <v>19</v>
      </c>
      <c r="AG26" s="278">
        <v>267</v>
      </c>
      <c r="AH26" s="283">
        <v>308</v>
      </c>
      <c r="AI26" s="277">
        <v>15</v>
      </c>
      <c r="AJ26" s="281">
        <v>18</v>
      </c>
      <c r="AK26" s="278">
        <v>33</v>
      </c>
      <c r="AL26" s="280">
        <v>0</v>
      </c>
      <c r="AM26" s="281">
        <v>24</v>
      </c>
      <c r="AN26" s="281">
        <v>0</v>
      </c>
      <c r="AO26" s="281">
        <v>0</v>
      </c>
      <c r="AP26" s="281">
        <v>23</v>
      </c>
      <c r="AQ26" s="281">
        <v>0</v>
      </c>
      <c r="AR26" s="278">
        <v>47</v>
      </c>
      <c r="AS26" s="283">
        <v>80</v>
      </c>
      <c r="AT26" s="277">
        <v>0</v>
      </c>
      <c r="AU26" s="281">
        <v>0</v>
      </c>
      <c r="AV26" s="278">
        <v>0</v>
      </c>
      <c r="AW26" s="280">
        <v>0</v>
      </c>
      <c r="AX26" s="281">
        <v>71</v>
      </c>
      <c r="AY26" s="281">
        <v>67</v>
      </c>
      <c r="AZ26" s="281">
        <v>61</v>
      </c>
      <c r="BA26" s="281">
        <v>12</v>
      </c>
      <c r="BB26" s="281">
        <v>0</v>
      </c>
      <c r="BC26" s="282">
        <v>211</v>
      </c>
      <c r="BD26" s="283">
        <v>211</v>
      </c>
      <c r="BE26" s="277">
        <v>0</v>
      </c>
      <c r="BF26" s="281">
        <v>0</v>
      </c>
      <c r="BG26" s="278">
        <v>0</v>
      </c>
      <c r="BH26" s="280">
        <v>0</v>
      </c>
      <c r="BI26" s="281">
        <v>29</v>
      </c>
      <c r="BJ26" s="281">
        <v>48</v>
      </c>
      <c r="BK26" s="281">
        <v>19</v>
      </c>
      <c r="BL26" s="281">
        <v>0</v>
      </c>
      <c r="BM26" s="281">
        <v>0</v>
      </c>
      <c r="BN26" s="278">
        <v>96</v>
      </c>
      <c r="BO26" s="283">
        <v>96</v>
      </c>
      <c r="BP26" s="277">
        <v>0</v>
      </c>
      <c r="BQ26" s="281">
        <v>0</v>
      </c>
      <c r="BR26" s="278">
        <v>0</v>
      </c>
      <c r="BS26" s="280">
        <v>0</v>
      </c>
      <c r="BT26" s="281">
        <v>7</v>
      </c>
      <c r="BU26" s="281">
        <v>0</v>
      </c>
      <c r="BV26" s="281">
        <v>38</v>
      </c>
      <c r="BW26" s="281">
        <v>51</v>
      </c>
      <c r="BX26" s="281">
        <v>9</v>
      </c>
      <c r="BY26" s="278">
        <v>105</v>
      </c>
      <c r="BZ26" s="283">
        <v>105</v>
      </c>
      <c r="CA26" s="277">
        <v>0</v>
      </c>
      <c r="CB26" s="281">
        <v>0</v>
      </c>
      <c r="CC26" s="278">
        <v>0</v>
      </c>
      <c r="CD26" s="280">
        <v>0</v>
      </c>
      <c r="CE26" s="281">
        <v>0</v>
      </c>
      <c r="CF26" s="281">
        <v>0</v>
      </c>
      <c r="CG26" s="281">
        <v>0</v>
      </c>
      <c r="CH26" s="281">
        <v>0</v>
      </c>
      <c r="CI26" s="281">
        <v>0</v>
      </c>
      <c r="CJ26" s="278">
        <v>0</v>
      </c>
      <c r="CK26" s="283">
        <v>0</v>
      </c>
      <c r="CL26" s="277">
        <v>0</v>
      </c>
      <c r="CM26" s="281">
        <v>0</v>
      </c>
      <c r="CN26" s="278">
        <v>0</v>
      </c>
      <c r="CO26" s="280">
        <v>0</v>
      </c>
      <c r="CP26" s="281">
        <v>0</v>
      </c>
      <c r="CQ26" s="281">
        <v>0</v>
      </c>
      <c r="CR26" s="281">
        <v>0</v>
      </c>
      <c r="CS26" s="281">
        <v>0</v>
      </c>
      <c r="CT26" s="281">
        <v>0</v>
      </c>
      <c r="CU26" s="278">
        <v>0</v>
      </c>
      <c r="CV26" s="283">
        <v>0</v>
      </c>
      <c r="CW26" s="277">
        <v>0</v>
      </c>
      <c r="CX26" s="281">
        <v>0</v>
      </c>
      <c r="CY26" s="278">
        <v>0</v>
      </c>
      <c r="CZ26" s="280">
        <v>0</v>
      </c>
      <c r="DA26" s="281">
        <v>0</v>
      </c>
      <c r="DB26" s="281">
        <v>0</v>
      </c>
      <c r="DC26" s="281">
        <v>0</v>
      </c>
      <c r="DD26" s="281">
        <v>0</v>
      </c>
      <c r="DE26" s="281">
        <v>0</v>
      </c>
      <c r="DF26" s="278">
        <v>0</v>
      </c>
      <c r="DG26" s="283">
        <v>0</v>
      </c>
    </row>
    <row r="27" spans="1:111" ht="18.75" customHeight="1" x14ac:dyDescent="0.2">
      <c r="A27" s="262" t="s">
        <v>25</v>
      </c>
      <c r="B27" s="277">
        <v>0</v>
      </c>
      <c r="C27" s="281">
        <v>0</v>
      </c>
      <c r="D27" s="385">
        <v>0</v>
      </c>
      <c r="E27" s="280">
        <v>0</v>
      </c>
      <c r="F27" s="281">
        <v>55</v>
      </c>
      <c r="G27" s="281">
        <v>109</v>
      </c>
      <c r="H27" s="281">
        <v>98</v>
      </c>
      <c r="I27" s="281">
        <v>162</v>
      </c>
      <c r="J27" s="281">
        <v>14</v>
      </c>
      <c r="K27" s="282">
        <v>438</v>
      </c>
      <c r="L27" s="283">
        <v>438</v>
      </c>
      <c r="M27" s="277">
        <v>0</v>
      </c>
      <c r="N27" s="281">
        <v>0</v>
      </c>
      <c r="O27" s="278">
        <v>0</v>
      </c>
      <c r="P27" s="280">
        <v>0</v>
      </c>
      <c r="Q27" s="281">
        <v>0</v>
      </c>
      <c r="R27" s="281">
        <v>0</v>
      </c>
      <c r="S27" s="281">
        <v>4</v>
      </c>
      <c r="T27" s="281">
        <v>9</v>
      </c>
      <c r="U27" s="281">
        <v>9</v>
      </c>
      <c r="V27" s="278">
        <v>22</v>
      </c>
      <c r="W27" s="283">
        <v>22</v>
      </c>
      <c r="X27" s="277">
        <v>0</v>
      </c>
      <c r="Y27" s="281">
        <v>11</v>
      </c>
      <c r="Z27" s="278">
        <v>11</v>
      </c>
      <c r="AA27" s="280">
        <v>0</v>
      </c>
      <c r="AB27" s="281">
        <v>53</v>
      </c>
      <c r="AC27" s="281">
        <v>25</v>
      </c>
      <c r="AD27" s="281">
        <v>7</v>
      </c>
      <c r="AE27" s="281">
        <v>11</v>
      </c>
      <c r="AF27" s="281">
        <v>31</v>
      </c>
      <c r="AG27" s="278">
        <v>127</v>
      </c>
      <c r="AH27" s="283">
        <v>138</v>
      </c>
      <c r="AI27" s="277">
        <v>0</v>
      </c>
      <c r="AJ27" s="281">
        <v>16</v>
      </c>
      <c r="AK27" s="278">
        <v>16</v>
      </c>
      <c r="AL27" s="280">
        <v>0</v>
      </c>
      <c r="AM27" s="281">
        <v>0</v>
      </c>
      <c r="AN27" s="281">
        <v>0</v>
      </c>
      <c r="AO27" s="281">
        <v>8</v>
      </c>
      <c r="AP27" s="281">
        <v>0</v>
      </c>
      <c r="AQ27" s="281">
        <v>14</v>
      </c>
      <c r="AR27" s="278">
        <v>22</v>
      </c>
      <c r="AS27" s="283">
        <v>38</v>
      </c>
      <c r="AT27" s="277">
        <v>0</v>
      </c>
      <c r="AU27" s="281">
        <v>0</v>
      </c>
      <c r="AV27" s="278">
        <v>0</v>
      </c>
      <c r="AW27" s="280">
        <v>0</v>
      </c>
      <c r="AX27" s="281">
        <v>100</v>
      </c>
      <c r="AY27" s="281">
        <v>33</v>
      </c>
      <c r="AZ27" s="281">
        <v>14</v>
      </c>
      <c r="BA27" s="281">
        <v>40</v>
      </c>
      <c r="BB27" s="281">
        <v>10</v>
      </c>
      <c r="BC27" s="282">
        <v>197</v>
      </c>
      <c r="BD27" s="283">
        <v>197</v>
      </c>
      <c r="BE27" s="277">
        <v>0</v>
      </c>
      <c r="BF27" s="281">
        <v>0</v>
      </c>
      <c r="BG27" s="278">
        <v>0</v>
      </c>
      <c r="BH27" s="280">
        <v>0</v>
      </c>
      <c r="BI27" s="281">
        <v>16</v>
      </c>
      <c r="BJ27" s="281">
        <v>24</v>
      </c>
      <c r="BK27" s="281">
        <v>9</v>
      </c>
      <c r="BL27" s="281">
        <v>12</v>
      </c>
      <c r="BM27" s="281">
        <v>6</v>
      </c>
      <c r="BN27" s="278">
        <v>67</v>
      </c>
      <c r="BO27" s="283">
        <v>67</v>
      </c>
      <c r="BP27" s="277">
        <v>0</v>
      </c>
      <c r="BQ27" s="281">
        <v>0</v>
      </c>
      <c r="BR27" s="278">
        <v>0</v>
      </c>
      <c r="BS27" s="280">
        <v>0</v>
      </c>
      <c r="BT27" s="281">
        <v>13</v>
      </c>
      <c r="BU27" s="281">
        <v>0</v>
      </c>
      <c r="BV27" s="281">
        <v>6</v>
      </c>
      <c r="BW27" s="281">
        <v>2</v>
      </c>
      <c r="BX27" s="281">
        <v>0</v>
      </c>
      <c r="BY27" s="278">
        <v>21</v>
      </c>
      <c r="BZ27" s="283">
        <v>21</v>
      </c>
      <c r="CA27" s="277">
        <v>0</v>
      </c>
      <c r="CB27" s="281">
        <v>0</v>
      </c>
      <c r="CC27" s="278">
        <v>0</v>
      </c>
      <c r="CD27" s="280">
        <v>0</v>
      </c>
      <c r="CE27" s="281">
        <v>8</v>
      </c>
      <c r="CF27" s="281">
        <v>0</v>
      </c>
      <c r="CG27" s="281">
        <v>5</v>
      </c>
      <c r="CH27" s="281">
        <v>0</v>
      </c>
      <c r="CI27" s="281">
        <v>9</v>
      </c>
      <c r="CJ27" s="278">
        <v>22</v>
      </c>
      <c r="CK27" s="283">
        <v>22</v>
      </c>
      <c r="CL27" s="277">
        <v>0</v>
      </c>
      <c r="CM27" s="281">
        <v>0</v>
      </c>
      <c r="CN27" s="278">
        <v>0</v>
      </c>
      <c r="CO27" s="280">
        <v>0</v>
      </c>
      <c r="CP27" s="281">
        <v>0</v>
      </c>
      <c r="CQ27" s="281">
        <v>0</v>
      </c>
      <c r="CR27" s="281">
        <v>0</v>
      </c>
      <c r="CS27" s="281">
        <v>0</v>
      </c>
      <c r="CT27" s="281">
        <v>0</v>
      </c>
      <c r="CU27" s="278">
        <v>0</v>
      </c>
      <c r="CV27" s="283">
        <v>0</v>
      </c>
      <c r="CW27" s="277">
        <v>0</v>
      </c>
      <c r="CX27" s="281">
        <v>0</v>
      </c>
      <c r="CY27" s="278">
        <v>0</v>
      </c>
      <c r="CZ27" s="280">
        <v>0</v>
      </c>
      <c r="DA27" s="281">
        <v>0</v>
      </c>
      <c r="DB27" s="281">
        <v>0</v>
      </c>
      <c r="DC27" s="281">
        <v>0</v>
      </c>
      <c r="DD27" s="281">
        <v>0</v>
      </c>
      <c r="DE27" s="281">
        <v>0</v>
      </c>
      <c r="DF27" s="278">
        <v>0</v>
      </c>
      <c r="DG27" s="283">
        <v>0</v>
      </c>
    </row>
    <row r="28" spans="1:111" ht="18.75" customHeight="1" x14ac:dyDescent="0.2">
      <c r="A28" s="262" t="s">
        <v>26</v>
      </c>
      <c r="B28" s="277">
        <v>0</v>
      </c>
      <c r="C28" s="281">
        <v>0</v>
      </c>
      <c r="D28" s="385">
        <v>0</v>
      </c>
      <c r="E28" s="280">
        <v>0</v>
      </c>
      <c r="F28" s="281">
        <v>14</v>
      </c>
      <c r="G28" s="281">
        <v>167</v>
      </c>
      <c r="H28" s="281">
        <v>92</v>
      </c>
      <c r="I28" s="281">
        <v>107</v>
      </c>
      <c r="J28" s="281">
        <v>29</v>
      </c>
      <c r="K28" s="282">
        <v>409</v>
      </c>
      <c r="L28" s="283">
        <v>409</v>
      </c>
      <c r="M28" s="277">
        <v>0</v>
      </c>
      <c r="N28" s="281">
        <v>0</v>
      </c>
      <c r="O28" s="278">
        <v>0</v>
      </c>
      <c r="P28" s="280">
        <v>0</v>
      </c>
      <c r="Q28" s="281">
        <v>0</v>
      </c>
      <c r="R28" s="281">
        <v>0</v>
      </c>
      <c r="S28" s="281">
        <v>8</v>
      </c>
      <c r="T28" s="281">
        <v>11</v>
      </c>
      <c r="U28" s="281">
        <v>8</v>
      </c>
      <c r="V28" s="278">
        <v>27</v>
      </c>
      <c r="W28" s="283">
        <v>27</v>
      </c>
      <c r="X28" s="277">
        <v>0</v>
      </c>
      <c r="Y28" s="281">
        <v>10</v>
      </c>
      <c r="Z28" s="278">
        <v>10</v>
      </c>
      <c r="AA28" s="280">
        <v>0</v>
      </c>
      <c r="AB28" s="281">
        <v>16</v>
      </c>
      <c r="AC28" s="281">
        <v>30</v>
      </c>
      <c r="AD28" s="281">
        <v>30</v>
      </c>
      <c r="AE28" s="281">
        <v>57</v>
      </c>
      <c r="AF28" s="281">
        <v>34</v>
      </c>
      <c r="AG28" s="278">
        <v>167</v>
      </c>
      <c r="AH28" s="283">
        <v>177</v>
      </c>
      <c r="AI28" s="277">
        <v>0</v>
      </c>
      <c r="AJ28" s="281">
        <v>0</v>
      </c>
      <c r="AK28" s="278">
        <v>0</v>
      </c>
      <c r="AL28" s="280">
        <v>0</v>
      </c>
      <c r="AM28" s="281">
        <v>0</v>
      </c>
      <c r="AN28" s="281">
        <v>12</v>
      </c>
      <c r="AO28" s="281">
        <v>24</v>
      </c>
      <c r="AP28" s="281">
        <v>0</v>
      </c>
      <c r="AQ28" s="281">
        <v>0</v>
      </c>
      <c r="AR28" s="278">
        <v>36</v>
      </c>
      <c r="AS28" s="283">
        <v>36</v>
      </c>
      <c r="AT28" s="277">
        <v>0</v>
      </c>
      <c r="AU28" s="281">
        <v>0</v>
      </c>
      <c r="AV28" s="278">
        <v>0</v>
      </c>
      <c r="AW28" s="280">
        <v>0</v>
      </c>
      <c r="AX28" s="281">
        <v>84</v>
      </c>
      <c r="AY28" s="281">
        <v>79</v>
      </c>
      <c r="AZ28" s="281">
        <v>12</v>
      </c>
      <c r="BA28" s="281">
        <v>7</v>
      </c>
      <c r="BB28" s="281">
        <v>31</v>
      </c>
      <c r="BC28" s="282">
        <v>213</v>
      </c>
      <c r="BD28" s="283">
        <v>213</v>
      </c>
      <c r="BE28" s="277">
        <v>0</v>
      </c>
      <c r="BF28" s="281">
        <v>0</v>
      </c>
      <c r="BG28" s="278">
        <v>0</v>
      </c>
      <c r="BH28" s="280">
        <v>0</v>
      </c>
      <c r="BI28" s="281">
        <v>0</v>
      </c>
      <c r="BJ28" s="281">
        <v>28</v>
      </c>
      <c r="BK28" s="281">
        <v>31</v>
      </c>
      <c r="BL28" s="281">
        <v>0</v>
      </c>
      <c r="BM28" s="281">
        <v>0</v>
      </c>
      <c r="BN28" s="278">
        <v>59</v>
      </c>
      <c r="BO28" s="283">
        <v>59</v>
      </c>
      <c r="BP28" s="277">
        <v>0</v>
      </c>
      <c r="BQ28" s="281">
        <v>0</v>
      </c>
      <c r="BR28" s="278">
        <v>0</v>
      </c>
      <c r="BS28" s="280">
        <v>0</v>
      </c>
      <c r="BT28" s="281">
        <v>2</v>
      </c>
      <c r="BU28" s="281">
        <v>23</v>
      </c>
      <c r="BV28" s="281">
        <v>13</v>
      </c>
      <c r="BW28" s="281">
        <v>30</v>
      </c>
      <c r="BX28" s="281">
        <v>0</v>
      </c>
      <c r="BY28" s="278">
        <v>68</v>
      </c>
      <c r="BZ28" s="283">
        <v>68</v>
      </c>
      <c r="CA28" s="277">
        <v>0</v>
      </c>
      <c r="CB28" s="281">
        <v>0</v>
      </c>
      <c r="CC28" s="278">
        <v>0</v>
      </c>
      <c r="CD28" s="280">
        <v>0</v>
      </c>
      <c r="CE28" s="281">
        <v>0</v>
      </c>
      <c r="CF28" s="281">
        <v>0</v>
      </c>
      <c r="CG28" s="281">
        <v>5</v>
      </c>
      <c r="CH28" s="281">
        <v>0</v>
      </c>
      <c r="CI28" s="281">
        <v>0</v>
      </c>
      <c r="CJ28" s="278">
        <v>5</v>
      </c>
      <c r="CK28" s="283">
        <v>5</v>
      </c>
      <c r="CL28" s="277">
        <v>0</v>
      </c>
      <c r="CM28" s="281">
        <v>0</v>
      </c>
      <c r="CN28" s="278">
        <v>0</v>
      </c>
      <c r="CO28" s="280">
        <v>0</v>
      </c>
      <c r="CP28" s="281">
        <v>0</v>
      </c>
      <c r="CQ28" s="281">
        <v>0</v>
      </c>
      <c r="CR28" s="281">
        <v>0</v>
      </c>
      <c r="CS28" s="281">
        <v>0</v>
      </c>
      <c r="CT28" s="281">
        <v>0</v>
      </c>
      <c r="CU28" s="278">
        <v>0</v>
      </c>
      <c r="CV28" s="283">
        <v>0</v>
      </c>
      <c r="CW28" s="277">
        <v>0</v>
      </c>
      <c r="CX28" s="281">
        <v>0</v>
      </c>
      <c r="CY28" s="278">
        <v>0</v>
      </c>
      <c r="CZ28" s="280">
        <v>0</v>
      </c>
      <c r="DA28" s="281">
        <v>0</v>
      </c>
      <c r="DB28" s="281">
        <v>0</v>
      </c>
      <c r="DC28" s="281">
        <v>0</v>
      </c>
      <c r="DD28" s="281">
        <v>0</v>
      </c>
      <c r="DE28" s="281">
        <v>0</v>
      </c>
      <c r="DF28" s="278">
        <v>0</v>
      </c>
      <c r="DG28" s="283">
        <v>0</v>
      </c>
    </row>
    <row r="29" spans="1:111" ht="18.75" customHeight="1" x14ac:dyDescent="0.2">
      <c r="A29" s="262" t="s">
        <v>27</v>
      </c>
      <c r="B29" s="277">
        <v>0</v>
      </c>
      <c r="C29" s="281">
        <v>0</v>
      </c>
      <c r="D29" s="385">
        <v>0</v>
      </c>
      <c r="E29" s="280">
        <v>0</v>
      </c>
      <c r="F29" s="281">
        <v>36</v>
      </c>
      <c r="G29" s="281">
        <v>4</v>
      </c>
      <c r="H29" s="281">
        <v>290</v>
      </c>
      <c r="I29" s="281">
        <v>264</v>
      </c>
      <c r="J29" s="281">
        <v>0</v>
      </c>
      <c r="K29" s="282">
        <v>594</v>
      </c>
      <c r="L29" s="283">
        <v>594</v>
      </c>
      <c r="M29" s="277">
        <v>0</v>
      </c>
      <c r="N29" s="281">
        <v>0</v>
      </c>
      <c r="O29" s="278">
        <v>0</v>
      </c>
      <c r="P29" s="280">
        <v>0</v>
      </c>
      <c r="Q29" s="281">
        <v>1</v>
      </c>
      <c r="R29" s="281">
        <v>0</v>
      </c>
      <c r="S29" s="281">
        <v>0</v>
      </c>
      <c r="T29" s="281">
        <v>4</v>
      </c>
      <c r="U29" s="281">
        <v>4</v>
      </c>
      <c r="V29" s="278">
        <v>9</v>
      </c>
      <c r="W29" s="283">
        <v>9</v>
      </c>
      <c r="X29" s="277">
        <v>10</v>
      </c>
      <c r="Y29" s="281">
        <v>15</v>
      </c>
      <c r="Z29" s="278">
        <v>25</v>
      </c>
      <c r="AA29" s="280">
        <v>0</v>
      </c>
      <c r="AB29" s="281">
        <v>47</v>
      </c>
      <c r="AC29" s="281">
        <v>78</v>
      </c>
      <c r="AD29" s="281">
        <v>4</v>
      </c>
      <c r="AE29" s="281">
        <v>37</v>
      </c>
      <c r="AF29" s="281">
        <v>28</v>
      </c>
      <c r="AG29" s="278">
        <v>194</v>
      </c>
      <c r="AH29" s="283">
        <v>219</v>
      </c>
      <c r="AI29" s="277">
        <v>0</v>
      </c>
      <c r="AJ29" s="281">
        <v>0</v>
      </c>
      <c r="AK29" s="278">
        <v>0</v>
      </c>
      <c r="AL29" s="280">
        <v>0</v>
      </c>
      <c r="AM29" s="281">
        <v>0</v>
      </c>
      <c r="AN29" s="281">
        <v>0</v>
      </c>
      <c r="AO29" s="281">
        <v>0</v>
      </c>
      <c r="AP29" s="281">
        <v>0</v>
      </c>
      <c r="AQ29" s="281">
        <v>0</v>
      </c>
      <c r="AR29" s="278">
        <v>0</v>
      </c>
      <c r="AS29" s="283">
        <v>0</v>
      </c>
      <c r="AT29" s="277">
        <v>0</v>
      </c>
      <c r="AU29" s="281">
        <v>0</v>
      </c>
      <c r="AV29" s="278">
        <v>0</v>
      </c>
      <c r="AW29" s="280">
        <v>0</v>
      </c>
      <c r="AX29" s="281">
        <v>66</v>
      </c>
      <c r="AY29" s="281">
        <v>47</v>
      </c>
      <c r="AZ29" s="281">
        <v>57</v>
      </c>
      <c r="BA29" s="281">
        <v>42</v>
      </c>
      <c r="BB29" s="281">
        <v>23</v>
      </c>
      <c r="BC29" s="282">
        <v>235</v>
      </c>
      <c r="BD29" s="283">
        <v>235</v>
      </c>
      <c r="BE29" s="277">
        <v>0</v>
      </c>
      <c r="BF29" s="281">
        <v>0</v>
      </c>
      <c r="BG29" s="278">
        <v>0</v>
      </c>
      <c r="BH29" s="280">
        <v>0</v>
      </c>
      <c r="BI29" s="281">
        <v>9</v>
      </c>
      <c r="BJ29" s="281">
        <v>25</v>
      </c>
      <c r="BK29" s="281">
        <v>3</v>
      </c>
      <c r="BL29" s="281">
        <v>0</v>
      </c>
      <c r="BM29" s="281">
        <v>8</v>
      </c>
      <c r="BN29" s="278">
        <v>45</v>
      </c>
      <c r="BO29" s="283">
        <v>45</v>
      </c>
      <c r="BP29" s="277">
        <v>0</v>
      </c>
      <c r="BQ29" s="281">
        <v>0</v>
      </c>
      <c r="BR29" s="278">
        <v>0</v>
      </c>
      <c r="BS29" s="280">
        <v>0</v>
      </c>
      <c r="BT29" s="281">
        <v>0</v>
      </c>
      <c r="BU29" s="281">
        <v>2</v>
      </c>
      <c r="BV29" s="281">
        <v>10</v>
      </c>
      <c r="BW29" s="281">
        <v>0</v>
      </c>
      <c r="BX29" s="281">
        <v>3</v>
      </c>
      <c r="BY29" s="278">
        <v>15</v>
      </c>
      <c r="BZ29" s="283">
        <v>15</v>
      </c>
      <c r="CA29" s="277">
        <v>0</v>
      </c>
      <c r="CB29" s="281">
        <v>0</v>
      </c>
      <c r="CC29" s="278">
        <v>0</v>
      </c>
      <c r="CD29" s="280">
        <v>0</v>
      </c>
      <c r="CE29" s="281">
        <v>0</v>
      </c>
      <c r="CF29" s="281">
        <v>0</v>
      </c>
      <c r="CG29" s="281">
        <v>0</v>
      </c>
      <c r="CH29" s="281">
        <v>0</v>
      </c>
      <c r="CI29" s="281">
        <v>0</v>
      </c>
      <c r="CJ29" s="278">
        <v>0</v>
      </c>
      <c r="CK29" s="283">
        <v>0</v>
      </c>
      <c r="CL29" s="277">
        <v>0</v>
      </c>
      <c r="CM29" s="281">
        <v>0</v>
      </c>
      <c r="CN29" s="278">
        <v>0</v>
      </c>
      <c r="CO29" s="280">
        <v>0</v>
      </c>
      <c r="CP29" s="281">
        <v>0</v>
      </c>
      <c r="CQ29" s="281">
        <v>0</v>
      </c>
      <c r="CR29" s="281">
        <v>0</v>
      </c>
      <c r="CS29" s="281">
        <v>0</v>
      </c>
      <c r="CT29" s="281">
        <v>0</v>
      </c>
      <c r="CU29" s="278">
        <v>0</v>
      </c>
      <c r="CV29" s="283">
        <v>0</v>
      </c>
      <c r="CW29" s="277">
        <v>0</v>
      </c>
      <c r="CX29" s="281">
        <v>0</v>
      </c>
      <c r="CY29" s="278">
        <v>0</v>
      </c>
      <c r="CZ29" s="280">
        <v>0</v>
      </c>
      <c r="DA29" s="281">
        <v>0</v>
      </c>
      <c r="DB29" s="281">
        <v>0</v>
      </c>
      <c r="DC29" s="281">
        <v>0</v>
      </c>
      <c r="DD29" s="281">
        <v>0</v>
      </c>
      <c r="DE29" s="281">
        <v>0</v>
      </c>
      <c r="DF29" s="278">
        <v>0</v>
      </c>
      <c r="DG29" s="283">
        <v>0</v>
      </c>
    </row>
    <row r="30" spans="1:111" ht="18.75" customHeight="1" x14ac:dyDescent="0.2">
      <c r="A30" s="262" t="s">
        <v>28</v>
      </c>
      <c r="B30" s="277">
        <v>0</v>
      </c>
      <c r="C30" s="281">
        <v>0</v>
      </c>
      <c r="D30" s="385">
        <v>0</v>
      </c>
      <c r="E30" s="280">
        <v>0</v>
      </c>
      <c r="F30" s="281">
        <v>0</v>
      </c>
      <c r="G30" s="281">
        <v>0</v>
      </c>
      <c r="H30" s="281">
        <v>14</v>
      </c>
      <c r="I30" s="281">
        <v>0</v>
      </c>
      <c r="J30" s="281">
        <v>0</v>
      </c>
      <c r="K30" s="282">
        <v>14</v>
      </c>
      <c r="L30" s="283">
        <v>14</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0</v>
      </c>
      <c r="AC30" s="281">
        <v>21</v>
      </c>
      <c r="AD30" s="281">
        <v>6</v>
      </c>
      <c r="AE30" s="281">
        <v>0</v>
      </c>
      <c r="AF30" s="281">
        <v>0</v>
      </c>
      <c r="AG30" s="278">
        <v>27</v>
      </c>
      <c r="AH30" s="283">
        <v>27</v>
      </c>
      <c r="AI30" s="277">
        <v>0</v>
      </c>
      <c r="AJ30" s="281">
        <v>0</v>
      </c>
      <c r="AK30" s="278">
        <v>0</v>
      </c>
      <c r="AL30" s="280">
        <v>0</v>
      </c>
      <c r="AM30" s="281">
        <v>0</v>
      </c>
      <c r="AN30" s="281">
        <v>0</v>
      </c>
      <c r="AO30" s="281">
        <v>0</v>
      </c>
      <c r="AP30" s="281">
        <v>0</v>
      </c>
      <c r="AQ30" s="281">
        <v>0</v>
      </c>
      <c r="AR30" s="278">
        <v>0</v>
      </c>
      <c r="AS30" s="283">
        <v>0</v>
      </c>
      <c r="AT30" s="277">
        <v>0</v>
      </c>
      <c r="AU30" s="281">
        <v>0</v>
      </c>
      <c r="AV30" s="278">
        <v>0</v>
      </c>
      <c r="AW30" s="280">
        <v>0</v>
      </c>
      <c r="AX30" s="281">
        <v>31</v>
      </c>
      <c r="AY30" s="281">
        <v>0</v>
      </c>
      <c r="AZ30" s="281">
        <v>0</v>
      </c>
      <c r="BA30" s="281">
        <v>0</v>
      </c>
      <c r="BB30" s="281">
        <v>0</v>
      </c>
      <c r="BC30" s="282">
        <v>31</v>
      </c>
      <c r="BD30" s="283">
        <v>31</v>
      </c>
      <c r="BE30" s="277">
        <v>0</v>
      </c>
      <c r="BF30" s="281">
        <v>0</v>
      </c>
      <c r="BG30" s="278">
        <v>0</v>
      </c>
      <c r="BH30" s="280">
        <v>0</v>
      </c>
      <c r="BI30" s="281">
        <v>0</v>
      </c>
      <c r="BJ30" s="281">
        <v>0</v>
      </c>
      <c r="BK30" s="281">
        <v>0</v>
      </c>
      <c r="BL30" s="281">
        <v>0</v>
      </c>
      <c r="BM30" s="281">
        <v>0</v>
      </c>
      <c r="BN30" s="278">
        <v>0</v>
      </c>
      <c r="BO30" s="283">
        <v>0</v>
      </c>
      <c r="BP30" s="277">
        <v>0</v>
      </c>
      <c r="BQ30" s="281">
        <v>0</v>
      </c>
      <c r="BR30" s="278">
        <v>0</v>
      </c>
      <c r="BS30" s="280">
        <v>0</v>
      </c>
      <c r="BT30" s="281">
        <v>0</v>
      </c>
      <c r="BU30" s="281">
        <v>5</v>
      </c>
      <c r="BV30" s="281">
        <v>0</v>
      </c>
      <c r="BW30" s="281">
        <v>0</v>
      </c>
      <c r="BX30" s="281">
        <v>2</v>
      </c>
      <c r="BY30" s="278">
        <v>7</v>
      </c>
      <c r="BZ30" s="283">
        <v>7</v>
      </c>
      <c r="CA30" s="277">
        <v>0</v>
      </c>
      <c r="CB30" s="281">
        <v>0</v>
      </c>
      <c r="CC30" s="278">
        <v>0</v>
      </c>
      <c r="CD30" s="280">
        <v>0</v>
      </c>
      <c r="CE30" s="281">
        <v>0</v>
      </c>
      <c r="CF30" s="281">
        <v>0</v>
      </c>
      <c r="CG30" s="281">
        <v>0</v>
      </c>
      <c r="CH30" s="281">
        <v>0</v>
      </c>
      <c r="CI30" s="281">
        <v>0</v>
      </c>
      <c r="CJ30" s="278">
        <v>0</v>
      </c>
      <c r="CK30" s="283">
        <v>0</v>
      </c>
      <c r="CL30" s="277">
        <v>0</v>
      </c>
      <c r="CM30" s="281">
        <v>0</v>
      </c>
      <c r="CN30" s="278">
        <v>0</v>
      </c>
      <c r="CO30" s="280">
        <v>0</v>
      </c>
      <c r="CP30" s="281">
        <v>0</v>
      </c>
      <c r="CQ30" s="281">
        <v>0</v>
      </c>
      <c r="CR30" s="281">
        <v>0</v>
      </c>
      <c r="CS30" s="281">
        <v>0</v>
      </c>
      <c r="CT30" s="281">
        <v>0</v>
      </c>
      <c r="CU30" s="278">
        <v>0</v>
      </c>
      <c r="CV30" s="283">
        <v>0</v>
      </c>
      <c r="CW30" s="277">
        <v>0</v>
      </c>
      <c r="CX30" s="281">
        <v>0</v>
      </c>
      <c r="CY30" s="278">
        <v>0</v>
      </c>
      <c r="CZ30" s="280">
        <v>0</v>
      </c>
      <c r="DA30" s="281">
        <v>0</v>
      </c>
      <c r="DB30" s="281">
        <v>0</v>
      </c>
      <c r="DC30" s="281">
        <v>0</v>
      </c>
      <c r="DD30" s="281">
        <v>0</v>
      </c>
      <c r="DE30" s="281">
        <v>0</v>
      </c>
      <c r="DF30" s="278">
        <v>0</v>
      </c>
      <c r="DG30" s="283">
        <v>0</v>
      </c>
    </row>
    <row r="31" spans="1:111" ht="18.75" customHeight="1" x14ac:dyDescent="0.2">
      <c r="A31" s="262" t="s">
        <v>29</v>
      </c>
      <c r="B31" s="277">
        <v>0</v>
      </c>
      <c r="C31" s="281">
        <v>0</v>
      </c>
      <c r="D31" s="385">
        <v>0</v>
      </c>
      <c r="E31" s="280">
        <v>0</v>
      </c>
      <c r="F31" s="281">
        <v>4</v>
      </c>
      <c r="G31" s="281">
        <v>0</v>
      </c>
      <c r="H31" s="281">
        <v>0</v>
      </c>
      <c r="I31" s="281">
        <v>63</v>
      </c>
      <c r="J31" s="281">
        <v>47</v>
      </c>
      <c r="K31" s="282">
        <v>114</v>
      </c>
      <c r="L31" s="283">
        <v>114</v>
      </c>
      <c r="M31" s="277">
        <v>0</v>
      </c>
      <c r="N31" s="281">
        <v>0</v>
      </c>
      <c r="O31" s="278">
        <v>0</v>
      </c>
      <c r="P31" s="280">
        <v>0</v>
      </c>
      <c r="Q31" s="281">
        <v>0</v>
      </c>
      <c r="R31" s="281">
        <v>0</v>
      </c>
      <c r="S31" s="281">
        <v>0</v>
      </c>
      <c r="T31" s="281">
        <v>0</v>
      </c>
      <c r="U31" s="281">
        <v>11</v>
      </c>
      <c r="V31" s="278">
        <v>11</v>
      </c>
      <c r="W31" s="283">
        <v>11</v>
      </c>
      <c r="X31" s="277">
        <v>0</v>
      </c>
      <c r="Y31" s="281">
        <v>2</v>
      </c>
      <c r="Z31" s="278">
        <v>2</v>
      </c>
      <c r="AA31" s="280">
        <v>0</v>
      </c>
      <c r="AB31" s="281">
        <v>0</v>
      </c>
      <c r="AC31" s="281">
        <v>0</v>
      </c>
      <c r="AD31" s="281">
        <v>15</v>
      </c>
      <c r="AE31" s="281">
        <v>0</v>
      </c>
      <c r="AF31" s="281">
        <v>5</v>
      </c>
      <c r="AG31" s="278">
        <v>20</v>
      </c>
      <c r="AH31" s="283">
        <v>22</v>
      </c>
      <c r="AI31" s="277">
        <v>0</v>
      </c>
      <c r="AJ31" s="281">
        <v>0</v>
      </c>
      <c r="AK31" s="278">
        <v>0</v>
      </c>
      <c r="AL31" s="280">
        <v>0</v>
      </c>
      <c r="AM31" s="281">
        <v>0</v>
      </c>
      <c r="AN31" s="281">
        <v>0</v>
      </c>
      <c r="AO31" s="281">
        <v>0</v>
      </c>
      <c r="AP31" s="281">
        <v>0</v>
      </c>
      <c r="AQ31" s="281">
        <v>0</v>
      </c>
      <c r="AR31" s="278">
        <v>0</v>
      </c>
      <c r="AS31" s="283">
        <v>0</v>
      </c>
      <c r="AT31" s="277">
        <v>0</v>
      </c>
      <c r="AU31" s="281">
        <v>0</v>
      </c>
      <c r="AV31" s="278">
        <v>0</v>
      </c>
      <c r="AW31" s="280">
        <v>0</v>
      </c>
      <c r="AX31" s="281">
        <v>63</v>
      </c>
      <c r="AY31" s="281">
        <v>5</v>
      </c>
      <c r="AZ31" s="281">
        <v>20</v>
      </c>
      <c r="BA31" s="281">
        <v>0</v>
      </c>
      <c r="BB31" s="281">
        <v>8</v>
      </c>
      <c r="BC31" s="282">
        <v>96</v>
      </c>
      <c r="BD31" s="283">
        <v>96</v>
      </c>
      <c r="BE31" s="277">
        <v>0</v>
      </c>
      <c r="BF31" s="281">
        <v>0</v>
      </c>
      <c r="BG31" s="278">
        <v>0</v>
      </c>
      <c r="BH31" s="280">
        <v>0</v>
      </c>
      <c r="BI31" s="281">
        <v>5</v>
      </c>
      <c r="BJ31" s="281">
        <v>0</v>
      </c>
      <c r="BK31" s="281">
        <v>3</v>
      </c>
      <c r="BL31" s="281">
        <v>3</v>
      </c>
      <c r="BM31" s="281">
        <v>0</v>
      </c>
      <c r="BN31" s="278">
        <v>11</v>
      </c>
      <c r="BO31" s="283">
        <v>11</v>
      </c>
      <c r="BP31" s="277">
        <v>0</v>
      </c>
      <c r="BQ31" s="281">
        <v>0</v>
      </c>
      <c r="BR31" s="278">
        <v>0</v>
      </c>
      <c r="BS31" s="280">
        <v>0</v>
      </c>
      <c r="BT31" s="281">
        <v>0</v>
      </c>
      <c r="BU31" s="281">
        <v>0</v>
      </c>
      <c r="BV31" s="281">
        <v>0</v>
      </c>
      <c r="BW31" s="281">
        <v>0</v>
      </c>
      <c r="BX31" s="281">
        <v>12</v>
      </c>
      <c r="BY31" s="278">
        <v>12</v>
      </c>
      <c r="BZ31" s="283">
        <v>12</v>
      </c>
      <c r="CA31" s="277">
        <v>0</v>
      </c>
      <c r="CB31" s="281">
        <v>0</v>
      </c>
      <c r="CC31" s="278">
        <v>0</v>
      </c>
      <c r="CD31" s="280">
        <v>0</v>
      </c>
      <c r="CE31" s="281">
        <v>0</v>
      </c>
      <c r="CF31" s="281">
        <v>0</v>
      </c>
      <c r="CG31" s="281">
        <v>0</v>
      </c>
      <c r="CH31" s="281">
        <v>0</v>
      </c>
      <c r="CI31" s="281">
        <v>0</v>
      </c>
      <c r="CJ31" s="278">
        <v>0</v>
      </c>
      <c r="CK31" s="283">
        <v>0</v>
      </c>
      <c r="CL31" s="277">
        <v>0</v>
      </c>
      <c r="CM31" s="281">
        <v>0</v>
      </c>
      <c r="CN31" s="278">
        <v>0</v>
      </c>
      <c r="CO31" s="280">
        <v>0</v>
      </c>
      <c r="CP31" s="281">
        <v>0</v>
      </c>
      <c r="CQ31" s="281">
        <v>0</v>
      </c>
      <c r="CR31" s="281">
        <v>0</v>
      </c>
      <c r="CS31" s="281">
        <v>0</v>
      </c>
      <c r="CT31" s="281">
        <v>0</v>
      </c>
      <c r="CU31" s="278">
        <v>0</v>
      </c>
      <c r="CV31" s="283">
        <v>0</v>
      </c>
      <c r="CW31" s="277">
        <v>0</v>
      </c>
      <c r="CX31" s="281">
        <v>0</v>
      </c>
      <c r="CY31" s="278">
        <v>0</v>
      </c>
      <c r="CZ31" s="280">
        <v>0</v>
      </c>
      <c r="DA31" s="281">
        <v>0</v>
      </c>
      <c r="DB31" s="281">
        <v>0</v>
      </c>
      <c r="DC31" s="281">
        <v>0</v>
      </c>
      <c r="DD31" s="281">
        <v>0</v>
      </c>
      <c r="DE31" s="281">
        <v>0</v>
      </c>
      <c r="DF31" s="278">
        <v>0</v>
      </c>
      <c r="DG31" s="283">
        <v>0</v>
      </c>
    </row>
    <row r="32" spans="1:111" ht="18.75" customHeight="1" x14ac:dyDescent="0.2">
      <c r="A32" s="262" t="s">
        <v>30</v>
      </c>
      <c r="B32" s="277">
        <v>0</v>
      </c>
      <c r="C32" s="281">
        <v>0</v>
      </c>
      <c r="D32" s="385">
        <v>0</v>
      </c>
      <c r="E32" s="280">
        <v>0</v>
      </c>
      <c r="F32" s="281">
        <v>0</v>
      </c>
      <c r="G32" s="281">
        <v>19</v>
      </c>
      <c r="H32" s="281">
        <v>4</v>
      </c>
      <c r="I32" s="281">
        <v>31</v>
      </c>
      <c r="J32" s="281">
        <v>0</v>
      </c>
      <c r="K32" s="282">
        <v>54</v>
      </c>
      <c r="L32" s="283">
        <v>54</v>
      </c>
      <c r="M32" s="277">
        <v>0</v>
      </c>
      <c r="N32" s="281">
        <v>0</v>
      </c>
      <c r="O32" s="278">
        <v>0</v>
      </c>
      <c r="P32" s="280">
        <v>0</v>
      </c>
      <c r="Q32" s="281">
        <v>0</v>
      </c>
      <c r="R32" s="281">
        <v>0</v>
      </c>
      <c r="S32" s="281">
        <v>0</v>
      </c>
      <c r="T32" s="281">
        <v>8</v>
      </c>
      <c r="U32" s="281">
        <v>0</v>
      </c>
      <c r="V32" s="278">
        <v>8</v>
      </c>
      <c r="W32" s="283">
        <v>8</v>
      </c>
      <c r="X32" s="277">
        <v>0</v>
      </c>
      <c r="Y32" s="281">
        <v>5</v>
      </c>
      <c r="Z32" s="278">
        <v>5</v>
      </c>
      <c r="AA32" s="280">
        <v>0</v>
      </c>
      <c r="AB32" s="281">
        <v>3</v>
      </c>
      <c r="AC32" s="281">
        <v>0</v>
      </c>
      <c r="AD32" s="281">
        <v>0</v>
      </c>
      <c r="AE32" s="281">
        <v>11</v>
      </c>
      <c r="AF32" s="281">
        <v>0</v>
      </c>
      <c r="AG32" s="278">
        <v>14</v>
      </c>
      <c r="AH32" s="283">
        <v>19</v>
      </c>
      <c r="AI32" s="277">
        <v>0</v>
      </c>
      <c r="AJ32" s="281">
        <v>0</v>
      </c>
      <c r="AK32" s="278">
        <v>0</v>
      </c>
      <c r="AL32" s="280">
        <v>0</v>
      </c>
      <c r="AM32" s="281">
        <v>0</v>
      </c>
      <c r="AN32" s="281">
        <v>0</v>
      </c>
      <c r="AO32" s="281">
        <v>0</v>
      </c>
      <c r="AP32" s="281">
        <v>0</v>
      </c>
      <c r="AQ32" s="281">
        <v>0</v>
      </c>
      <c r="AR32" s="278">
        <v>0</v>
      </c>
      <c r="AS32" s="283">
        <v>0</v>
      </c>
      <c r="AT32" s="277">
        <v>0</v>
      </c>
      <c r="AU32" s="281">
        <v>0</v>
      </c>
      <c r="AV32" s="278">
        <v>0</v>
      </c>
      <c r="AW32" s="280">
        <v>0</v>
      </c>
      <c r="AX32" s="281">
        <v>0</v>
      </c>
      <c r="AY32" s="281">
        <v>0</v>
      </c>
      <c r="AZ32" s="281">
        <v>0</v>
      </c>
      <c r="BA32" s="281">
        <v>13</v>
      </c>
      <c r="BB32" s="281">
        <v>0</v>
      </c>
      <c r="BC32" s="282">
        <v>13</v>
      </c>
      <c r="BD32" s="283">
        <v>13</v>
      </c>
      <c r="BE32" s="277">
        <v>0</v>
      </c>
      <c r="BF32" s="281">
        <v>0</v>
      </c>
      <c r="BG32" s="278">
        <v>0</v>
      </c>
      <c r="BH32" s="280">
        <v>0</v>
      </c>
      <c r="BI32" s="281">
        <v>6</v>
      </c>
      <c r="BJ32" s="281">
        <v>0</v>
      </c>
      <c r="BK32" s="281">
        <v>0</v>
      </c>
      <c r="BL32" s="281">
        <v>0</v>
      </c>
      <c r="BM32" s="281">
        <v>0</v>
      </c>
      <c r="BN32" s="278">
        <v>6</v>
      </c>
      <c r="BO32" s="283">
        <v>6</v>
      </c>
      <c r="BP32" s="277">
        <v>0</v>
      </c>
      <c r="BQ32" s="281">
        <v>0</v>
      </c>
      <c r="BR32" s="278">
        <v>0</v>
      </c>
      <c r="BS32" s="280">
        <v>0</v>
      </c>
      <c r="BT32" s="281">
        <v>4</v>
      </c>
      <c r="BU32" s="281">
        <v>0</v>
      </c>
      <c r="BV32" s="281">
        <v>30</v>
      </c>
      <c r="BW32" s="281">
        <v>10</v>
      </c>
      <c r="BX32" s="281">
        <v>0</v>
      </c>
      <c r="BY32" s="278">
        <v>44</v>
      </c>
      <c r="BZ32" s="283">
        <v>44</v>
      </c>
      <c r="CA32" s="277">
        <v>0</v>
      </c>
      <c r="CB32" s="281">
        <v>0</v>
      </c>
      <c r="CC32" s="278">
        <v>0</v>
      </c>
      <c r="CD32" s="280">
        <v>0</v>
      </c>
      <c r="CE32" s="281">
        <v>0</v>
      </c>
      <c r="CF32" s="281">
        <v>0</v>
      </c>
      <c r="CG32" s="281">
        <v>0</v>
      </c>
      <c r="CH32" s="281">
        <v>0</v>
      </c>
      <c r="CI32" s="281">
        <v>0</v>
      </c>
      <c r="CJ32" s="278">
        <v>0</v>
      </c>
      <c r="CK32" s="283">
        <v>0</v>
      </c>
      <c r="CL32" s="277">
        <v>0</v>
      </c>
      <c r="CM32" s="281">
        <v>0</v>
      </c>
      <c r="CN32" s="278">
        <v>0</v>
      </c>
      <c r="CO32" s="280">
        <v>0</v>
      </c>
      <c r="CP32" s="281">
        <v>0</v>
      </c>
      <c r="CQ32" s="281">
        <v>0</v>
      </c>
      <c r="CR32" s="281">
        <v>0</v>
      </c>
      <c r="CS32" s="281">
        <v>0</v>
      </c>
      <c r="CT32" s="281">
        <v>0</v>
      </c>
      <c r="CU32" s="278">
        <v>0</v>
      </c>
      <c r="CV32" s="283">
        <v>0</v>
      </c>
      <c r="CW32" s="277">
        <v>0</v>
      </c>
      <c r="CX32" s="281">
        <v>0</v>
      </c>
      <c r="CY32" s="278">
        <v>0</v>
      </c>
      <c r="CZ32" s="280">
        <v>0</v>
      </c>
      <c r="DA32" s="281">
        <v>0</v>
      </c>
      <c r="DB32" s="281">
        <v>0</v>
      </c>
      <c r="DC32" s="281">
        <v>0</v>
      </c>
      <c r="DD32" s="281">
        <v>0</v>
      </c>
      <c r="DE32" s="281">
        <v>0</v>
      </c>
      <c r="DF32" s="278">
        <v>0</v>
      </c>
      <c r="DG32" s="283">
        <v>0</v>
      </c>
    </row>
    <row r="33" spans="1:111" ht="18.75" customHeight="1" x14ac:dyDescent="0.2">
      <c r="A33" s="262" t="s">
        <v>31</v>
      </c>
      <c r="B33" s="277">
        <v>0</v>
      </c>
      <c r="C33" s="281">
        <v>0</v>
      </c>
      <c r="D33" s="385">
        <v>0</v>
      </c>
      <c r="E33" s="280">
        <v>0</v>
      </c>
      <c r="F33" s="281">
        <v>18</v>
      </c>
      <c r="G33" s="281">
        <v>0</v>
      </c>
      <c r="H33" s="281">
        <v>16</v>
      </c>
      <c r="I33" s="281">
        <v>3</v>
      </c>
      <c r="J33" s="281">
        <v>0</v>
      </c>
      <c r="K33" s="282">
        <v>37</v>
      </c>
      <c r="L33" s="283">
        <v>37</v>
      </c>
      <c r="M33" s="277">
        <v>0</v>
      </c>
      <c r="N33" s="281">
        <v>0</v>
      </c>
      <c r="O33" s="278">
        <v>0</v>
      </c>
      <c r="P33" s="280">
        <v>0</v>
      </c>
      <c r="Q33" s="281">
        <v>0</v>
      </c>
      <c r="R33" s="281">
        <v>5</v>
      </c>
      <c r="S33" s="281">
        <v>17</v>
      </c>
      <c r="T33" s="281">
        <v>0</v>
      </c>
      <c r="U33" s="281">
        <v>0</v>
      </c>
      <c r="V33" s="278">
        <v>22</v>
      </c>
      <c r="W33" s="283">
        <v>22</v>
      </c>
      <c r="X33" s="277">
        <v>0</v>
      </c>
      <c r="Y33" s="281">
        <v>0</v>
      </c>
      <c r="Z33" s="278">
        <v>0</v>
      </c>
      <c r="AA33" s="280">
        <v>0</v>
      </c>
      <c r="AB33" s="281">
        <v>10</v>
      </c>
      <c r="AC33" s="281">
        <v>0</v>
      </c>
      <c r="AD33" s="281">
        <v>7</v>
      </c>
      <c r="AE33" s="281">
        <v>16</v>
      </c>
      <c r="AF33" s="281">
        <v>0</v>
      </c>
      <c r="AG33" s="278">
        <v>33</v>
      </c>
      <c r="AH33" s="283">
        <v>33</v>
      </c>
      <c r="AI33" s="277">
        <v>0</v>
      </c>
      <c r="AJ33" s="281">
        <v>0</v>
      </c>
      <c r="AK33" s="278">
        <v>0</v>
      </c>
      <c r="AL33" s="280">
        <v>0</v>
      </c>
      <c r="AM33" s="281">
        <v>0</v>
      </c>
      <c r="AN33" s="281">
        <v>49</v>
      </c>
      <c r="AO33" s="281">
        <v>0</v>
      </c>
      <c r="AP33" s="281">
        <v>21</v>
      </c>
      <c r="AQ33" s="281">
        <v>0</v>
      </c>
      <c r="AR33" s="278">
        <v>70</v>
      </c>
      <c r="AS33" s="283">
        <v>70</v>
      </c>
      <c r="AT33" s="277">
        <v>0</v>
      </c>
      <c r="AU33" s="281">
        <v>0</v>
      </c>
      <c r="AV33" s="278">
        <v>0</v>
      </c>
      <c r="AW33" s="280">
        <v>0</v>
      </c>
      <c r="AX33" s="281">
        <v>22</v>
      </c>
      <c r="AY33" s="281">
        <v>35</v>
      </c>
      <c r="AZ33" s="281">
        <v>4</v>
      </c>
      <c r="BA33" s="281">
        <v>5</v>
      </c>
      <c r="BB33" s="281">
        <v>0</v>
      </c>
      <c r="BC33" s="282">
        <v>66</v>
      </c>
      <c r="BD33" s="283">
        <v>66</v>
      </c>
      <c r="BE33" s="277">
        <v>0</v>
      </c>
      <c r="BF33" s="281">
        <v>0</v>
      </c>
      <c r="BG33" s="278">
        <v>0</v>
      </c>
      <c r="BH33" s="280">
        <v>0</v>
      </c>
      <c r="BI33" s="281">
        <v>0</v>
      </c>
      <c r="BJ33" s="281">
        <v>17</v>
      </c>
      <c r="BK33" s="281">
        <v>15</v>
      </c>
      <c r="BL33" s="281">
        <v>9</v>
      </c>
      <c r="BM33" s="281">
        <v>0</v>
      </c>
      <c r="BN33" s="278">
        <v>41</v>
      </c>
      <c r="BO33" s="283">
        <v>41</v>
      </c>
      <c r="BP33" s="277">
        <v>0</v>
      </c>
      <c r="BQ33" s="281">
        <v>0</v>
      </c>
      <c r="BR33" s="278">
        <v>0</v>
      </c>
      <c r="BS33" s="280">
        <v>0</v>
      </c>
      <c r="BT33" s="281">
        <v>0</v>
      </c>
      <c r="BU33" s="281">
        <v>0</v>
      </c>
      <c r="BV33" s="281">
        <v>5</v>
      </c>
      <c r="BW33" s="281">
        <v>0</v>
      </c>
      <c r="BX33" s="281">
        <v>0</v>
      </c>
      <c r="BY33" s="278">
        <v>5</v>
      </c>
      <c r="BZ33" s="283">
        <v>5</v>
      </c>
      <c r="CA33" s="277">
        <v>0</v>
      </c>
      <c r="CB33" s="281">
        <v>0</v>
      </c>
      <c r="CC33" s="278">
        <v>0</v>
      </c>
      <c r="CD33" s="280">
        <v>0</v>
      </c>
      <c r="CE33" s="281">
        <v>0</v>
      </c>
      <c r="CF33" s="281">
        <v>0</v>
      </c>
      <c r="CG33" s="281">
        <v>0</v>
      </c>
      <c r="CH33" s="281">
        <v>0</v>
      </c>
      <c r="CI33" s="281">
        <v>0</v>
      </c>
      <c r="CJ33" s="278">
        <v>0</v>
      </c>
      <c r="CK33" s="283">
        <v>0</v>
      </c>
      <c r="CL33" s="277">
        <v>0</v>
      </c>
      <c r="CM33" s="281">
        <v>0</v>
      </c>
      <c r="CN33" s="278">
        <v>0</v>
      </c>
      <c r="CO33" s="280">
        <v>0</v>
      </c>
      <c r="CP33" s="281">
        <v>0</v>
      </c>
      <c r="CQ33" s="281">
        <v>0</v>
      </c>
      <c r="CR33" s="281">
        <v>0</v>
      </c>
      <c r="CS33" s="281">
        <v>0</v>
      </c>
      <c r="CT33" s="281">
        <v>0</v>
      </c>
      <c r="CU33" s="278">
        <v>0</v>
      </c>
      <c r="CV33" s="283">
        <v>0</v>
      </c>
      <c r="CW33" s="277">
        <v>0</v>
      </c>
      <c r="CX33" s="281">
        <v>0</v>
      </c>
      <c r="CY33" s="278">
        <v>0</v>
      </c>
      <c r="CZ33" s="280">
        <v>0</v>
      </c>
      <c r="DA33" s="281">
        <v>0</v>
      </c>
      <c r="DB33" s="281">
        <v>0</v>
      </c>
      <c r="DC33" s="281">
        <v>0</v>
      </c>
      <c r="DD33" s="281">
        <v>0</v>
      </c>
      <c r="DE33" s="281">
        <v>0</v>
      </c>
      <c r="DF33" s="278">
        <v>0</v>
      </c>
      <c r="DG33" s="283">
        <v>0</v>
      </c>
    </row>
    <row r="34" spans="1:111" ht="18.75" customHeight="1" x14ac:dyDescent="0.2">
      <c r="A34" s="262" t="s">
        <v>32</v>
      </c>
      <c r="B34" s="277">
        <v>0</v>
      </c>
      <c r="C34" s="281">
        <v>0</v>
      </c>
      <c r="D34" s="385">
        <v>0</v>
      </c>
      <c r="E34" s="280">
        <v>0</v>
      </c>
      <c r="F34" s="281">
        <v>5</v>
      </c>
      <c r="G34" s="281">
        <v>38</v>
      </c>
      <c r="H34" s="281">
        <v>18</v>
      </c>
      <c r="I34" s="281">
        <v>165</v>
      </c>
      <c r="J34" s="281">
        <v>0</v>
      </c>
      <c r="K34" s="282">
        <v>226</v>
      </c>
      <c r="L34" s="283">
        <v>226</v>
      </c>
      <c r="M34" s="277">
        <v>0</v>
      </c>
      <c r="N34" s="281">
        <v>0</v>
      </c>
      <c r="O34" s="278">
        <v>0</v>
      </c>
      <c r="P34" s="280">
        <v>0</v>
      </c>
      <c r="Q34" s="281">
        <v>0</v>
      </c>
      <c r="R34" s="281">
        <v>0</v>
      </c>
      <c r="S34" s="281">
        <v>0</v>
      </c>
      <c r="T34" s="281">
        <v>8</v>
      </c>
      <c r="U34" s="281">
        <v>0</v>
      </c>
      <c r="V34" s="278">
        <v>8</v>
      </c>
      <c r="W34" s="283">
        <v>8</v>
      </c>
      <c r="X34" s="277">
        <v>0</v>
      </c>
      <c r="Y34" s="281">
        <v>2</v>
      </c>
      <c r="Z34" s="278">
        <v>2</v>
      </c>
      <c r="AA34" s="280">
        <v>0</v>
      </c>
      <c r="AB34" s="281">
        <v>22</v>
      </c>
      <c r="AC34" s="281">
        <v>22</v>
      </c>
      <c r="AD34" s="281">
        <v>13</v>
      </c>
      <c r="AE34" s="281">
        <v>9</v>
      </c>
      <c r="AF34" s="281">
        <v>0</v>
      </c>
      <c r="AG34" s="278">
        <v>66</v>
      </c>
      <c r="AH34" s="283">
        <v>68</v>
      </c>
      <c r="AI34" s="277">
        <v>0</v>
      </c>
      <c r="AJ34" s="281">
        <v>0</v>
      </c>
      <c r="AK34" s="278">
        <v>0</v>
      </c>
      <c r="AL34" s="280">
        <v>0</v>
      </c>
      <c r="AM34" s="281">
        <v>0</v>
      </c>
      <c r="AN34" s="281">
        <v>0</v>
      </c>
      <c r="AO34" s="281">
        <v>0</v>
      </c>
      <c r="AP34" s="281">
        <v>0</v>
      </c>
      <c r="AQ34" s="281">
        <v>0</v>
      </c>
      <c r="AR34" s="278">
        <v>0</v>
      </c>
      <c r="AS34" s="283">
        <v>0</v>
      </c>
      <c r="AT34" s="277">
        <v>0</v>
      </c>
      <c r="AU34" s="281">
        <v>0</v>
      </c>
      <c r="AV34" s="278">
        <v>0</v>
      </c>
      <c r="AW34" s="280">
        <v>0</v>
      </c>
      <c r="AX34" s="281">
        <v>33</v>
      </c>
      <c r="AY34" s="281">
        <v>9</v>
      </c>
      <c r="AZ34" s="281">
        <v>17</v>
      </c>
      <c r="BA34" s="281">
        <v>0</v>
      </c>
      <c r="BB34" s="281">
        <v>3</v>
      </c>
      <c r="BC34" s="282">
        <v>62</v>
      </c>
      <c r="BD34" s="283">
        <v>62</v>
      </c>
      <c r="BE34" s="277">
        <v>0</v>
      </c>
      <c r="BF34" s="281">
        <v>0</v>
      </c>
      <c r="BG34" s="278">
        <v>0</v>
      </c>
      <c r="BH34" s="280">
        <v>0</v>
      </c>
      <c r="BI34" s="281">
        <v>20</v>
      </c>
      <c r="BJ34" s="281">
        <v>0</v>
      </c>
      <c r="BK34" s="281">
        <v>0</v>
      </c>
      <c r="BL34" s="281">
        <v>0</v>
      </c>
      <c r="BM34" s="281">
        <v>6</v>
      </c>
      <c r="BN34" s="278">
        <v>26</v>
      </c>
      <c r="BO34" s="283">
        <v>26</v>
      </c>
      <c r="BP34" s="277">
        <v>0</v>
      </c>
      <c r="BQ34" s="281">
        <v>0</v>
      </c>
      <c r="BR34" s="278">
        <v>0</v>
      </c>
      <c r="BS34" s="280">
        <v>0</v>
      </c>
      <c r="BT34" s="281">
        <v>1</v>
      </c>
      <c r="BU34" s="281">
        <v>0</v>
      </c>
      <c r="BV34" s="281">
        <v>7</v>
      </c>
      <c r="BW34" s="281">
        <v>0</v>
      </c>
      <c r="BX34" s="281">
        <v>0</v>
      </c>
      <c r="BY34" s="278">
        <v>8</v>
      </c>
      <c r="BZ34" s="283">
        <v>8</v>
      </c>
      <c r="CA34" s="277">
        <v>0</v>
      </c>
      <c r="CB34" s="281">
        <v>0</v>
      </c>
      <c r="CC34" s="278">
        <v>0</v>
      </c>
      <c r="CD34" s="280">
        <v>0</v>
      </c>
      <c r="CE34" s="281">
        <v>0</v>
      </c>
      <c r="CF34" s="281">
        <v>0</v>
      </c>
      <c r="CG34" s="281">
        <v>0</v>
      </c>
      <c r="CH34" s="281">
        <v>0</v>
      </c>
      <c r="CI34" s="281">
        <v>0</v>
      </c>
      <c r="CJ34" s="278">
        <v>0</v>
      </c>
      <c r="CK34" s="283">
        <v>0</v>
      </c>
      <c r="CL34" s="277">
        <v>0</v>
      </c>
      <c r="CM34" s="281">
        <v>0</v>
      </c>
      <c r="CN34" s="278">
        <v>0</v>
      </c>
      <c r="CO34" s="280">
        <v>0</v>
      </c>
      <c r="CP34" s="281">
        <v>0</v>
      </c>
      <c r="CQ34" s="281">
        <v>0</v>
      </c>
      <c r="CR34" s="281">
        <v>0</v>
      </c>
      <c r="CS34" s="281">
        <v>0</v>
      </c>
      <c r="CT34" s="281">
        <v>0</v>
      </c>
      <c r="CU34" s="278">
        <v>0</v>
      </c>
      <c r="CV34" s="283">
        <v>0</v>
      </c>
      <c r="CW34" s="277">
        <v>0</v>
      </c>
      <c r="CX34" s="281">
        <v>0</v>
      </c>
      <c r="CY34" s="278">
        <v>0</v>
      </c>
      <c r="CZ34" s="280">
        <v>0</v>
      </c>
      <c r="DA34" s="281">
        <v>0</v>
      </c>
      <c r="DB34" s="281">
        <v>0</v>
      </c>
      <c r="DC34" s="281">
        <v>0</v>
      </c>
      <c r="DD34" s="281">
        <v>0</v>
      </c>
      <c r="DE34" s="281">
        <v>0</v>
      </c>
      <c r="DF34" s="278">
        <v>0</v>
      </c>
      <c r="DG34" s="283">
        <v>0</v>
      </c>
    </row>
    <row r="35" spans="1:111" ht="18.75" customHeight="1" x14ac:dyDescent="0.2">
      <c r="A35" s="262" t="s">
        <v>33</v>
      </c>
      <c r="B35" s="277">
        <v>0</v>
      </c>
      <c r="C35" s="281">
        <v>0</v>
      </c>
      <c r="D35" s="385">
        <v>0</v>
      </c>
      <c r="E35" s="280">
        <v>0</v>
      </c>
      <c r="F35" s="281">
        <v>5</v>
      </c>
      <c r="G35" s="281">
        <v>0</v>
      </c>
      <c r="H35" s="281">
        <v>0</v>
      </c>
      <c r="I35" s="281">
        <v>0</v>
      </c>
      <c r="J35" s="281">
        <v>0</v>
      </c>
      <c r="K35" s="282">
        <v>5</v>
      </c>
      <c r="L35" s="283">
        <v>5</v>
      </c>
      <c r="M35" s="277">
        <v>0</v>
      </c>
      <c r="N35" s="281">
        <v>0</v>
      </c>
      <c r="O35" s="278">
        <v>0</v>
      </c>
      <c r="P35" s="280">
        <v>0</v>
      </c>
      <c r="Q35" s="281">
        <v>0</v>
      </c>
      <c r="R35" s="281">
        <v>0</v>
      </c>
      <c r="S35" s="281">
        <v>0</v>
      </c>
      <c r="T35" s="281">
        <v>0</v>
      </c>
      <c r="U35" s="281">
        <v>0</v>
      </c>
      <c r="V35" s="278">
        <v>0</v>
      </c>
      <c r="W35" s="283">
        <v>0</v>
      </c>
      <c r="X35" s="277">
        <v>0</v>
      </c>
      <c r="Y35" s="281">
        <v>0</v>
      </c>
      <c r="Z35" s="278">
        <v>0</v>
      </c>
      <c r="AA35" s="280">
        <v>0</v>
      </c>
      <c r="AB35" s="281">
        <v>22</v>
      </c>
      <c r="AC35" s="281">
        <v>0</v>
      </c>
      <c r="AD35" s="281">
        <v>0</v>
      </c>
      <c r="AE35" s="281">
        <v>0</v>
      </c>
      <c r="AF35" s="281">
        <v>0</v>
      </c>
      <c r="AG35" s="278">
        <v>22</v>
      </c>
      <c r="AH35" s="283">
        <v>22</v>
      </c>
      <c r="AI35" s="277">
        <v>27</v>
      </c>
      <c r="AJ35" s="281">
        <v>24</v>
      </c>
      <c r="AK35" s="278">
        <v>51</v>
      </c>
      <c r="AL35" s="280">
        <v>0</v>
      </c>
      <c r="AM35" s="281">
        <v>0</v>
      </c>
      <c r="AN35" s="281">
        <v>0</v>
      </c>
      <c r="AO35" s="281">
        <v>0</v>
      </c>
      <c r="AP35" s="281">
        <v>0</v>
      </c>
      <c r="AQ35" s="281">
        <v>0</v>
      </c>
      <c r="AR35" s="278">
        <v>0</v>
      </c>
      <c r="AS35" s="283">
        <v>51</v>
      </c>
      <c r="AT35" s="277">
        <v>0</v>
      </c>
      <c r="AU35" s="281">
        <v>0</v>
      </c>
      <c r="AV35" s="278">
        <v>0</v>
      </c>
      <c r="AW35" s="280">
        <v>0</v>
      </c>
      <c r="AX35" s="281">
        <v>0</v>
      </c>
      <c r="AY35" s="281">
        <v>0</v>
      </c>
      <c r="AZ35" s="281">
        <v>0</v>
      </c>
      <c r="BA35" s="281">
        <v>0</v>
      </c>
      <c r="BB35" s="281">
        <v>0</v>
      </c>
      <c r="BC35" s="282">
        <v>0</v>
      </c>
      <c r="BD35" s="283">
        <v>0</v>
      </c>
      <c r="BE35" s="277">
        <v>0</v>
      </c>
      <c r="BF35" s="281">
        <v>0</v>
      </c>
      <c r="BG35" s="278">
        <v>0</v>
      </c>
      <c r="BH35" s="280">
        <v>0</v>
      </c>
      <c r="BI35" s="281">
        <v>2</v>
      </c>
      <c r="BJ35" s="281">
        <v>11</v>
      </c>
      <c r="BK35" s="281">
        <v>0</v>
      </c>
      <c r="BL35" s="281">
        <v>0</v>
      </c>
      <c r="BM35" s="281">
        <v>0</v>
      </c>
      <c r="BN35" s="278">
        <v>13</v>
      </c>
      <c r="BO35" s="283">
        <v>13</v>
      </c>
      <c r="BP35" s="277">
        <v>0</v>
      </c>
      <c r="BQ35" s="281">
        <v>0</v>
      </c>
      <c r="BR35" s="278">
        <v>0</v>
      </c>
      <c r="BS35" s="280">
        <v>0</v>
      </c>
      <c r="BT35" s="281">
        <v>0</v>
      </c>
      <c r="BU35" s="281">
        <v>0</v>
      </c>
      <c r="BV35" s="281">
        <v>0</v>
      </c>
      <c r="BW35" s="281">
        <v>0</v>
      </c>
      <c r="BX35" s="281">
        <v>0</v>
      </c>
      <c r="BY35" s="278">
        <v>0</v>
      </c>
      <c r="BZ35" s="283">
        <v>0</v>
      </c>
      <c r="CA35" s="277">
        <v>0</v>
      </c>
      <c r="CB35" s="281">
        <v>0</v>
      </c>
      <c r="CC35" s="278">
        <v>0</v>
      </c>
      <c r="CD35" s="280">
        <v>0</v>
      </c>
      <c r="CE35" s="281">
        <v>0</v>
      </c>
      <c r="CF35" s="281">
        <v>6</v>
      </c>
      <c r="CG35" s="281">
        <v>0</v>
      </c>
      <c r="CH35" s="281">
        <v>0</v>
      </c>
      <c r="CI35" s="281">
        <v>0</v>
      </c>
      <c r="CJ35" s="278">
        <v>6</v>
      </c>
      <c r="CK35" s="283">
        <v>6</v>
      </c>
      <c r="CL35" s="277">
        <v>0</v>
      </c>
      <c r="CM35" s="281">
        <v>0</v>
      </c>
      <c r="CN35" s="278">
        <v>0</v>
      </c>
      <c r="CO35" s="280">
        <v>0</v>
      </c>
      <c r="CP35" s="281">
        <v>0</v>
      </c>
      <c r="CQ35" s="281">
        <v>0</v>
      </c>
      <c r="CR35" s="281">
        <v>0</v>
      </c>
      <c r="CS35" s="281">
        <v>0</v>
      </c>
      <c r="CT35" s="281">
        <v>0</v>
      </c>
      <c r="CU35" s="278">
        <v>0</v>
      </c>
      <c r="CV35" s="283">
        <v>0</v>
      </c>
      <c r="CW35" s="277">
        <v>0</v>
      </c>
      <c r="CX35" s="281">
        <v>0</v>
      </c>
      <c r="CY35" s="278">
        <v>0</v>
      </c>
      <c r="CZ35" s="280">
        <v>0</v>
      </c>
      <c r="DA35" s="281">
        <v>0</v>
      </c>
      <c r="DB35" s="281">
        <v>0</v>
      </c>
      <c r="DC35" s="281">
        <v>0</v>
      </c>
      <c r="DD35" s="281">
        <v>0</v>
      </c>
      <c r="DE35" s="281">
        <v>0</v>
      </c>
      <c r="DF35" s="278">
        <v>0</v>
      </c>
      <c r="DG35" s="283">
        <v>0</v>
      </c>
    </row>
    <row r="36" spans="1:111" ht="18.75" customHeight="1" x14ac:dyDescent="0.2">
      <c r="A36" s="262" t="s">
        <v>34</v>
      </c>
      <c r="B36" s="277">
        <v>0</v>
      </c>
      <c r="C36" s="281">
        <v>0</v>
      </c>
      <c r="D36" s="385">
        <v>0</v>
      </c>
      <c r="E36" s="280">
        <v>0</v>
      </c>
      <c r="F36" s="281">
        <v>9</v>
      </c>
      <c r="G36" s="281">
        <v>18</v>
      </c>
      <c r="H36" s="281">
        <v>1</v>
      </c>
      <c r="I36" s="281">
        <v>0</v>
      </c>
      <c r="J36" s="281">
        <v>0</v>
      </c>
      <c r="K36" s="282">
        <v>28</v>
      </c>
      <c r="L36" s="283">
        <v>28</v>
      </c>
      <c r="M36" s="277">
        <v>0</v>
      </c>
      <c r="N36" s="281">
        <v>0</v>
      </c>
      <c r="O36" s="278">
        <v>0</v>
      </c>
      <c r="P36" s="280">
        <v>0</v>
      </c>
      <c r="Q36" s="281">
        <v>0</v>
      </c>
      <c r="R36" s="281">
        <v>0</v>
      </c>
      <c r="S36" s="281">
        <v>0</v>
      </c>
      <c r="T36" s="281">
        <v>0</v>
      </c>
      <c r="U36" s="281">
        <v>0</v>
      </c>
      <c r="V36" s="278">
        <v>0</v>
      </c>
      <c r="W36" s="283">
        <v>0</v>
      </c>
      <c r="X36" s="277">
        <v>0</v>
      </c>
      <c r="Y36" s="281">
        <v>11</v>
      </c>
      <c r="Z36" s="278">
        <v>11</v>
      </c>
      <c r="AA36" s="280">
        <v>0</v>
      </c>
      <c r="AB36" s="281">
        <v>0</v>
      </c>
      <c r="AC36" s="281">
        <v>4</v>
      </c>
      <c r="AD36" s="281">
        <v>0</v>
      </c>
      <c r="AE36" s="281">
        <v>0</v>
      </c>
      <c r="AF36" s="281">
        <v>0</v>
      </c>
      <c r="AG36" s="278">
        <v>4</v>
      </c>
      <c r="AH36" s="283">
        <v>15</v>
      </c>
      <c r="AI36" s="277">
        <v>0</v>
      </c>
      <c r="AJ36" s="281">
        <v>0</v>
      </c>
      <c r="AK36" s="278">
        <v>0</v>
      </c>
      <c r="AL36" s="280">
        <v>0</v>
      </c>
      <c r="AM36" s="281">
        <v>0</v>
      </c>
      <c r="AN36" s="281">
        <v>17</v>
      </c>
      <c r="AO36" s="281">
        <v>0</v>
      </c>
      <c r="AP36" s="281">
        <v>0</v>
      </c>
      <c r="AQ36" s="281">
        <v>0</v>
      </c>
      <c r="AR36" s="278">
        <v>17</v>
      </c>
      <c r="AS36" s="283">
        <v>17</v>
      </c>
      <c r="AT36" s="277">
        <v>0</v>
      </c>
      <c r="AU36" s="281">
        <v>0</v>
      </c>
      <c r="AV36" s="278">
        <v>0</v>
      </c>
      <c r="AW36" s="280">
        <v>0</v>
      </c>
      <c r="AX36" s="281">
        <v>8</v>
      </c>
      <c r="AY36" s="281">
        <v>24</v>
      </c>
      <c r="AZ36" s="281">
        <v>0</v>
      </c>
      <c r="BA36" s="281">
        <v>0</v>
      </c>
      <c r="BB36" s="281">
        <v>0</v>
      </c>
      <c r="BC36" s="282">
        <v>32</v>
      </c>
      <c r="BD36" s="283">
        <v>32</v>
      </c>
      <c r="BE36" s="277">
        <v>0</v>
      </c>
      <c r="BF36" s="281">
        <v>0</v>
      </c>
      <c r="BG36" s="278">
        <v>0</v>
      </c>
      <c r="BH36" s="280">
        <v>0</v>
      </c>
      <c r="BI36" s="281">
        <v>12</v>
      </c>
      <c r="BJ36" s="281">
        <v>9</v>
      </c>
      <c r="BK36" s="281">
        <v>0</v>
      </c>
      <c r="BL36" s="281">
        <v>0</v>
      </c>
      <c r="BM36" s="281">
        <v>0</v>
      </c>
      <c r="BN36" s="278">
        <v>21</v>
      </c>
      <c r="BO36" s="283">
        <v>21</v>
      </c>
      <c r="BP36" s="277">
        <v>0</v>
      </c>
      <c r="BQ36" s="281">
        <v>0</v>
      </c>
      <c r="BR36" s="278">
        <v>0</v>
      </c>
      <c r="BS36" s="280">
        <v>0</v>
      </c>
      <c r="BT36" s="281">
        <v>0</v>
      </c>
      <c r="BU36" s="281">
        <v>0</v>
      </c>
      <c r="BV36" s="281">
        <v>0</v>
      </c>
      <c r="BW36" s="281">
        <v>0</v>
      </c>
      <c r="BX36" s="281">
        <v>0</v>
      </c>
      <c r="BY36" s="278">
        <v>0</v>
      </c>
      <c r="BZ36" s="283">
        <v>0</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0</v>
      </c>
      <c r="CQ36" s="281">
        <v>0</v>
      </c>
      <c r="CR36" s="281">
        <v>0</v>
      </c>
      <c r="CS36" s="281">
        <v>0</v>
      </c>
      <c r="CT36" s="281">
        <v>0</v>
      </c>
      <c r="CU36" s="278">
        <v>0</v>
      </c>
      <c r="CV36" s="283">
        <v>0</v>
      </c>
      <c r="CW36" s="277">
        <v>0</v>
      </c>
      <c r="CX36" s="281">
        <v>0</v>
      </c>
      <c r="CY36" s="278">
        <v>0</v>
      </c>
      <c r="CZ36" s="280">
        <v>0</v>
      </c>
      <c r="DA36" s="281">
        <v>0</v>
      </c>
      <c r="DB36" s="281">
        <v>0</v>
      </c>
      <c r="DC36" s="281">
        <v>0</v>
      </c>
      <c r="DD36" s="281">
        <v>0</v>
      </c>
      <c r="DE36" s="281">
        <v>0</v>
      </c>
      <c r="DF36" s="278">
        <v>0</v>
      </c>
      <c r="DG36" s="283">
        <v>0</v>
      </c>
    </row>
    <row r="37" spans="1:111" ht="18.75" customHeight="1" x14ac:dyDescent="0.2">
      <c r="A37" s="262" t="s">
        <v>35</v>
      </c>
      <c r="B37" s="277">
        <v>0</v>
      </c>
      <c r="C37" s="281">
        <v>0</v>
      </c>
      <c r="D37" s="385">
        <v>0</v>
      </c>
      <c r="E37" s="280">
        <v>0</v>
      </c>
      <c r="F37" s="281">
        <v>49</v>
      </c>
      <c r="G37" s="281">
        <v>114</v>
      </c>
      <c r="H37" s="281">
        <v>0</v>
      </c>
      <c r="I37" s="281">
        <v>4</v>
      </c>
      <c r="J37" s="281">
        <v>89</v>
      </c>
      <c r="K37" s="282">
        <v>256</v>
      </c>
      <c r="L37" s="283">
        <v>256</v>
      </c>
      <c r="M37" s="277">
        <v>0</v>
      </c>
      <c r="N37" s="281">
        <v>0</v>
      </c>
      <c r="O37" s="278">
        <v>0</v>
      </c>
      <c r="P37" s="280">
        <v>0</v>
      </c>
      <c r="Q37" s="281">
        <v>0</v>
      </c>
      <c r="R37" s="281">
        <v>0</v>
      </c>
      <c r="S37" s="281">
        <v>0</v>
      </c>
      <c r="T37" s="281">
        <v>0</v>
      </c>
      <c r="U37" s="281">
        <v>2</v>
      </c>
      <c r="V37" s="278">
        <v>2</v>
      </c>
      <c r="W37" s="283">
        <v>2</v>
      </c>
      <c r="X37" s="277">
        <v>0</v>
      </c>
      <c r="Y37" s="281">
        <v>0</v>
      </c>
      <c r="Z37" s="278">
        <v>0</v>
      </c>
      <c r="AA37" s="280">
        <v>0</v>
      </c>
      <c r="AB37" s="281">
        <v>0</v>
      </c>
      <c r="AC37" s="281">
        <v>45</v>
      </c>
      <c r="AD37" s="281">
        <v>0</v>
      </c>
      <c r="AE37" s="281">
        <v>4</v>
      </c>
      <c r="AF37" s="281">
        <v>0</v>
      </c>
      <c r="AG37" s="278">
        <v>49</v>
      </c>
      <c r="AH37" s="283">
        <v>49</v>
      </c>
      <c r="AI37" s="277">
        <v>0</v>
      </c>
      <c r="AJ37" s="281">
        <v>0</v>
      </c>
      <c r="AK37" s="278">
        <v>0</v>
      </c>
      <c r="AL37" s="280">
        <v>0</v>
      </c>
      <c r="AM37" s="281">
        <v>31</v>
      </c>
      <c r="AN37" s="281">
        <v>12</v>
      </c>
      <c r="AO37" s="281">
        <v>27</v>
      </c>
      <c r="AP37" s="281">
        <v>0</v>
      </c>
      <c r="AQ37" s="281">
        <v>0</v>
      </c>
      <c r="AR37" s="278">
        <v>70</v>
      </c>
      <c r="AS37" s="283">
        <v>70</v>
      </c>
      <c r="AT37" s="277">
        <v>0</v>
      </c>
      <c r="AU37" s="281">
        <v>0</v>
      </c>
      <c r="AV37" s="278">
        <v>0</v>
      </c>
      <c r="AW37" s="280">
        <v>0</v>
      </c>
      <c r="AX37" s="281">
        <v>68</v>
      </c>
      <c r="AY37" s="281">
        <v>74</v>
      </c>
      <c r="AZ37" s="281">
        <v>10</v>
      </c>
      <c r="BA37" s="281">
        <v>0</v>
      </c>
      <c r="BB37" s="281">
        <v>0</v>
      </c>
      <c r="BC37" s="282">
        <v>152</v>
      </c>
      <c r="BD37" s="283">
        <v>152</v>
      </c>
      <c r="BE37" s="277">
        <v>0</v>
      </c>
      <c r="BF37" s="281">
        <v>0</v>
      </c>
      <c r="BG37" s="278">
        <v>0</v>
      </c>
      <c r="BH37" s="280">
        <v>0</v>
      </c>
      <c r="BI37" s="281">
        <v>16</v>
      </c>
      <c r="BJ37" s="281">
        <v>19</v>
      </c>
      <c r="BK37" s="281">
        <v>0</v>
      </c>
      <c r="BL37" s="281">
        <v>13</v>
      </c>
      <c r="BM37" s="281">
        <v>0</v>
      </c>
      <c r="BN37" s="278">
        <v>48</v>
      </c>
      <c r="BO37" s="283">
        <v>48</v>
      </c>
      <c r="BP37" s="277">
        <v>0</v>
      </c>
      <c r="BQ37" s="281">
        <v>0</v>
      </c>
      <c r="BR37" s="278">
        <v>0</v>
      </c>
      <c r="BS37" s="280">
        <v>0</v>
      </c>
      <c r="BT37" s="281">
        <v>0</v>
      </c>
      <c r="BU37" s="281">
        <v>6</v>
      </c>
      <c r="BV37" s="281">
        <v>0</v>
      </c>
      <c r="BW37" s="281">
        <v>0</v>
      </c>
      <c r="BX37" s="281">
        <v>0</v>
      </c>
      <c r="BY37" s="278">
        <v>6</v>
      </c>
      <c r="BZ37" s="283">
        <v>6</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c r="CW37" s="277">
        <v>0</v>
      </c>
      <c r="CX37" s="281">
        <v>0</v>
      </c>
      <c r="CY37" s="278">
        <v>0</v>
      </c>
      <c r="CZ37" s="280">
        <v>0</v>
      </c>
      <c r="DA37" s="281">
        <v>0</v>
      </c>
      <c r="DB37" s="281">
        <v>0</v>
      </c>
      <c r="DC37" s="281">
        <v>0</v>
      </c>
      <c r="DD37" s="281">
        <v>0</v>
      </c>
      <c r="DE37" s="281">
        <v>0</v>
      </c>
      <c r="DF37" s="278">
        <v>0</v>
      </c>
      <c r="DG37" s="283">
        <v>0</v>
      </c>
    </row>
    <row r="38" spans="1:111" ht="18.75" customHeight="1" x14ac:dyDescent="0.2">
      <c r="A38" s="262" t="s">
        <v>36</v>
      </c>
      <c r="B38" s="277">
        <v>0</v>
      </c>
      <c r="C38" s="281">
        <v>0</v>
      </c>
      <c r="D38" s="385">
        <v>0</v>
      </c>
      <c r="E38" s="280">
        <v>0</v>
      </c>
      <c r="F38" s="281">
        <v>58</v>
      </c>
      <c r="G38" s="281">
        <v>5</v>
      </c>
      <c r="H38" s="281">
        <v>0</v>
      </c>
      <c r="I38" s="281">
        <v>0</v>
      </c>
      <c r="J38" s="281">
        <v>0</v>
      </c>
      <c r="K38" s="282">
        <v>63</v>
      </c>
      <c r="L38" s="283">
        <v>63</v>
      </c>
      <c r="M38" s="277">
        <v>0</v>
      </c>
      <c r="N38" s="281">
        <v>0</v>
      </c>
      <c r="O38" s="278">
        <v>0</v>
      </c>
      <c r="P38" s="280">
        <v>0</v>
      </c>
      <c r="Q38" s="281">
        <v>0</v>
      </c>
      <c r="R38" s="281">
        <v>0</v>
      </c>
      <c r="S38" s="281">
        <v>0</v>
      </c>
      <c r="T38" s="281">
        <v>4</v>
      </c>
      <c r="U38" s="281">
        <v>0</v>
      </c>
      <c r="V38" s="278">
        <v>4</v>
      </c>
      <c r="W38" s="283">
        <v>4</v>
      </c>
      <c r="X38" s="277">
        <v>4</v>
      </c>
      <c r="Y38" s="281">
        <v>3</v>
      </c>
      <c r="Z38" s="278">
        <v>7</v>
      </c>
      <c r="AA38" s="280">
        <v>0</v>
      </c>
      <c r="AB38" s="281">
        <v>26</v>
      </c>
      <c r="AC38" s="281">
        <v>15</v>
      </c>
      <c r="AD38" s="281">
        <v>8</v>
      </c>
      <c r="AE38" s="281">
        <v>16</v>
      </c>
      <c r="AF38" s="281">
        <v>0</v>
      </c>
      <c r="AG38" s="278">
        <v>65</v>
      </c>
      <c r="AH38" s="283">
        <v>72</v>
      </c>
      <c r="AI38" s="277">
        <v>0</v>
      </c>
      <c r="AJ38" s="281">
        <v>0</v>
      </c>
      <c r="AK38" s="278">
        <v>0</v>
      </c>
      <c r="AL38" s="280">
        <v>0</v>
      </c>
      <c r="AM38" s="281">
        <v>0</v>
      </c>
      <c r="AN38" s="281">
        <v>0</v>
      </c>
      <c r="AO38" s="281">
        <v>0</v>
      </c>
      <c r="AP38" s="281">
        <v>0</v>
      </c>
      <c r="AQ38" s="281">
        <v>0</v>
      </c>
      <c r="AR38" s="278">
        <v>0</v>
      </c>
      <c r="AS38" s="283">
        <v>0</v>
      </c>
      <c r="AT38" s="277">
        <v>0</v>
      </c>
      <c r="AU38" s="281">
        <v>0</v>
      </c>
      <c r="AV38" s="278">
        <v>0</v>
      </c>
      <c r="AW38" s="280">
        <v>0</v>
      </c>
      <c r="AX38" s="281">
        <v>9</v>
      </c>
      <c r="AY38" s="281">
        <v>13</v>
      </c>
      <c r="AZ38" s="281">
        <v>0</v>
      </c>
      <c r="BA38" s="281">
        <v>4</v>
      </c>
      <c r="BB38" s="281">
        <v>0</v>
      </c>
      <c r="BC38" s="282">
        <v>26</v>
      </c>
      <c r="BD38" s="283">
        <v>26</v>
      </c>
      <c r="BE38" s="277">
        <v>0</v>
      </c>
      <c r="BF38" s="281">
        <v>0</v>
      </c>
      <c r="BG38" s="278">
        <v>0</v>
      </c>
      <c r="BH38" s="280">
        <v>0</v>
      </c>
      <c r="BI38" s="281">
        <v>0</v>
      </c>
      <c r="BJ38" s="281">
        <v>7</v>
      </c>
      <c r="BK38" s="281">
        <v>8</v>
      </c>
      <c r="BL38" s="281">
        <v>0</v>
      </c>
      <c r="BM38" s="281">
        <v>0</v>
      </c>
      <c r="BN38" s="278">
        <v>15</v>
      </c>
      <c r="BO38" s="283">
        <v>15</v>
      </c>
      <c r="BP38" s="277">
        <v>0</v>
      </c>
      <c r="BQ38" s="281">
        <v>0</v>
      </c>
      <c r="BR38" s="278">
        <v>0</v>
      </c>
      <c r="BS38" s="280">
        <v>0</v>
      </c>
      <c r="BT38" s="281">
        <v>0</v>
      </c>
      <c r="BU38" s="281">
        <v>0</v>
      </c>
      <c r="BV38" s="281">
        <v>2</v>
      </c>
      <c r="BW38" s="281">
        <v>6</v>
      </c>
      <c r="BX38" s="281">
        <v>0</v>
      </c>
      <c r="BY38" s="278">
        <v>8</v>
      </c>
      <c r="BZ38" s="283">
        <v>8</v>
      </c>
      <c r="CA38" s="277">
        <v>0</v>
      </c>
      <c r="CB38" s="281">
        <v>0</v>
      </c>
      <c r="CC38" s="278">
        <v>0</v>
      </c>
      <c r="CD38" s="280">
        <v>0</v>
      </c>
      <c r="CE38" s="281">
        <v>0</v>
      </c>
      <c r="CF38" s="281">
        <v>0</v>
      </c>
      <c r="CG38" s="281">
        <v>0</v>
      </c>
      <c r="CH38" s="281">
        <v>0</v>
      </c>
      <c r="CI38" s="281">
        <v>0</v>
      </c>
      <c r="CJ38" s="278">
        <v>0</v>
      </c>
      <c r="CK38" s="283">
        <v>0</v>
      </c>
      <c r="CL38" s="277">
        <v>0</v>
      </c>
      <c r="CM38" s="281">
        <v>0</v>
      </c>
      <c r="CN38" s="278">
        <v>0</v>
      </c>
      <c r="CO38" s="280">
        <v>0</v>
      </c>
      <c r="CP38" s="281">
        <v>0</v>
      </c>
      <c r="CQ38" s="281">
        <v>0</v>
      </c>
      <c r="CR38" s="281">
        <v>0</v>
      </c>
      <c r="CS38" s="281">
        <v>0</v>
      </c>
      <c r="CT38" s="281">
        <v>0</v>
      </c>
      <c r="CU38" s="278">
        <v>0</v>
      </c>
      <c r="CV38" s="283">
        <v>0</v>
      </c>
      <c r="CW38" s="277">
        <v>0</v>
      </c>
      <c r="CX38" s="281">
        <v>0</v>
      </c>
      <c r="CY38" s="278">
        <v>0</v>
      </c>
      <c r="CZ38" s="280">
        <v>0</v>
      </c>
      <c r="DA38" s="281">
        <v>0</v>
      </c>
      <c r="DB38" s="281">
        <v>0</v>
      </c>
      <c r="DC38" s="281">
        <v>0</v>
      </c>
      <c r="DD38" s="281">
        <v>0</v>
      </c>
      <c r="DE38" s="281">
        <v>0</v>
      </c>
      <c r="DF38" s="278">
        <v>0</v>
      </c>
      <c r="DG38" s="283">
        <v>0</v>
      </c>
    </row>
    <row r="39" spans="1:111" ht="18.75" customHeight="1" thickBot="1" x14ac:dyDescent="0.25">
      <c r="A39" s="263" t="s">
        <v>37</v>
      </c>
      <c r="B39" s="284">
        <v>0</v>
      </c>
      <c r="C39" s="288">
        <v>0</v>
      </c>
      <c r="D39" s="386">
        <v>0</v>
      </c>
      <c r="E39" s="287">
        <v>0</v>
      </c>
      <c r="F39" s="288">
        <v>0</v>
      </c>
      <c r="G39" s="288">
        <v>0</v>
      </c>
      <c r="H39" s="288">
        <v>0</v>
      </c>
      <c r="I39" s="288">
        <v>0</v>
      </c>
      <c r="J39" s="288">
        <v>0</v>
      </c>
      <c r="K39" s="289">
        <v>0</v>
      </c>
      <c r="L39" s="290">
        <v>0</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5</v>
      </c>
      <c r="AC39" s="288">
        <v>0</v>
      </c>
      <c r="AD39" s="288">
        <v>0</v>
      </c>
      <c r="AE39" s="288">
        <v>0</v>
      </c>
      <c r="AF39" s="288">
        <v>0</v>
      </c>
      <c r="AG39" s="285">
        <v>5</v>
      </c>
      <c r="AH39" s="290">
        <v>5</v>
      </c>
      <c r="AI39" s="284">
        <v>0</v>
      </c>
      <c r="AJ39" s="288">
        <v>0</v>
      </c>
      <c r="AK39" s="285">
        <v>0</v>
      </c>
      <c r="AL39" s="287">
        <v>0</v>
      </c>
      <c r="AM39" s="288">
        <v>27</v>
      </c>
      <c r="AN39" s="288">
        <v>0</v>
      </c>
      <c r="AO39" s="288">
        <v>0</v>
      </c>
      <c r="AP39" s="288">
        <v>0</v>
      </c>
      <c r="AQ39" s="288">
        <v>0</v>
      </c>
      <c r="AR39" s="285">
        <v>27</v>
      </c>
      <c r="AS39" s="290">
        <v>27</v>
      </c>
      <c r="AT39" s="284">
        <v>0</v>
      </c>
      <c r="AU39" s="288">
        <v>0</v>
      </c>
      <c r="AV39" s="285">
        <v>0</v>
      </c>
      <c r="AW39" s="287">
        <v>0</v>
      </c>
      <c r="AX39" s="288">
        <v>5</v>
      </c>
      <c r="AY39" s="288">
        <v>13</v>
      </c>
      <c r="AZ39" s="288">
        <v>0</v>
      </c>
      <c r="BA39" s="288">
        <v>0</v>
      </c>
      <c r="BB39" s="288">
        <v>0</v>
      </c>
      <c r="BC39" s="289">
        <v>18</v>
      </c>
      <c r="BD39" s="290">
        <v>18</v>
      </c>
      <c r="BE39" s="284">
        <v>0</v>
      </c>
      <c r="BF39" s="288">
        <v>0</v>
      </c>
      <c r="BG39" s="285">
        <v>0</v>
      </c>
      <c r="BH39" s="287">
        <v>0</v>
      </c>
      <c r="BI39" s="288">
        <v>0</v>
      </c>
      <c r="BJ39" s="288">
        <v>13</v>
      </c>
      <c r="BK39" s="288">
        <v>0</v>
      </c>
      <c r="BL39" s="288">
        <v>0</v>
      </c>
      <c r="BM39" s="288">
        <v>0</v>
      </c>
      <c r="BN39" s="285">
        <v>13</v>
      </c>
      <c r="BO39" s="290">
        <v>13</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0</v>
      </c>
      <c r="CI39" s="288">
        <v>0</v>
      </c>
      <c r="CJ39" s="285">
        <v>0</v>
      </c>
      <c r="CK39" s="290">
        <v>0</v>
      </c>
      <c r="CL39" s="284">
        <v>0</v>
      </c>
      <c r="CM39" s="288">
        <v>0</v>
      </c>
      <c r="CN39" s="285">
        <v>0</v>
      </c>
      <c r="CO39" s="287">
        <v>0</v>
      </c>
      <c r="CP39" s="288">
        <v>0</v>
      </c>
      <c r="CQ39" s="288">
        <v>0</v>
      </c>
      <c r="CR39" s="288">
        <v>0</v>
      </c>
      <c r="CS39" s="288">
        <v>0</v>
      </c>
      <c r="CT39" s="288">
        <v>0</v>
      </c>
      <c r="CU39" s="285">
        <v>0</v>
      </c>
      <c r="CV39" s="290">
        <v>0</v>
      </c>
      <c r="CW39" s="284">
        <v>0</v>
      </c>
      <c r="CX39" s="288">
        <v>0</v>
      </c>
      <c r="CY39" s="285">
        <v>0</v>
      </c>
      <c r="CZ39" s="287">
        <v>0</v>
      </c>
      <c r="DA39" s="288">
        <v>0</v>
      </c>
      <c r="DB39" s="288">
        <v>0</v>
      </c>
      <c r="DC39" s="288">
        <v>0</v>
      </c>
      <c r="DD39" s="288">
        <v>0</v>
      </c>
      <c r="DE39" s="288">
        <v>0</v>
      </c>
      <c r="DF39" s="285">
        <v>0</v>
      </c>
      <c r="DG39" s="290">
        <v>0</v>
      </c>
    </row>
    <row r="40" spans="1:111" ht="27" customHeight="1" x14ac:dyDescent="0.2">
      <c r="B40" s="256" t="s">
        <v>127</v>
      </c>
    </row>
  </sheetData>
  <mergeCells count="43">
    <mergeCell ref="CW3:DG3"/>
    <mergeCell ref="CW4:CY4"/>
    <mergeCell ref="CZ4:DF4"/>
    <mergeCell ref="DG4:DG5"/>
    <mergeCell ref="CA3:CK3"/>
    <mergeCell ref="CL3:CV3"/>
    <mergeCell ref="CA4:CC4"/>
    <mergeCell ref="CD4:CJ4"/>
    <mergeCell ref="CK4:CK5"/>
    <mergeCell ref="CL4:CN4"/>
    <mergeCell ref="CO4:CU4"/>
    <mergeCell ref="CV4:CV5"/>
    <mergeCell ref="I1:J1"/>
    <mergeCell ref="L1:M1"/>
    <mergeCell ref="A3:A5"/>
    <mergeCell ref="B3:L3"/>
    <mergeCell ref="M3:W3"/>
    <mergeCell ref="X3:AH3"/>
    <mergeCell ref="B4:D4"/>
    <mergeCell ref="E4:K4"/>
    <mergeCell ref="L4:L5"/>
    <mergeCell ref="M4:O4"/>
    <mergeCell ref="P4:V4"/>
    <mergeCell ref="W4:W5"/>
    <mergeCell ref="X4:Z4"/>
    <mergeCell ref="AA4:AG4"/>
    <mergeCell ref="AH4:AH5"/>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56"/>
    <col min="5" max="5" width="7.77734375" style="256" customWidth="1"/>
    <col min="6" max="6" width="9" style="256"/>
    <col min="7" max="7" width="10.6640625" style="256" customWidth="1"/>
    <col min="8" max="15" width="9" style="256"/>
    <col min="16" max="16" width="7.88671875" style="256" customWidth="1"/>
    <col min="17" max="26" width="9" style="256"/>
    <col min="27" max="27" width="7.77734375" style="256" customWidth="1"/>
    <col min="28" max="37" width="9" style="256"/>
    <col min="38" max="38" width="7.5546875" style="256" customWidth="1"/>
    <col min="39" max="48" width="9" style="256"/>
    <col min="49" max="49" width="7.77734375" style="256" customWidth="1"/>
    <col min="50" max="59" width="9" style="256"/>
    <col min="60" max="60" width="7.44140625" style="256" customWidth="1"/>
    <col min="61" max="70" width="9" style="256"/>
    <col min="71" max="71" width="7.33203125" style="256" customWidth="1"/>
    <col min="72" max="81" width="9" style="256"/>
    <col min="82" max="82" width="7.44140625" style="256" customWidth="1"/>
    <col min="83" max="92" width="9" style="256"/>
    <col min="93" max="93" width="7.6640625" style="256" customWidth="1"/>
    <col min="94" max="16384" width="9" style="256"/>
  </cols>
  <sheetData>
    <row r="1" spans="1:111" ht="20.25" customHeight="1" x14ac:dyDescent="0.2">
      <c r="A1" s="291" t="s">
        <v>123</v>
      </c>
      <c r="I1" s="528">
        <f>第１表!F2</f>
        <v>4</v>
      </c>
      <c r="J1" s="528"/>
      <c r="K1" s="248">
        <f>第１表!G2</f>
        <v>5</v>
      </c>
      <c r="L1" s="529">
        <f>IF(K1&lt;3,K1+12-2,K1-2)</f>
        <v>3</v>
      </c>
      <c r="M1" s="529"/>
    </row>
    <row r="2" spans="1:111" ht="18.75" customHeight="1" thickBot="1" x14ac:dyDescent="0.25">
      <c r="A2" s="291" t="s">
        <v>154</v>
      </c>
    </row>
    <row r="3" spans="1:111" ht="13.8" thickBot="1" x14ac:dyDescent="0.25">
      <c r="A3" s="549"/>
      <c r="B3" s="552" t="s">
        <v>112</v>
      </c>
      <c r="C3" s="552"/>
      <c r="D3" s="552"/>
      <c r="E3" s="552"/>
      <c r="F3" s="552"/>
      <c r="G3" s="552"/>
      <c r="H3" s="552"/>
      <c r="I3" s="552"/>
      <c r="J3" s="552"/>
      <c r="K3" s="552"/>
      <c r="L3" s="553"/>
      <c r="M3" s="547" t="s">
        <v>111</v>
      </c>
      <c r="N3" s="547"/>
      <c r="O3" s="547"/>
      <c r="P3" s="547"/>
      <c r="Q3" s="547"/>
      <c r="R3" s="547"/>
      <c r="S3" s="547"/>
      <c r="T3" s="547"/>
      <c r="U3" s="547"/>
      <c r="V3" s="547"/>
      <c r="W3" s="548"/>
      <c r="X3" s="546" t="s">
        <v>110</v>
      </c>
      <c r="Y3" s="547"/>
      <c r="Z3" s="547"/>
      <c r="AA3" s="547"/>
      <c r="AB3" s="547"/>
      <c r="AC3" s="547"/>
      <c r="AD3" s="547"/>
      <c r="AE3" s="547"/>
      <c r="AF3" s="547"/>
      <c r="AG3" s="547"/>
      <c r="AH3" s="548"/>
      <c r="AI3" s="546" t="s">
        <v>109</v>
      </c>
      <c r="AJ3" s="547"/>
      <c r="AK3" s="547"/>
      <c r="AL3" s="547"/>
      <c r="AM3" s="547"/>
      <c r="AN3" s="547"/>
      <c r="AO3" s="547"/>
      <c r="AP3" s="547"/>
      <c r="AQ3" s="547"/>
      <c r="AR3" s="547"/>
      <c r="AS3" s="548"/>
      <c r="AT3" s="546" t="s">
        <v>108</v>
      </c>
      <c r="AU3" s="547"/>
      <c r="AV3" s="547"/>
      <c r="AW3" s="547"/>
      <c r="AX3" s="547"/>
      <c r="AY3" s="547"/>
      <c r="AZ3" s="547"/>
      <c r="BA3" s="547"/>
      <c r="BB3" s="547"/>
      <c r="BC3" s="547"/>
      <c r="BD3" s="548"/>
      <c r="BE3" s="546" t="s">
        <v>107</v>
      </c>
      <c r="BF3" s="547"/>
      <c r="BG3" s="547"/>
      <c r="BH3" s="547"/>
      <c r="BI3" s="547"/>
      <c r="BJ3" s="547"/>
      <c r="BK3" s="547"/>
      <c r="BL3" s="547"/>
      <c r="BM3" s="547"/>
      <c r="BN3" s="547"/>
      <c r="BO3" s="548"/>
      <c r="BP3" s="546" t="s">
        <v>106</v>
      </c>
      <c r="BQ3" s="547"/>
      <c r="BR3" s="547"/>
      <c r="BS3" s="547"/>
      <c r="BT3" s="547"/>
      <c r="BU3" s="547"/>
      <c r="BV3" s="547"/>
      <c r="BW3" s="547"/>
      <c r="BX3" s="547"/>
      <c r="BY3" s="547"/>
      <c r="BZ3" s="548"/>
      <c r="CA3" s="546" t="s">
        <v>128</v>
      </c>
      <c r="CB3" s="547"/>
      <c r="CC3" s="547"/>
      <c r="CD3" s="547"/>
      <c r="CE3" s="547"/>
      <c r="CF3" s="547"/>
      <c r="CG3" s="547"/>
      <c r="CH3" s="547"/>
      <c r="CI3" s="547"/>
      <c r="CJ3" s="547"/>
      <c r="CK3" s="548"/>
      <c r="CL3" s="546" t="s">
        <v>161</v>
      </c>
      <c r="CM3" s="547"/>
      <c r="CN3" s="547"/>
      <c r="CO3" s="547"/>
      <c r="CP3" s="547"/>
      <c r="CQ3" s="547"/>
      <c r="CR3" s="547"/>
      <c r="CS3" s="547"/>
      <c r="CT3" s="547"/>
      <c r="CU3" s="547"/>
      <c r="CV3" s="548"/>
      <c r="CW3" s="546" t="s">
        <v>157</v>
      </c>
      <c r="CX3" s="547"/>
      <c r="CY3" s="547"/>
      <c r="CZ3" s="547"/>
      <c r="DA3" s="547"/>
      <c r="DB3" s="547"/>
      <c r="DC3" s="547"/>
      <c r="DD3" s="547"/>
      <c r="DE3" s="547"/>
      <c r="DF3" s="547"/>
      <c r="DG3" s="548"/>
    </row>
    <row r="4" spans="1:111" x14ac:dyDescent="0.2">
      <c r="A4" s="550"/>
      <c r="B4" s="554" t="s">
        <v>61</v>
      </c>
      <c r="C4" s="533"/>
      <c r="D4" s="534"/>
      <c r="E4" s="535" t="s">
        <v>62</v>
      </c>
      <c r="F4" s="533"/>
      <c r="G4" s="533"/>
      <c r="H4" s="533"/>
      <c r="I4" s="533"/>
      <c r="J4" s="533"/>
      <c r="K4" s="536"/>
      <c r="L4" s="530" t="s">
        <v>52</v>
      </c>
      <c r="M4" s="554" t="s">
        <v>61</v>
      </c>
      <c r="N4" s="533"/>
      <c r="O4" s="534"/>
      <c r="P4" s="535" t="s">
        <v>62</v>
      </c>
      <c r="Q4" s="533"/>
      <c r="R4" s="533"/>
      <c r="S4" s="533"/>
      <c r="T4" s="533"/>
      <c r="U4" s="533"/>
      <c r="V4" s="534"/>
      <c r="W4" s="530" t="s">
        <v>52</v>
      </c>
      <c r="X4" s="532" t="s">
        <v>61</v>
      </c>
      <c r="Y4" s="533"/>
      <c r="Z4" s="536"/>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6"/>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row>
    <row r="5" spans="1:111" ht="28.5" customHeight="1" thickBot="1" x14ac:dyDescent="0.25">
      <c r="A5" s="551"/>
      <c r="B5" s="265" t="s">
        <v>43</v>
      </c>
      <c r="C5" s="266" t="s">
        <v>44</v>
      </c>
      <c r="D5" s="267" t="s">
        <v>45</v>
      </c>
      <c r="E5" s="268" t="s">
        <v>83</v>
      </c>
      <c r="F5" s="260" t="s">
        <v>47</v>
      </c>
      <c r="G5" s="260" t="s">
        <v>48</v>
      </c>
      <c r="H5" s="260" t="s">
        <v>49</v>
      </c>
      <c r="I5" s="260" t="s">
        <v>50</v>
      </c>
      <c r="J5" s="260" t="s">
        <v>51</v>
      </c>
      <c r="K5" s="269" t="s">
        <v>45</v>
      </c>
      <c r="L5" s="531"/>
      <c r="M5" s="265" t="s">
        <v>43</v>
      </c>
      <c r="N5" s="260" t="s">
        <v>44</v>
      </c>
      <c r="O5" s="266" t="s">
        <v>45</v>
      </c>
      <c r="P5" s="268" t="s">
        <v>83</v>
      </c>
      <c r="Q5" s="260" t="s">
        <v>47</v>
      </c>
      <c r="R5" s="260" t="s">
        <v>48</v>
      </c>
      <c r="S5" s="260" t="s">
        <v>49</v>
      </c>
      <c r="T5" s="260" t="s">
        <v>50</v>
      </c>
      <c r="U5" s="260" t="s">
        <v>51</v>
      </c>
      <c r="V5" s="266" t="s">
        <v>45</v>
      </c>
      <c r="W5" s="531"/>
      <c r="X5" s="351" t="s">
        <v>43</v>
      </c>
      <c r="Y5" s="260" t="s">
        <v>44</v>
      </c>
      <c r="Z5" s="269" t="s">
        <v>45</v>
      </c>
      <c r="AA5" s="268" t="s">
        <v>83</v>
      </c>
      <c r="AB5" s="260" t="s">
        <v>47</v>
      </c>
      <c r="AC5" s="260" t="s">
        <v>48</v>
      </c>
      <c r="AD5" s="260" t="s">
        <v>49</v>
      </c>
      <c r="AE5" s="260" t="s">
        <v>50</v>
      </c>
      <c r="AF5" s="260" t="s">
        <v>51</v>
      </c>
      <c r="AG5" s="266" t="s">
        <v>45</v>
      </c>
      <c r="AH5" s="531"/>
      <c r="AI5" s="351" t="s">
        <v>43</v>
      </c>
      <c r="AJ5" s="260" t="s">
        <v>44</v>
      </c>
      <c r="AK5" s="266" t="s">
        <v>45</v>
      </c>
      <c r="AL5" s="268" t="s">
        <v>83</v>
      </c>
      <c r="AM5" s="260" t="s">
        <v>47</v>
      </c>
      <c r="AN5" s="260" t="s">
        <v>48</v>
      </c>
      <c r="AO5" s="260" t="s">
        <v>49</v>
      </c>
      <c r="AP5" s="260" t="s">
        <v>50</v>
      </c>
      <c r="AQ5" s="260" t="s">
        <v>51</v>
      </c>
      <c r="AR5" s="266" t="s">
        <v>45</v>
      </c>
      <c r="AS5" s="531"/>
      <c r="AT5" s="351" t="s">
        <v>43</v>
      </c>
      <c r="AU5" s="260" t="s">
        <v>44</v>
      </c>
      <c r="AV5" s="269" t="s">
        <v>45</v>
      </c>
      <c r="AW5" s="268" t="s">
        <v>83</v>
      </c>
      <c r="AX5" s="260" t="s">
        <v>47</v>
      </c>
      <c r="AY5" s="260" t="s">
        <v>48</v>
      </c>
      <c r="AZ5" s="260" t="s">
        <v>49</v>
      </c>
      <c r="BA5" s="260" t="s">
        <v>50</v>
      </c>
      <c r="BB5" s="260" t="s">
        <v>51</v>
      </c>
      <c r="BC5" s="269" t="s">
        <v>45</v>
      </c>
      <c r="BD5" s="531"/>
      <c r="BE5" s="351" t="s">
        <v>43</v>
      </c>
      <c r="BF5" s="260" t="s">
        <v>44</v>
      </c>
      <c r="BG5" s="266" t="s">
        <v>45</v>
      </c>
      <c r="BH5" s="268" t="s">
        <v>83</v>
      </c>
      <c r="BI5" s="260" t="s">
        <v>47</v>
      </c>
      <c r="BJ5" s="260" t="s">
        <v>48</v>
      </c>
      <c r="BK5" s="260" t="s">
        <v>49</v>
      </c>
      <c r="BL5" s="260" t="s">
        <v>50</v>
      </c>
      <c r="BM5" s="260" t="s">
        <v>51</v>
      </c>
      <c r="BN5" s="266" t="s">
        <v>45</v>
      </c>
      <c r="BO5" s="531"/>
      <c r="BP5" s="351" t="s">
        <v>43</v>
      </c>
      <c r="BQ5" s="260" t="s">
        <v>44</v>
      </c>
      <c r="BR5" s="266" t="s">
        <v>45</v>
      </c>
      <c r="BS5" s="268" t="s">
        <v>83</v>
      </c>
      <c r="BT5" s="260" t="s">
        <v>47</v>
      </c>
      <c r="BU5" s="260" t="s">
        <v>48</v>
      </c>
      <c r="BV5" s="260" t="s">
        <v>49</v>
      </c>
      <c r="BW5" s="260" t="s">
        <v>50</v>
      </c>
      <c r="BX5" s="260" t="s">
        <v>51</v>
      </c>
      <c r="BY5" s="266" t="s">
        <v>45</v>
      </c>
      <c r="BZ5" s="531"/>
      <c r="CA5" s="351" t="s">
        <v>43</v>
      </c>
      <c r="CB5" s="260" t="s">
        <v>44</v>
      </c>
      <c r="CC5" s="266" t="s">
        <v>45</v>
      </c>
      <c r="CD5" s="268" t="s">
        <v>83</v>
      </c>
      <c r="CE5" s="260" t="s">
        <v>47</v>
      </c>
      <c r="CF5" s="260" t="s">
        <v>48</v>
      </c>
      <c r="CG5" s="260" t="s">
        <v>49</v>
      </c>
      <c r="CH5" s="260" t="s">
        <v>50</v>
      </c>
      <c r="CI5" s="260" t="s">
        <v>51</v>
      </c>
      <c r="CJ5" s="266" t="s">
        <v>45</v>
      </c>
      <c r="CK5" s="531"/>
      <c r="CL5" s="366" t="s">
        <v>43</v>
      </c>
      <c r="CM5" s="260" t="s">
        <v>44</v>
      </c>
      <c r="CN5" s="266" t="s">
        <v>45</v>
      </c>
      <c r="CO5" s="268" t="s">
        <v>83</v>
      </c>
      <c r="CP5" s="260" t="s">
        <v>47</v>
      </c>
      <c r="CQ5" s="260" t="s">
        <v>48</v>
      </c>
      <c r="CR5" s="260" t="s">
        <v>49</v>
      </c>
      <c r="CS5" s="260" t="s">
        <v>50</v>
      </c>
      <c r="CT5" s="260" t="s">
        <v>51</v>
      </c>
      <c r="CU5" s="266" t="s">
        <v>45</v>
      </c>
      <c r="CV5" s="531"/>
      <c r="CW5" s="366" t="s">
        <v>43</v>
      </c>
      <c r="CX5" s="260" t="s">
        <v>44</v>
      </c>
      <c r="CY5" s="266" t="s">
        <v>45</v>
      </c>
      <c r="CZ5" s="268" t="s">
        <v>83</v>
      </c>
      <c r="DA5" s="260" t="s">
        <v>47</v>
      </c>
      <c r="DB5" s="260" t="s">
        <v>48</v>
      </c>
      <c r="DC5" s="260" t="s">
        <v>49</v>
      </c>
      <c r="DD5" s="260" t="s">
        <v>50</v>
      </c>
      <c r="DE5" s="260" t="s">
        <v>51</v>
      </c>
      <c r="DF5" s="266" t="s">
        <v>45</v>
      </c>
      <c r="DG5" s="531"/>
    </row>
    <row r="6" spans="1:111" ht="18.75" customHeight="1" x14ac:dyDescent="0.2">
      <c r="A6" s="261" t="s">
        <v>4</v>
      </c>
      <c r="B6" s="270">
        <v>0</v>
      </c>
      <c r="C6" s="271">
        <v>0</v>
      </c>
      <c r="D6" s="272">
        <v>0</v>
      </c>
      <c r="E6" s="273">
        <v>0</v>
      </c>
      <c r="F6" s="274">
        <v>12492</v>
      </c>
      <c r="G6" s="274">
        <v>19557</v>
      </c>
      <c r="H6" s="274">
        <v>18383</v>
      </c>
      <c r="I6" s="274">
        <v>24225</v>
      </c>
      <c r="J6" s="274">
        <v>23554</v>
      </c>
      <c r="K6" s="275">
        <v>98211</v>
      </c>
      <c r="L6" s="276">
        <v>98211</v>
      </c>
      <c r="M6" s="270">
        <v>0</v>
      </c>
      <c r="N6" s="274">
        <v>24</v>
      </c>
      <c r="O6" s="271">
        <v>24</v>
      </c>
      <c r="P6" s="273">
        <v>0</v>
      </c>
      <c r="Q6" s="274">
        <v>52</v>
      </c>
      <c r="R6" s="274">
        <v>184</v>
      </c>
      <c r="S6" s="274">
        <v>206</v>
      </c>
      <c r="T6" s="274">
        <v>628</v>
      </c>
      <c r="U6" s="274">
        <v>1257</v>
      </c>
      <c r="V6" s="271">
        <v>2327</v>
      </c>
      <c r="W6" s="276">
        <v>2351</v>
      </c>
      <c r="X6" s="270">
        <v>1108</v>
      </c>
      <c r="Y6" s="274">
        <v>3351</v>
      </c>
      <c r="Z6" s="271">
        <v>4459</v>
      </c>
      <c r="AA6" s="273">
        <v>0</v>
      </c>
      <c r="AB6" s="274">
        <v>8609</v>
      </c>
      <c r="AC6" s="274">
        <v>12883</v>
      </c>
      <c r="AD6" s="274">
        <v>7756</v>
      </c>
      <c r="AE6" s="274">
        <v>7362</v>
      </c>
      <c r="AF6" s="274">
        <v>6061</v>
      </c>
      <c r="AG6" s="271">
        <v>42671</v>
      </c>
      <c r="AH6" s="276">
        <v>47130</v>
      </c>
      <c r="AI6" s="270">
        <v>211</v>
      </c>
      <c r="AJ6" s="274">
        <v>564</v>
      </c>
      <c r="AK6" s="271">
        <v>775</v>
      </c>
      <c r="AL6" s="273">
        <v>0</v>
      </c>
      <c r="AM6" s="274">
        <v>939</v>
      </c>
      <c r="AN6" s="274">
        <v>1781</v>
      </c>
      <c r="AO6" s="274">
        <v>1210</v>
      </c>
      <c r="AP6" s="274">
        <v>1236</v>
      </c>
      <c r="AQ6" s="274">
        <v>594</v>
      </c>
      <c r="AR6" s="271">
        <v>5760</v>
      </c>
      <c r="AS6" s="276">
        <v>6535</v>
      </c>
      <c r="AT6" s="270">
        <v>0</v>
      </c>
      <c r="AU6" s="274">
        <v>0</v>
      </c>
      <c r="AV6" s="271">
        <v>0</v>
      </c>
      <c r="AW6" s="273">
        <v>0</v>
      </c>
      <c r="AX6" s="274">
        <v>10516</v>
      </c>
      <c r="AY6" s="274">
        <v>9921</v>
      </c>
      <c r="AZ6" s="274">
        <v>5141</v>
      </c>
      <c r="BA6" s="274">
        <v>3212</v>
      </c>
      <c r="BB6" s="274">
        <v>1364</v>
      </c>
      <c r="BC6" s="275">
        <v>30154</v>
      </c>
      <c r="BD6" s="276">
        <v>30154</v>
      </c>
      <c r="BE6" s="270">
        <v>0</v>
      </c>
      <c r="BF6" s="274">
        <v>0</v>
      </c>
      <c r="BG6" s="271">
        <v>0</v>
      </c>
      <c r="BH6" s="273">
        <v>0</v>
      </c>
      <c r="BI6" s="274">
        <v>2041</v>
      </c>
      <c r="BJ6" s="274">
        <v>2928</v>
      </c>
      <c r="BK6" s="274">
        <v>1921</v>
      </c>
      <c r="BL6" s="274">
        <v>1329</v>
      </c>
      <c r="BM6" s="274">
        <v>508</v>
      </c>
      <c r="BN6" s="271">
        <v>8727</v>
      </c>
      <c r="BO6" s="276">
        <v>8727</v>
      </c>
      <c r="BP6" s="270">
        <v>21</v>
      </c>
      <c r="BQ6" s="274">
        <v>79</v>
      </c>
      <c r="BR6" s="271">
        <v>100</v>
      </c>
      <c r="BS6" s="273">
        <v>0</v>
      </c>
      <c r="BT6" s="274">
        <v>821</v>
      </c>
      <c r="BU6" s="274">
        <v>1730</v>
      </c>
      <c r="BV6" s="274">
        <v>2031</v>
      </c>
      <c r="BW6" s="274">
        <v>2337</v>
      </c>
      <c r="BX6" s="274">
        <v>1027</v>
      </c>
      <c r="BY6" s="271">
        <v>7946</v>
      </c>
      <c r="BZ6" s="276">
        <v>8046</v>
      </c>
      <c r="CA6" s="270">
        <v>10</v>
      </c>
      <c r="CB6" s="274">
        <v>17</v>
      </c>
      <c r="CC6" s="271">
        <v>27</v>
      </c>
      <c r="CD6" s="273">
        <v>0</v>
      </c>
      <c r="CE6" s="274">
        <v>88</v>
      </c>
      <c r="CF6" s="274">
        <v>224</v>
      </c>
      <c r="CG6" s="274">
        <v>285</v>
      </c>
      <c r="CH6" s="274">
        <v>290</v>
      </c>
      <c r="CI6" s="274">
        <v>220</v>
      </c>
      <c r="CJ6" s="271">
        <v>1107</v>
      </c>
      <c r="CK6" s="276">
        <v>1134</v>
      </c>
      <c r="CL6" s="270">
        <v>0</v>
      </c>
      <c r="CM6" s="274">
        <v>0</v>
      </c>
      <c r="CN6" s="271">
        <v>0</v>
      </c>
      <c r="CO6" s="273">
        <v>0</v>
      </c>
      <c r="CP6" s="274">
        <v>0</v>
      </c>
      <c r="CQ6" s="274">
        <v>0</v>
      </c>
      <c r="CR6" s="274">
        <v>0</v>
      </c>
      <c r="CS6" s="274">
        <v>0</v>
      </c>
      <c r="CT6" s="274">
        <v>0</v>
      </c>
      <c r="CU6" s="271">
        <v>0</v>
      </c>
      <c r="CV6" s="276">
        <v>0</v>
      </c>
      <c r="CW6" s="270">
        <v>0</v>
      </c>
      <c r="CX6" s="274">
        <v>0</v>
      </c>
      <c r="CY6" s="271">
        <v>0</v>
      </c>
      <c r="CZ6" s="273">
        <v>0</v>
      </c>
      <c r="DA6" s="274">
        <v>0</v>
      </c>
      <c r="DB6" s="274">
        <v>0</v>
      </c>
      <c r="DC6" s="274">
        <v>0</v>
      </c>
      <c r="DD6" s="274">
        <v>0</v>
      </c>
      <c r="DE6" s="274">
        <v>0</v>
      </c>
      <c r="DF6" s="271">
        <v>0</v>
      </c>
      <c r="DG6" s="276">
        <v>0</v>
      </c>
    </row>
    <row r="7" spans="1:111" ht="18.75" customHeight="1" x14ac:dyDescent="0.2">
      <c r="A7" s="262" t="s">
        <v>5</v>
      </c>
      <c r="B7" s="277">
        <v>0</v>
      </c>
      <c r="C7" s="278">
        <v>0</v>
      </c>
      <c r="D7" s="279">
        <v>0</v>
      </c>
      <c r="E7" s="280">
        <v>0</v>
      </c>
      <c r="F7" s="281">
        <v>4675</v>
      </c>
      <c r="G7" s="281">
        <v>9484</v>
      </c>
      <c r="H7" s="281">
        <v>7233</v>
      </c>
      <c r="I7" s="281">
        <v>9991</v>
      </c>
      <c r="J7" s="281">
        <v>10234</v>
      </c>
      <c r="K7" s="282">
        <v>41617</v>
      </c>
      <c r="L7" s="283">
        <v>41617</v>
      </c>
      <c r="M7" s="277">
        <v>0</v>
      </c>
      <c r="N7" s="281">
        <v>15</v>
      </c>
      <c r="O7" s="278">
        <v>15</v>
      </c>
      <c r="P7" s="280">
        <v>0</v>
      </c>
      <c r="Q7" s="281">
        <v>8</v>
      </c>
      <c r="R7" s="281">
        <v>71</v>
      </c>
      <c r="S7" s="281">
        <v>92</v>
      </c>
      <c r="T7" s="281">
        <v>291</v>
      </c>
      <c r="U7" s="281">
        <v>528</v>
      </c>
      <c r="V7" s="278">
        <v>990</v>
      </c>
      <c r="W7" s="283">
        <v>1005</v>
      </c>
      <c r="X7" s="277">
        <v>545</v>
      </c>
      <c r="Y7" s="281">
        <v>1702</v>
      </c>
      <c r="Z7" s="278">
        <v>2247</v>
      </c>
      <c r="AA7" s="280">
        <v>0</v>
      </c>
      <c r="AB7" s="281">
        <v>3190</v>
      </c>
      <c r="AC7" s="281">
        <v>7274</v>
      </c>
      <c r="AD7" s="281">
        <v>3644</v>
      </c>
      <c r="AE7" s="281">
        <v>3667</v>
      </c>
      <c r="AF7" s="281">
        <v>2890</v>
      </c>
      <c r="AG7" s="278">
        <v>20665</v>
      </c>
      <c r="AH7" s="283">
        <v>22912</v>
      </c>
      <c r="AI7" s="277">
        <v>83</v>
      </c>
      <c r="AJ7" s="281">
        <v>322</v>
      </c>
      <c r="AK7" s="278">
        <v>405</v>
      </c>
      <c r="AL7" s="280">
        <v>0</v>
      </c>
      <c r="AM7" s="281">
        <v>285</v>
      </c>
      <c r="AN7" s="281">
        <v>872</v>
      </c>
      <c r="AO7" s="281">
        <v>421</v>
      </c>
      <c r="AP7" s="281">
        <v>558</v>
      </c>
      <c r="AQ7" s="281">
        <v>230</v>
      </c>
      <c r="AR7" s="278">
        <v>2366</v>
      </c>
      <c r="AS7" s="283">
        <v>2771</v>
      </c>
      <c r="AT7" s="277">
        <v>0</v>
      </c>
      <c r="AU7" s="281">
        <v>0</v>
      </c>
      <c r="AV7" s="278">
        <v>0</v>
      </c>
      <c r="AW7" s="280">
        <v>0</v>
      </c>
      <c r="AX7" s="281">
        <v>3477</v>
      </c>
      <c r="AY7" s="281">
        <v>4268</v>
      </c>
      <c r="AZ7" s="281">
        <v>2237</v>
      </c>
      <c r="BA7" s="281">
        <v>1194</v>
      </c>
      <c r="BB7" s="281">
        <v>564</v>
      </c>
      <c r="BC7" s="282">
        <v>11740</v>
      </c>
      <c r="BD7" s="283">
        <v>11740</v>
      </c>
      <c r="BE7" s="277">
        <v>0</v>
      </c>
      <c r="BF7" s="281">
        <v>0</v>
      </c>
      <c r="BG7" s="278">
        <v>0</v>
      </c>
      <c r="BH7" s="280">
        <v>0</v>
      </c>
      <c r="BI7" s="281">
        <v>659</v>
      </c>
      <c r="BJ7" s="281">
        <v>1462</v>
      </c>
      <c r="BK7" s="281">
        <v>964</v>
      </c>
      <c r="BL7" s="281">
        <v>508</v>
      </c>
      <c r="BM7" s="281">
        <v>242</v>
      </c>
      <c r="BN7" s="278">
        <v>3835</v>
      </c>
      <c r="BO7" s="283">
        <v>3835</v>
      </c>
      <c r="BP7" s="277">
        <v>0</v>
      </c>
      <c r="BQ7" s="281">
        <v>48</v>
      </c>
      <c r="BR7" s="278">
        <v>48</v>
      </c>
      <c r="BS7" s="280">
        <v>0</v>
      </c>
      <c r="BT7" s="281">
        <v>340</v>
      </c>
      <c r="BU7" s="281">
        <v>995</v>
      </c>
      <c r="BV7" s="281">
        <v>983</v>
      </c>
      <c r="BW7" s="281">
        <v>1064</v>
      </c>
      <c r="BX7" s="281">
        <v>319</v>
      </c>
      <c r="BY7" s="278">
        <v>3701</v>
      </c>
      <c r="BZ7" s="283">
        <v>3749</v>
      </c>
      <c r="CA7" s="277">
        <v>0</v>
      </c>
      <c r="CB7" s="281">
        <v>17</v>
      </c>
      <c r="CC7" s="278">
        <v>17</v>
      </c>
      <c r="CD7" s="280">
        <v>0</v>
      </c>
      <c r="CE7" s="281">
        <v>57</v>
      </c>
      <c r="CF7" s="281">
        <v>116</v>
      </c>
      <c r="CG7" s="281">
        <v>123</v>
      </c>
      <c r="CH7" s="281">
        <v>178</v>
      </c>
      <c r="CI7" s="281">
        <v>162</v>
      </c>
      <c r="CJ7" s="278">
        <v>636</v>
      </c>
      <c r="CK7" s="283">
        <v>653</v>
      </c>
      <c r="CL7" s="277">
        <v>0</v>
      </c>
      <c r="CM7" s="281">
        <v>0</v>
      </c>
      <c r="CN7" s="278">
        <v>0</v>
      </c>
      <c r="CO7" s="280">
        <v>0</v>
      </c>
      <c r="CP7" s="281">
        <v>0</v>
      </c>
      <c r="CQ7" s="281">
        <v>0</v>
      </c>
      <c r="CR7" s="281">
        <v>0</v>
      </c>
      <c r="CS7" s="281">
        <v>0</v>
      </c>
      <c r="CT7" s="281">
        <v>0</v>
      </c>
      <c r="CU7" s="278">
        <v>0</v>
      </c>
      <c r="CV7" s="283">
        <v>0</v>
      </c>
      <c r="CW7" s="277">
        <v>0</v>
      </c>
      <c r="CX7" s="281">
        <v>0</v>
      </c>
      <c r="CY7" s="278">
        <v>0</v>
      </c>
      <c r="CZ7" s="280">
        <v>0</v>
      </c>
      <c r="DA7" s="281">
        <v>0</v>
      </c>
      <c r="DB7" s="281">
        <v>0</v>
      </c>
      <c r="DC7" s="281">
        <v>0</v>
      </c>
      <c r="DD7" s="281">
        <v>0</v>
      </c>
      <c r="DE7" s="281">
        <v>0</v>
      </c>
      <c r="DF7" s="278">
        <v>0</v>
      </c>
      <c r="DG7" s="283">
        <v>0</v>
      </c>
    </row>
    <row r="8" spans="1:111" ht="18.75" customHeight="1" x14ac:dyDescent="0.2">
      <c r="A8" s="262" t="s">
        <v>6</v>
      </c>
      <c r="B8" s="277">
        <v>0</v>
      </c>
      <c r="C8" s="278">
        <v>0</v>
      </c>
      <c r="D8" s="279">
        <v>0</v>
      </c>
      <c r="E8" s="280">
        <v>0</v>
      </c>
      <c r="F8" s="281">
        <v>2127</v>
      </c>
      <c r="G8" s="281">
        <v>3204</v>
      </c>
      <c r="H8" s="281">
        <v>2937</v>
      </c>
      <c r="I8" s="281">
        <v>4571</v>
      </c>
      <c r="J8" s="281">
        <v>3205</v>
      </c>
      <c r="K8" s="282">
        <v>16044</v>
      </c>
      <c r="L8" s="283">
        <v>16044</v>
      </c>
      <c r="M8" s="277">
        <v>0</v>
      </c>
      <c r="N8" s="281">
        <v>9</v>
      </c>
      <c r="O8" s="278">
        <v>9</v>
      </c>
      <c r="P8" s="280">
        <v>0</v>
      </c>
      <c r="Q8" s="281">
        <v>5</v>
      </c>
      <c r="R8" s="281">
        <v>33</v>
      </c>
      <c r="S8" s="281">
        <v>37</v>
      </c>
      <c r="T8" s="281">
        <v>108</v>
      </c>
      <c r="U8" s="281">
        <v>172</v>
      </c>
      <c r="V8" s="278">
        <v>355</v>
      </c>
      <c r="W8" s="283">
        <v>364</v>
      </c>
      <c r="X8" s="277">
        <v>205</v>
      </c>
      <c r="Y8" s="281">
        <v>640</v>
      </c>
      <c r="Z8" s="278">
        <v>845</v>
      </c>
      <c r="AA8" s="280">
        <v>0</v>
      </c>
      <c r="AB8" s="281">
        <v>2256</v>
      </c>
      <c r="AC8" s="281">
        <v>2192</v>
      </c>
      <c r="AD8" s="281">
        <v>1626</v>
      </c>
      <c r="AE8" s="281">
        <v>1336</v>
      </c>
      <c r="AF8" s="281">
        <v>943</v>
      </c>
      <c r="AG8" s="278">
        <v>8353</v>
      </c>
      <c r="AH8" s="283">
        <v>9198</v>
      </c>
      <c r="AI8" s="277">
        <v>42</v>
      </c>
      <c r="AJ8" s="281">
        <v>54</v>
      </c>
      <c r="AK8" s="278">
        <v>96</v>
      </c>
      <c r="AL8" s="280">
        <v>0</v>
      </c>
      <c r="AM8" s="281">
        <v>221</v>
      </c>
      <c r="AN8" s="281">
        <v>295</v>
      </c>
      <c r="AO8" s="281">
        <v>185</v>
      </c>
      <c r="AP8" s="281">
        <v>247</v>
      </c>
      <c r="AQ8" s="281">
        <v>52</v>
      </c>
      <c r="AR8" s="278">
        <v>1000</v>
      </c>
      <c r="AS8" s="283">
        <v>1096</v>
      </c>
      <c r="AT8" s="277">
        <v>0</v>
      </c>
      <c r="AU8" s="281">
        <v>0</v>
      </c>
      <c r="AV8" s="278">
        <v>0</v>
      </c>
      <c r="AW8" s="280">
        <v>0</v>
      </c>
      <c r="AX8" s="281">
        <v>2139</v>
      </c>
      <c r="AY8" s="281">
        <v>1421</v>
      </c>
      <c r="AZ8" s="281">
        <v>795</v>
      </c>
      <c r="BA8" s="281">
        <v>650</v>
      </c>
      <c r="BB8" s="281">
        <v>218</v>
      </c>
      <c r="BC8" s="282">
        <v>5223</v>
      </c>
      <c r="BD8" s="283">
        <v>5223</v>
      </c>
      <c r="BE8" s="277">
        <v>0</v>
      </c>
      <c r="BF8" s="281">
        <v>0</v>
      </c>
      <c r="BG8" s="278">
        <v>0</v>
      </c>
      <c r="BH8" s="280">
        <v>0</v>
      </c>
      <c r="BI8" s="281">
        <v>349</v>
      </c>
      <c r="BJ8" s="281">
        <v>375</v>
      </c>
      <c r="BK8" s="281">
        <v>217</v>
      </c>
      <c r="BL8" s="281">
        <v>292</v>
      </c>
      <c r="BM8" s="281">
        <v>58</v>
      </c>
      <c r="BN8" s="278">
        <v>1291</v>
      </c>
      <c r="BO8" s="283">
        <v>1291</v>
      </c>
      <c r="BP8" s="277">
        <v>0</v>
      </c>
      <c r="BQ8" s="281">
        <v>13</v>
      </c>
      <c r="BR8" s="278">
        <v>13</v>
      </c>
      <c r="BS8" s="280">
        <v>0</v>
      </c>
      <c r="BT8" s="281">
        <v>82</v>
      </c>
      <c r="BU8" s="281">
        <v>149</v>
      </c>
      <c r="BV8" s="281">
        <v>222</v>
      </c>
      <c r="BW8" s="281">
        <v>234</v>
      </c>
      <c r="BX8" s="281">
        <v>144</v>
      </c>
      <c r="BY8" s="278">
        <v>831</v>
      </c>
      <c r="BZ8" s="283">
        <v>844</v>
      </c>
      <c r="CA8" s="277">
        <v>0</v>
      </c>
      <c r="CB8" s="281">
        <v>0</v>
      </c>
      <c r="CC8" s="278">
        <v>0</v>
      </c>
      <c r="CD8" s="280">
        <v>0</v>
      </c>
      <c r="CE8" s="281">
        <v>4</v>
      </c>
      <c r="CF8" s="281">
        <v>37</v>
      </c>
      <c r="CG8" s="281">
        <v>55</v>
      </c>
      <c r="CH8" s="281">
        <v>50</v>
      </c>
      <c r="CI8" s="281">
        <v>14</v>
      </c>
      <c r="CJ8" s="278">
        <v>160</v>
      </c>
      <c r="CK8" s="283">
        <v>160</v>
      </c>
      <c r="CL8" s="277">
        <v>0</v>
      </c>
      <c r="CM8" s="281">
        <v>0</v>
      </c>
      <c r="CN8" s="278">
        <v>0</v>
      </c>
      <c r="CO8" s="280">
        <v>0</v>
      </c>
      <c r="CP8" s="281">
        <v>0</v>
      </c>
      <c r="CQ8" s="281">
        <v>0</v>
      </c>
      <c r="CR8" s="281">
        <v>0</v>
      </c>
      <c r="CS8" s="281">
        <v>0</v>
      </c>
      <c r="CT8" s="281">
        <v>0</v>
      </c>
      <c r="CU8" s="278">
        <v>0</v>
      </c>
      <c r="CV8" s="283">
        <v>0</v>
      </c>
      <c r="CW8" s="277">
        <v>0</v>
      </c>
      <c r="CX8" s="281">
        <v>0</v>
      </c>
      <c r="CY8" s="278">
        <v>0</v>
      </c>
      <c r="CZ8" s="280">
        <v>0</v>
      </c>
      <c r="DA8" s="281">
        <v>0</v>
      </c>
      <c r="DB8" s="281">
        <v>0</v>
      </c>
      <c r="DC8" s="281">
        <v>0</v>
      </c>
      <c r="DD8" s="281">
        <v>0</v>
      </c>
      <c r="DE8" s="281">
        <v>0</v>
      </c>
      <c r="DF8" s="278">
        <v>0</v>
      </c>
      <c r="DG8" s="283">
        <v>0</v>
      </c>
    </row>
    <row r="9" spans="1:111" ht="18.75" customHeight="1" x14ac:dyDescent="0.2">
      <c r="A9" s="262" t="s">
        <v>14</v>
      </c>
      <c r="B9" s="277">
        <v>0</v>
      </c>
      <c r="C9" s="278">
        <v>0</v>
      </c>
      <c r="D9" s="279">
        <v>0</v>
      </c>
      <c r="E9" s="280">
        <v>0</v>
      </c>
      <c r="F9" s="281">
        <v>734</v>
      </c>
      <c r="G9" s="281">
        <v>718</v>
      </c>
      <c r="H9" s="281">
        <v>1346</v>
      </c>
      <c r="I9" s="281">
        <v>1213</v>
      </c>
      <c r="J9" s="281">
        <v>1378</v>
      </c>
      <c r="K9" s="282">
        <v>5389</v>
      </c>
      <c r="L9" s="283">
        <v>5389</v>
      </c>
      <c r="M9" s="277">
        <v>0</v>
      </c>
      <c r="N9" s="281">
        <v>0</v>
      </c>
      <c r="O9" s="278">
        <v>0</v>
      </c>
      <c r="P9" s="280">
        <v>0</v>
      </c>
      <c r="Q9" s="281">
        <v>0</v>
      </c>
      <c r="R9" s="281">
        <v>9</v>
      </c>
      <c r="S9" s="281">
        <v>8</v>
      </c>
      <c r="T9" s="281">
        <v>61</v>
      </c>
      <c r="U9" s="281">
        <v>106</v>
      </c>
      <c r="V9" s="278">
        <v>184</v>
      </c>
      <c r="W9" s="283">
        <v>184</v>
      </c>
      <c r="X9" s="277">
        <v>27</v>
      </c>
      <c r="Y9" s="281">
        <v>175</v>
      </c>
      <c r="Z9" s="278">
        <v>202</v>
      </c>
      <c r="AA9" s="280">
        <v>0</v>
      </c>
      <c r="AB9" s="281">
        <v>323</v>
      </c>
      <c r="AC9" s="281">
        <v>629</v>
      </c>
      <c r="AD9" s="281">
        <v>445</v>
      </c>
      <c r="AE9" s="281">
        <v>500</v>
      </c>
      <c r="AF9" s="281">
        <v>376</v>
      </c>
      <c r="AG9" s="278">
        <v>2273</v>
      </c>
      <c r="AH9" s="283">
        <v>2475</v>
      </c>
      <c r="AI9" s="277">
        <v>0</v>
      </c>
      <c r="AJ9" s="281">
        <v>18</v>
      </c>
      <c r="AK9" s="278">
        <v>18</v>
      </c>
      <c r="AL9" s="280">
        <v>0</v>
      </c>
      <c r="AM9" s="281">
        <v>19</v>
      </c>
      <c r="AN9" s="281">
        <v>53</v>
      </c>
      <c r="AO9" s="281">
        <v>81</v>
      </c>
      <c r="AP9" s="281">
        <v>41</v>
      </c>
      <c r="AQ9" s="281">
        <v>8</v>
      </c>
      <c r="AR9" s="278">
        <v>202</v>
      </c>
      <c r="AS9" s="283">
        <v>220</v>
      </c>
      <c r="AT9" s="277">
        <v>0</v>
      </c>
      <c r="AU9" s="281">
        <v>0</v>
      </c>
      <c r="AV9" s="278">
        <v>0</v>
      </c>
      <c r="AW9" s="280">
        <v>0</v>
      </c>
      <c r="AX9" s="281">
        <v>775</v>
      </c>
      <c r="AY9" s="281">
        <v>608</v>
      </c>
      <c r="AZ9" s="281">
        <v>427</v>
      </c>
      <c r="BA9" s="281">
        <v>234</v>
      </c>
      <c r="BB9" s="281">
        <v>156</v>
      </c>
      <c r="BC9" s="282">
        <v>2200</v>
      </c>
      <c r="BD9" s="283">
        <v>2200</v>
      </c>
      <c r="BE9" s="277">
        <v>0</v>
      </c>
      <c r="BF9" s="281">
        <v>0</v>
      </c>
      <c r="BG9" s="278">
        <v>0</v>
      </c>
      <c r="BH9" s="280">
        <v>0</v>
      </c>
      <c r="BI9" s="281">
        <v>57</v>
      </c>
      <c r="BJ9" s="281">
        <v>121</v>
      </c>
      <c r="BK9" s="281">
        <v>88</v>
      </c>
      <c r="BL9" s="281">
        <v>69</v>
      </c>
      <c r="BM9" s="281">
        <v>19</v>
      </c>
      <c r="BN9" s="278">
        <v>354</v>
      </c>
      <c r="BO9" s="283">
        <v>354</v>
      </c>
      <c r="BP9" s="277">
        <v>0</v>
      </c>
      <c r="BQ9" s="281">
        <v>0</v>
      </c>
      <c r="BR9" s="278">
        <v>0</v>
      </c>
      <c r="BS9" s="280">
        <v>0</v>
      </c>
      <c r="BT9" s="281">
        <v>64</v>
      </c>
      <c r="BU9" s="281">
        <v>99</v>
      </c>
      <c r="BV9" s="281">
        <v>135</v>
      </c>
      <c r="BW9" s="281">
        <v>281</v>
      </c>
      <c r="BX9" s="281">
        <v>115</v>
      </c>
      <c r="BY9" s="278">
        <v>694</v>
      </c>
      <c r="BZ9" s="283">
        <v>694</v>
      </c>
      <c r="CA9" s="277">
        <v>0</v>
      </c>
      <c r="CB9" s="281">
        <v>0</v>
      </c>
      <c r="CC9" s="278">
        <v>0</v>
      </c>
      <c r="CD9" s="280">
        <v>0</v>
      </c>
      <c r="CE9" s="281">
        <v>0</v>
      </c>
      <c r="CF9" s="281">
        <v>0</v>
      </c>
      <c r="CG9" s="281">
        <v>38</v>
      </c>
      <c r="CH9" s="281">
        <v>0</v>
      </c>
      <c r="CI9" s="281">
        <v>1</v>
      </c>
      <c r="CJ9" s="278">
        <v>39</v>
      </c>
      <c r="CK9" s="283">
        <v>39</v>
      </c>
      <c r="CL9" s="277">
        <v>0</v>
      </c>
      <c r="CM9" s="281">
        <v>0</v>
      </c>
      <c r="CN9" s="278">
        <v>0</v>
      </c>
      <c r="CO9" s="280">
        <v>0</v>
      </c>
      <c r="CP9" s="281">
        <v>0</v>
      </c>
      <c r="CQ9" s="281">
        <v>0</v>
      </c>
      <c r="CR9" s="281">
        <v>0</v>
      </c>
      <c r="CS9" s="281">
        <v>0</v>
      </c>
      <c r="CT9" s="281">
        <v>0</v>
      </c>
      <c r="CU9" s="278">
        <v>0</v>
      </c>
      <c r="CV9" s="283">
        <v>0</v>
      </c>
      <c r="CW9" s="277">
        <v>0</v>
      </c>
      <c r="CX9" s="281">
        <v>0</v>
      </c>
      <c r="CY9" s="278">
        <v>0</v>
      </c>
      <c r="CZ9" s="280">
        <v>0</v>
      </c>
      <c r="DA9" s="281">
        <v>0</v>
      </c>
      <c r="DB9" s="281">
        <v>0</v>
      </c>
      <c r="DC9" s="281">
        <v>0</v>
      </c>
      <c r="DD9" s="281">
        <v>0</v>
      </c>
      <c r="DE9" s="281">
        <v>0</v>
      </c>
      <c r="DF9" s="278">
        <v>0</v>
      </c>
      <c r="DG9" s="283">
        <v>0</v>
      </c>
    </row>
    <row r="10" spans="1:111" ht="18.75" customHeight="1" x14ac:dyDescent="0.2">
      <c r="A10" s="262" t="s">
        <v>7</v>
      </c>
      <c r="B10" s="277">
        <v>0</v>
      </c>
      <c r="C10" s="278">
        <v>0</v>
      </c>
      <c r="D10" s="279">
        <v>0</v>
      </c>
      <c r="E10" s="280">
        <v>0</v>
      </c>
      <c r="F10" s="281">
        <v>699</v>
      </c>
      <c r="G10" s="281">
        <v>979</v>
      </c>
      <c r="H10" s="281">
        <v>708</v>
      </c>
      <c r="I10" s="281">
        <v>384</v>
      </c>
      <c r="J10" s="281">
        <v>1049</v>
      </c>
      <c r="K10" s="282">
        <v>3819</v>
      </c>
      <c r="L10" s="283">
        <v>3819</v>
      </c>
      <c r="M10" s="277">
        <v>0</v>
      </c>
      <c r="N10" s="281">
        <v>0</v>
      </c>
      <c r="O10" s="278">
        <v>0</v>
      </c>
      <c r="P10" s="280">
        <v>0</v>
      </c>
      <c r="Q10" s="281">
        <v>11</v>
      </c>
      <c r="R10" s="281">
        <v>7</v>
      </c>
      <c r="S10" s="281">
        <v>4</v>
      </c>
      <c r="T10" s="281">
        <v>6</v>
      </c>
      <c r="U10" s="281">
        <v>40</v>
      </c>
      <c r="V10" s="278">
        <v>68</v>
      </c>
      <c r="W10" s="283">
        <v>68</v>
      </c>
      <c r="X10" s="277">
        <v>0</v>
      </c>
      <c r="Y10" s="281">
        <v>34</v>
      </c>
      <c r="Z10" s="278">
        <v>34</v>
      </c>
      <c r="AA10" s="280">
        <v>0</v>
      </c>
      <c r="AB10" s="281">
        <v>239</v>
      </c>
      <c r="AC10" s="281">
        <v>269</v>
      </c>
      <c r="AD10" s="281">
        <v>158</v>
      </c>
      <c r="AE10" s="281">
        <v>151</v>
      </c>
      <c r="AF10" s="281">
        <v>198</v>
      </c>
      <c r="AG10" s="278">
        <v>1015</v>
      </c>
      <c r="AH10" s="283">
        <v>1049</v>
      </c>
      <c r="AI10" s="277">
        <v>0</v>
      </c>
      <c r="AJ10" s="281">
        <v>0</v>
      </c>
      <c r="AK10" s="278">
        <v>0</v>
      </c>
      <c r="AL10" s="280">
        <v>0</v>
      </c>
      <c r="AM10" s="281">
        <v>39</v>
      </c>
      <c r="AN10" s="281">
        <v>52</v>
      </c>
      <c r="AO10" s="281">
        <v>20</v>
      </c>
      <c r="AP10" s="281">
        <v>16</v>
      </c>
      <c r="AQ10" s="281">
        <v>0</v>
      </c>
      <c r="AR10" s="278">
        <v>127</v>
      </c>
      <c r="AS10" s="283">
        <v>127</v>
      </c>
      <c r="AT10" s="277">
        <v>0</v>
      </c>
      <c r="AU10" s="281">
        <v>0</v>
      </c>
      <c r="AV10" s="278">
        <v>0</v>
      </c>
      <c r="AW10" s="280">
        <v>0</v>
      </c>
      <c r="AX10" s="281">
        <v>435</v>
      </c>
      <c r="AY10" s="281">
        <v>311</v>
      </c>
      <c r="AZ10" s="281">
        <v>83</v>
      </c>
      <c r="BA10" s="281">
        <v>48</v>
      </c>
      <c r="BB10" s="281">
        <v>57</v>
      </c>
      <c r="BC10" s="282">
        <v>934</v>
      </c>
      <c r="BD10" s="283">
        <v>934</v>
      </c>
      <c r="BE10" s="277">
        <v>0</v>
      </c>
      <c r="BF10" s="281">
        <v>0</v>
      </c>
      <c r="BG10" s="278">
        <v>0</v>
      </c>
      <c r="BH10" s="280">
        <v>0</v>
      </c>
      <c r="BI10" s="281">
        <v>180</v>
      </c>
      <c r="BJ10" s="281">
        <v>88</v>
      </c>
      <c r="BK10" s="281">
        <v>55</v>
      </c>
      <c r="BL10" s="281">
        <v>12</v>
      </c>
      <c r="BM10" s="281">
        <v>17</v>
      </c>
      <c r="BN10" s="278">
        <v>352</v>
      </c>
      <c r="BO10" s="283">
        <v>352</v>
      </c>
      <c r="BP10" s="277">
        <v>0</v>
      </c>
      <c r="BQ10" s="281">
        <v>0</v>
      </c>
      <c r="BR10" s="278">
        <v>0</v>
      </c>
      <c r="BS10" s="280">
        <v>0</v>
      </c>
      <c r="BT10" s="281">
        <v>30</v>
      </c>
      <c r="BU10" s="281">
        <v>60</v>
      </c>
      <c r="BV10" s="281">
        <v>80</v>
      </c>
      <c r="BW10" s="281">
        <v>85</v>
      </c>
      <c r="BX10" s="281">
        <v>18</v>
      </c>
      <c r="BY10" s="278">
        <v>273</v>
      </c>
      <c r="BZ10" s="283">
        <v>273</v>
      </c>
      <c r="CA10" s="277">
        <v>0</v>
      </c>
      <c r="CB10" s="281">
        <v>0</v>
      </c>
      <c r="CC10" s="278">
        <v>0</v>
      </c>
      <c r="CD10" s="280">
        <v>0</v>
      </c>
      <c r="CE10" s="281">
        <v>0</v>
      </c>
      <c r="CF10" s="281">
        <v>0</v>
      </c>
      <c r="CG10" s="281">
        <v>5</v>
      </c>
      <c r="CH10" s="281">
        <v>0</v>
      </c>
      <c r="CI10" s="281">
        <v>6</v>
      </c>
      <c r="CJ10" s="278">
        <v>11</v>
      </c>
      <c r="CK10" s="283">
        <v>11</v>
      </c>
      <c r="CL10" s="277">
        <v>0</v>
      </c>
      <c r="CM10" s="281">
        <v>0</v>
      </c>
      <c r="CN10" s="278">
        <v>0</v>
      </c>
      <c r="CO10" s="280">
        <v>0</v>
      </c>
      <c r="CP10" s="281">
        <v>0</v>
      </c>
      <c r="CQ10" s="281">
        <v>0</v>
      </c>
      <c r="CR10" s="281">
        <v>0</v>
      </c>
      <c r="CS10" s="281">
        <v>0</v>
      </c>
      <c r="CT10" s="281">
        <v>0</v>
      </c>
      <c r="CU10" s="278">
        <v>0</v>
      </c>
      <c r="CV10" s="283">
        <v>0</v>
      </c>
      <c r="CW10" s="277">
        <v>0</v>
      </c>
      <c r="CX10" s="281">
        <v>0</v>
      </c>
      <c r="CY10" s="278">
        <v>0</v>
      </c>
      <c r="CZ10" s="280">
        <v>0</v>
      </c>
      <c r="DA10" s="281">
        <v>0</v>
      </c>
      <c r="DB10" s="281">
        <v>0</v>
      </c>
      <c r="DC10" s="281">
        <v>0</v>
      </c>
      <c r="DD10" s="281">
        <v>0</v>
      </c>
      <c r="DE10" s="281">
        <v>0</v>
      </c>
      <c r="DF10" s="278">
        <v>0</v>
      </c>
      <c r="DG10" s="283">
        <v>0</v>
      </c>
    </row>
    <row r="11" spans="1:111" ht="18.75" customHeight="1" x14ac:dyDescent="0.2">
      <c r="A11" s="262" t="s">
        <v>8</v>
      </c>
      <c r="B11" s="277">
        <v>0</v>
      </c>
      <c r="C11" s="278">
        <v>0</v>
      </c>
      <c r="D11" s="279">
        <v>0</v>
      </c>
      <c r="E11" s="280">
        <v>0</v>
      </c>
      <c r="F11" s="281">
        <v>247</v>
      </c>
      <c r="G11" s="281">
        <v>432</v>
      </c>
      <c r="H11" s="281">
        <v>158</v>
      </c>
      <c r="I11" s="281">
        <v>250</v>
      </c>
      <c r="J11" s="281">
        <v>331</v>
      </c>
      <c r="K11" s="282">
        <v>1418</v>
      </c>
      <c r="L11" s="283">
        <v>1418</v>
      </c>
      <c r="M11" s="277">
        <v>0</v>
      </c>
      <c r="N11" s="281">
        <v>0</v>
      </c>
      <c r="O11" s="278">
        <v>0</v>
      </c>
      <c r="P11" s="280">
        <v>0</v>
      </c>
      <c r="Q11" s="281">
        <v>0</v>
      </c>
      <c r="R11" s="281">
        <v>0</v>
      </c>
      <c r="S11" s="281">
        <v>0</v>
      </c>
      <c r="T11" s="281">
        <v>23</v>
      </c>
      <c r="U11" s="281">
        <v>11</v>
      </c>
      <c r="V11" s="278">
        <v>34</v>
      </c>
      <c r="W11" s="283">
        <v>34</v>
      </c>
      <c r="X11" s="277">
        <v>5</v>
      </c>
      <c r="Y11" s="281">
        <v>11</v>
      </c>
      <c r="Z11" s="278">
        <v>16</v>
      </c>
      <c r="AA11" s="280">
        <v>0</v>
      </c>
      <c r="AB11" s="281">
        <v>45</v>
      </c>
      <c r="AC11" s="281">
        <v>76</v>
      </c>
      <c r="AD11" s="281">
        <v>28</v>
      </c>
      <c r="AE11" s="281">
        <v>67</v>
      </c>
      <c r="AF11" s="281">
        <v>12</v>
      </c>
      <c r="AG11" s="278">
        <v>228</v>
      </c>
      <c r="AH11" s="283">
        <v>244</v>
      </c>
      <c r="AI11" s="277">
        <v>0</v>
      </c>
      <c r="AJ11" s="281">
        <v>16</v>
      </c>
      <c r="AK11" s="278">
        <v>16</v>
      </c>
      <c r="AL11" s="280">
        <v>0</v>
      </c>
      <c r="AM11" s="281">
        <v>12</v>
      </c>
      <c r="AN11" s="281">
        <v>53</v>
      </c>
      <c r="AO11" s="281">
        <v>91</v>
      </c>
      <c r="AP11" s="281">
        <v>27</v>
      </c>
      <c r="AQ11" s="281">
        <v>27</v>
      </c>
      <c r="AR11" s="278">
        <v>210</v>
      </c>
      <c r="AS11" s="283">
        <v>226</v>
      </c>
      <c r="AT11" s="277">
        <v>0</v>
      </c>
      <c r="AU11" s="281">
        <v>0</v>
      </c>
      <c r="AV11" s="278">
        <v>0</v>
      </c>
      <c r="AW11" s="280">
        <v>0</v>
      </c>
      <c r="AX11" s="281">
        <v>197</v>
      </c>
      <c r="AY11" s="281">
        <v>236</v>
      </c>
      <c r="AZ11" s="281">
        <v>35</v>
      </c>
      <c r="BA11" s="281">
        <v>105</v>
      </c>
      <c r="BB11" s="281">
        <v>21</v>
      </c>
      <c r="BC11" s="282">
        <v>594</v>
      </c>
      <c r="BD11" s="283">
        <v>594</v>
      </c>
      <c r="BE11" s="277">
        <v>0</v>
      </c>
      <c r="BF11" s="281">
        <v>0</v>
      </c>
      <c r="BG11" s="278">
        <v>0</v>
      </c>
      <c r="BH11" s="280">
        <v>0</v>
      </c>
      <c r="BI11" s="281">
        <v>112</v>
      </c>
      <c r="BJ11" s="281">
        <v>67</v>
      </c>
      <c r="BK11" s="281">
        <v>32</v>
      </c>
      <c r="BL11" s="281">
        <v>57</v>
      </c>
      <c r="BM11" s="281">
        <v>5</v>
      </c>
      <c r="BN11" s="278">
        <v>273</v>
      </c>
      <c r="BO11" s="283">
        <v>273</v>
      </c>
      <c r="BP11" s="277">
        <v>0</v>
      </c>
      <c r="BQ11" s="281">
        <v>0</v>
      </c>
      <c r="BR11" s="278">
        <v>0</v>
      </c>
      <c r="BS11" s="280">
        <v>0</v>
      </c>
      <c r="BT11" s="281">
        <v>19</v>
      </c>
      <c r="BU11" s="281">
        <v>83</v>
      </c>
      <c r="BV11" s="281">
        <v>11</v>
      </c>
      <c r="BW11" s="281">
        <v>38</v>
      </c>
      <c r="BX11" s="281">
        <v>11</v>
      </c>
      <c r="BY11" s="278">
        <v>162</v>
      </c>
      <c r="BZ11" s="283">
        <v>162</v>
      </c>
      <c r="CA11" s="277">
        <v>0</v>
      </c>
      <c r="CB11" s="281">
        <v>0</v>
      </c>
      <c r="CC11" s="278">
        <v>0</v>
      </c>
      <c r="CD11" s="280">
        <v>0</v>
      </c>
      <c r="CE11" s="281">
        <v>0</v>
      </c>
      <c r="CF11" s="281">
        <v>0</v>
      </c>
      <c r="CG11" s="281">
        <v>0</v>
      </c>
      <c r="CH11" s="281">
        <v>0</v>
      </c>
      <c r="CI11" s="281">
        <v>0</v>
      </c>
      <c r="CJ11" s="278">
        <v>0</v>
      </c>
      <c r="CK11" s="283">
        <v>0</v>
      </c>
      <c r="CL11" s="277">
        <v>0</v>
      </c>
      <c r="CM11" s="281">
        <v>0</v>
      </c>
      <c r="CN11" s="278">
        <v>0</v>
      </c>
      <c r="CO11" s="280">
        <v>0</v>
      </c>
      <c r="CP11" s="281">
        <v>0</v>
      </c>
      <c r="CQ11" s="281">
        <v>0</v>
      </c>
      <c r="CR11" s="281">
        <v>0</v>
      </c>
      <c r="CS11" s="281">
        <v>0</v>
      </c>
      <c r="CT11" s="281">
        <v>0</v>
      </c>
      <c r="CU11" s="278">
        <v>0</v>
      </c>
      <c r="CV11" s="283">
        <v>0</v>
      </c>
      <c r="CW11" s="277">
        <v>0</v>
      </c>
      <c r="CX11" s="281">
        <v>0</v>
      </c>
      <c r="CY11" s="278">
        <v>0</v>
      </c>
      <c r="CZ11" s="280">
        <v>0</v>
      </c>
      <c r="DA11" s="281">
        <v>0</v>
      </c>
      <c r="DB11" s="281">
        <v>0</v>
      </c>
      <c r="DC11" s="281">
        <v>0</v>
      </c>
      <c r="DD11" s="281">
        <v>0</v>
      </c>
      <c r="DE11" s="281">
        <v>0</v>
      </c>
      <c r="DF11" s="278">
        <v>0</v>
      </c>
      <c r="DG11" s="283">
        <v>0</v>
      </c>
    </row>
    <row r="12" spans="1:111" ht="18.75" customHeight="1" x14ac:dyDescent="0.2">
      <c r="A12" s="262" t="s">
        <v>9</v>
      </c>
      <c r="B12" s="277">
        <v>0</v>
      </c>
      <c r="C12" s="278">
        <v>0</v>
      </c>
      <c r="D12" s="279">
        <v>0</v>
      </c>
      <c r="E12" s="280">
        <v>0</v>
      </c>
      <c r="F12" s="281">
        <v>692</v>
      </c>
      <c r="G12" s="281">
        <v>649</v>
      </c>
      <c r="H12" s="281">
        <v>1016</v>
      </c>
      <c r="I12" s="281">
        <v>1676</v>
      </c>
      <c r="J12" s="281">
        <v>1933</v>
      </c>
      <c r="K12" s="282">
        <v>5966</v>
      </c>
      <c r="L12" s="283">
        <v>5966</v>
      </c>
      <c r="M12" s="277">
        <v>0</v>
      </c>
      <c r="N12" s="281">
        <v>0</v>
      </c>
      <c r="O12" s="278">
        <v>0</v>
      </c>
      <c r="P12" s="280">
        <v>0</v>
      </c>
      <c r="Q12" s="281">
        <v>18</v>
      </c>
      <c r="R12" s="281">
        <v>9</v>
      </c>
      <c r="S12" s="281">
        <v>14</v>
      </c>
      <c r="T12" s="281">
        <v>28</v>
      </c>
      <c r="U12" s="281">
        <v>102</v>
      </c>
      <c r="V12" s="278">
        <v>171</v>
      </c>
      <c r="W12" s="283">
        <v>171</v>
      </c>
      <c r="X12" s="277">
        <v>23</v>
      </c>
      <c r="Y12" s="281">
        <v>58</v>
      </c>
      <c r="Z12" s="278">
        <v>81</v>
      </c>
      <c r="AA12" s="280">
        <v>0</v>
      </c>
      <c r="AB12" s="281">
        <v>563</v>
      </c>
      <c r="AC12" s="281">
        <v>327</v>
      </c>
      <c r="AD12" s="281">
        <v>262</v>
      </c>
      <c r="AE12" s="281">
        <v>290</v>
      </c>
      <c r="AF12" s="281">
        <v>204</v>
      </c>
      <c r="AG12" s="278">
        <v>1646</v>
      </c>
      <c r="AH12" s="283">
        <v>1727</v>
      </c>
      <c r="AI12" s="277">
        <v>26</v>
      </c>
      <c r="AJ12" s="281">
        <v>9</v>
      </c>
      <c r="AK12" s="278">
        <v>35</v>
      </c>
      <c r="AL12" s="280">
        <v>0</v>
      </c>
      <c r="AM12" s="281">
        <v>130</v>
      </c>
      <c r="AN12" s="281">
        <v>130</v>
      </c>
      <c r="AO12" s="281">
        <v>86</v>
      </c>
      <c r="AP12" s="281">
        <v>107</v>
      </c>
      <c r="AQ12" s="281">
        <v>70</v>
      </c>
      <c r="AR12" s="278">
        <v>523</v>
      </c>
      <c r="AS12" s="283">
        <v>558</v>
      </c>
      <c r="AT12" s="277">
        <v>0</v>
      </c>
      <c r="AU12" s="281">
        <v>0</v>
      </c>
      <c r="AV12" s="278">
        <v>0</v>
      </c>
      <c r="AW12" s="280">
        <v>0</v>
      </c>
      <c r="AX12" s="281">
        <v>373</v>
      </c>
      <c r="AY12" s="281">
        <v>300</v>
      </c>
      <c r="AZ12" s="281">
        <v>188</v>
      </c>
      <c r="BA12" s="281">
        <v>80</v>
      </c>
      <c r="BB12" s="281">
        <v>62</v>
      </c>
      <c r="BC12" s="282">
        <v>1003</v>
      </c>
      <c r="BD12" s="283">
        <v>1003</v>
      </c>
      <c r="BE12" s="277">
        <v>0</v>
      </c>
      <c r="BF12" s="281">
        <v>0</v>
      </c>
      <c r="BG12" s="278">
        <v>0</v>
      </c>
      <c r="BH12" s="280">
        <v>0</v>
      </c>
      <c r="BI12" s="281">
        <v>65</v>
      </c>
      <c r="BJ12" s="281">
        <v>73</v>
      </c>
      <c r="BK12" s="281">
        <v>28</v>
      </c>
      <c r="BL12" s="281">
        <v>58</v>
      </c>
      <c r="BM12" s="281">
        <v>5</v>
      </c>
      <c r="BN12" s="278">
        <v>229</v>
      </c>
      <c r="BO12" s="283">
        <v>229</v>
      </c>
      <c r="BP12" s="277">
        <v>14</v>
      </c>
      <c r="BQ12" s="281">
        <v>0</v>
      </c>
      <c r="BR12" s="278">
        <v>14</v>
      </c>
      <c r="BS12" s="280">
        <v>0</v>
      </c>
      <c r="BT12" s="281">
        <v>36</v>
      </c>
      <c r="BU12" s="281">
        <v>55</v>
      </c>
      <c r="BV12" s="281">
        <v>63</v>
      </c>
      <c r="BW12" s="281">
        <v>83</v>
      </c>
      <c r="BX12" s="281">
        <v>137</v>
      </c>
      <c r="BY12" s="278">
        <v>374</v>
      </c>
      <c r="BZ12" s="283">
        <v>388</v>
      </c>
      <c r="CA12" s="277">
        <v>10</v>
      </c>
      <c r="CB12" s="281">
        <v>0</v>
      </c>
      <c r="CC12" s="278">
        <v>10</v>
      </c>
      <c r="CD12" s="280">
        <v>0</v>
      </c>
      <c r="CE12" s="281">
        <v>0</v>
      </c>
      <c r="CF12" s="281">
        <v>3</v>
      </c>
      <c r="CG12" s="281">
        <v>19</v>
      </c>
      <c r="CH12" s="281">
        <v>4</v>
      </c>
      <c r="CI12" s="281">
        <v>9</v>
      </c>
      <c r="CJ12" s="278">
        <v>35</v>
      </c>
      <c r="CK12" s="283">
        <v>45</v>
      </c>
      <c r="CL12" s="277">
        <v>0</v>
      </c>
      <c r="CM12" s="281">
        <v>0</v>
      </c>
      <c r="CN12" s="278">
        <v>0</v>
      </c>
      <c r="CO12" s="280">
        <v>0</v>
      </c>
      <c r="CP12" s="281">
        <v>0</v>
      </c>
      <c r="CQ12" s="281">
        <v>0</v>
      </c>
      <c r="CR12" s="281">
        <v>0</v>
      </c>
      <c r="CS12" s="281">
        <v>0</v>
      </c>
      <c r="CT12" s="281">
        <v>0</v>
      </c>
      <c r="CU12" s="278">
        <v>0</v>
      </c>
      <c r="CV12" s="283">
        <v>0</v>
      </c>
      <c r="CW12" s="277">
        <v>0</v>
      </c>
      <c r="CX12" s="281">
        <v>0</v>
      </c>
      <c r="CY12" s="278">
        <v>0</v>
      </c>
      <c r="CZ12" s="280">
        <v>0</v>
      </c>
      <c r="DA12" s="281">
        <v>0</v>
      </c>
      <c r="DB12" s="281">
        <v>0</v>
      </c>
      <c r="DC12" s="281">
        <v>0</v>
      </c>
      <c r="DD12" s="281">
        <v>0</v>
      </c>
      <c r="DE12" s="281">
        <v>0</v>
      </c>
      <c r="DF12" s="278">
        <v>0</v>
      </c>
      <c r="DG12" s="283">
        <v>0</v>
      </c>
    </row>
    <row r="13" spans="1:111" ht="18.75" customHeight="1" x14ac:dyDescent="0.2">
      <c r="A13" s="262" t="s">
        <v>10</v>
      </c>
      <c r="B13" s="277">
        <v>0</v>
      </c>
      <c r="C13" s="278">
        <v>0</v>
      </c>
      <c r="D13" s="279">
        <v>0</v>
      </c>
      <c r="E13" s="280">
        <v>0</v>
      </c>
      <c r="F13" s="281">
        <v>1319</v>
      </c>
      <c r="G13" s="281">
        <v>1180</v>
      </c>
      <c r="H13" s="281">
        <v>938</v>
      </c>
      <c r="I13" s="281">
        <v>1777</v>
      </c>
      <c r="J13" s="281">
        <v>1643</v>
      </c>
      <c r="K13" s="282">
        <v>6857</v>
      </c>
      <c r="L13" s="283">
        <v>6857</v>
      </c>
      <c r="M13" s="277">
        <v>0</v>
      </c>
      <c r="N13" s="281">
        <v>0</v>
      </c>
      <c r="O13" s="278">
        <v>0</v>
      </c>
      <c r="P13" s="280">
        <v>0</v>
      </c>
      <c r="Q13" s="281">
        <v>8</v>
      </c>
      <c r="R13" s="281">
        <v>0</v>
      </c>
      <c r="S13" s="281">
        <v>0</v>
      </c>
      <c r="T13" s="281">
        <v>13</v>
      </c>
      <c r="U13" s="281">
        <v>49</v>
      </c>
      <c r="V13" s="278">
        <v>70</v>
      </c>
      <c r="W13" s="283">
        <v>70</v>
      </c>
      <c r="X13" s="277">
        <v>48</v>
      </c>
      <c r="Y13" s="281">
        <v>225</v>
      </c>
      <c r="Z13" s="278">
        <v>273</v>
      </c>
      <c r="AA13" s="280">
        <v>0</v>
      </c>
      <c r="AB13" s="281">
        <v>562</v>
      </c>
      <c r="AC13" s="281">
        <v>380</v>
      </c>
      <c r="AD13" s="281">
        <v>328</v>
      </c>
      <c r="AE13" s="281">
        <v>238</v>
      </c>
      <c r="AF13" s="281">
        <v>206</v>
      </c>
      <c r="AG13" s="278">
        <v>1714</v>
      </c>
      <c r="AH13" s="283">
        <v>1987</v>
      </c>
      <c r="AI13" s="277">
        <v>22</v>
      </c>
      <c r="AJ13" s="281">
        <v>54</v>
      </c>
      <c r="AK13" s="278">
        <v>76</v>
      </c>
      <c r="AL13" s="280">
        <v>0</v>
      </c>
      <c r="AM13" s="281">
        <v>53</v>
      </c>
      <c r="AN13" s="281">
        <v>-66</v>
      </c>
      <c r="AO13" s="281">
        <v>52</v>
      </c>
      <c r="AP13" s="281">
        <v>78</v>
      </c>
      <c r="AQ13" s="281">
        <v>30</v>
      </c>
      <c r="AR13" s="278">
        <v>147</v>
      </c>
      <c r="AS13" s="283">
        <v>223</v>
      </c>
      <c r="AT13" s="277">
        <v>0</v>
      </c>
      <c r="AU13" s="281">
        <v>0</v>
      </c>
      <c r="AV13" s="278">
        <v>0</v>
      </c>
      <c r="AW13" s="280">
        <v>0</v>
      </c>
      <c r="AX13" s="281">
        <v>987</v>
      </c>
      <c r="AY13" s="281">
        <v>598</v>
      </c>
      <c r="AZ13" s="281">
        <v>292</v>
      </c>
      <c r="BA13" s="281">
        <v>122</v>
      </c>
      <c r="BB13" s="281">
        <v>19</v>
      </c>
      <c r="BC13" s="282">
        <v>2018</v>
      </c>
      <c r="BD13" s="283">
        <v>2018</v>
      </c>
      <c r="BE13" s="277">
        <v>0</v>
      </c>
      <c r="BF13" s="281">
        <v>0</v>
      </c>
      <c r="BG13" s="278">
        <v>0</v>
      </c>
      <c r="BH13" s="280">
        <v>0</v>
      </c>
      <c r="BI13" s="281">
        <v>126</v>
      </c>
      <c r="BJ13" s="281">
        <v>54</v>
      </c>
      <c r="BK13" s="281">
        <v>64</v>
      </c>
      <c r="BL13" s="281">
        <v>38</v>
      </c>
      <c r="BM13" s="281">
        <v>8</v>
      </c>
      <c r="BN13" s="278">
        <v>290</v>
      </c>
      <c r="BO13" s="283">
        <v>290</v>
      </c>
      <c r="BP13" s="277">
        <v>0</v>
      </c>
      <c r="BQ13" s="281">
        <v>5</v>
      </c>
      <c r="BR13" s="278">
        <v>5</v>
      </c>
      <c r="BS13" s="280">
        <v>0</v>
      </c>
      <c r="BT13" s="281">
        <v>54</v>
      </c>
      <c r="BU13" s="281">
        <v>18</v>
      </c>
      <c r="BV13" s="281">
        <v>136</v>
      </c>
      <c r="BW13" s="281">
        <v>131</v>
      </c>
      <c r="BX13" s="281">
        <v>49</v>
      </c>
      <c r="BY13" s="278">
        <v>388</v>
      </c>
      <c r="BZ13" s="283">
        <v>393</v>
      </c>
      <c r="CA13" s="277">
        <v>0</v>
      </c>
      <c r="CB13" s="281">
        <v>0</v>
      </c>
      <c r="CC13" s="278">
        <v>0</v>
      </c>
      <c r="CD13" s="280">
        <v>0</v>
      </c>
      <c r="CE13" s="281">
        <v>6</v>
      </c>
      <c r="CF13" s="281">
        <v>12</v>
      </c>
      <c r="CG13" s="281">
        <v>0</v>
      </c>
      <c r="CH13" s="281">
        <v>4</v>
      </c>
      <c r="CI13" s="281">
        <v>6</v>
      </c>
      <c r="CJ13" s="278">
        <v>28</v>
      </c>
      <c r="CK13" s="283">
        <v>28</v>
      </c>
      <c r="CL13" s="277">
        <v>0</v>
      </c>
      <c r="CM13" s="281">
        <v>0</v>
      </c>
      <c r="CN13" s="278">
        <v>0</v>
      </c>
      <c r="CO13" s="280">
        <v>0</v>
      </c>
      <c r="CP13" s="281">
        <v>0</v>
      </c>
      <c r="CQ13" s="281">
        <v>0</v>
      </c>
      <c r="CR13" s="281">
        <v>0</v>
      </c>
      <c r="CS13" s="281">
        <v>0</v>
      </c>
      <c r="CT13" s="281">
        <v>0</v>
      </c>
      <c r="CU13" s="278">
        <v>0</v>
      </c>
      <c r="CV13" s="283">
        <v>0</v>
      </c>
      <c r="CW13" s="277">
        <v>0</v>
      </c>
      <c r="CX13" s="281">
        <v>0</v>
      </c>
      <c r="CY13" s="278">
        <v>0</v>
      </c>
      <c r="CZ13" s="280">
        <v>0</v>
      </c>
      <c r="DA13" s="281">
        <v>0</v>
      </c>
      <c r="DB13" s="281">
        <v>0</v>
      </c>
      <c r="DC13" s="281">
        <v>0</v>
      </c>
      <c r="DD13" s="281">
        <v>0</v>
      </c>
      <c r="DE13" s="281">
        <v>0</v>
      </c>
      <c r="DF13" s="278">
        <v>0</v>
      </c>
      <c r="DG13" s="283">
        <v>0</v>
      </c>
    </row>
    <row r="14" spans="1:111" ht="18.75" customHeight="1" x14ac:dyDescent="0.2">
      <c r="A14" s="262" t="s">
        <v>11</v>
      </c>
      <c r="B14" s="277">
        <v>0</v>
      </c>
      <c r="C14" s="278">
        <v>0</v>
      </c>
      <c r="D14" s="279">
        <v>0</v>
      </c>
      <c r="E14" s="280">
        <v>0</v>
      </c>
      <c r="F14" s="281">
        <v>145</v>
      </c>
      <c r="G14" s="281">
        <v>137</v>
      </c>
      <c r="H14" s="281">
        <v>187</v>
      </c>
      <c r="I14" s="281">
        <v>294</v>
      </c>
      <c r="J14" s="281">
        <v>622</v>
      </c>
      <c r="K14" s="282">
        <v>1385</v>
      </c>
      <c r="L14" s="283">
        <v>1385</v>
      </c>
      <c r="M14" s="277">
        <v>0</v>
      </c>
      <c r="N14" s="281">
        <v>0</v>
      </c>
      <c r="O14" s="278">
        <v>0</v>
      </c>
      <c r="P14" s="280">
        <v>0</v>
      </c>
      <c r="Q14" s="281">
        <v>0</v>
      </c>
      <c r="R14" s="281">
        <v>0</v>
      </c>
      <c r="S14" s="281">
        <v>0</v>
      </c>
      <c r="T14" s="281">
        <v>19</v>
      </c>
      <c r="U14" s="281">
        <v>12</v>
      </c>
      <c r="V14" s="278">
        <v>31</v>
      </c>
      <c r="W14" s="283">
        <v>31</v>
      </c>
      <c r="X14" s="277">
        <v>27</v>
      </c>
      <c r="Y14" s="281">
        <v>47</v>
      </c>
      <c r="Z14" s="278">
        <v>74</v>
      </c>
      <c r="AA14" s="280">
        <v>0</v>
      </c>
      <c r="AB14" s="281">
        <v>187</v>
      </c>
      <c r="AC14" s="281">
        <v>98</v>
      </c>
      <c r="AD14" s="281">
        <v>106</v>
      </c>
      <c r="AE14" s="281">
        <v>143</v>
      </c>
      <c r="AF14" s="281">
        <v>188</v>
      </c>
      <c r="AG14" s="278">
        <v>722</v>
      </c>
      <c r="AH14" s="283">
        <v>796</v>
      </c>
      <c r="AI14" s="277">
        <v>0</v>
      </c>
      <c r="AJ14" s="281">
        <v>18</v>
      </c>
      <c r="AK14" s="278">
        <v>18</v>
      </c>
      <c r="AL14" s="280">
        <v>0</v>
      </c>
      <c r="AM14" s="281">
        <v>80</v>
      </c>
      <c r="AN14" s="281">
        <v>16</v>
      </c>
      <c r="AO14" s="281">
        <v>0</v>
      </c>
      <c r="AP14" s="281">
        <v>15</v>
      </c>
      <c r="AQ14" s="281">
        <v>18</v>
      </c>
      <c r="AR14" s="278">
        <v>129</v>
      </c>
      <c r="AS14" s="283">
        <v>147</v>
      </c>
      <c r="AT14" s="277">
        <v>0</v>
      </c>
      <c r="AU14" s="281">
        <v>0</v>
      </c>
      <c r="AV14" s="278">
        <v>0</v>
      </c>
      <c r="AW14" s="280">
        <v>0</v>
      </c>
      <c r="AX14" s="281">
        <v>152</v>
      </c>
      <c r="AY14" s="281">
        <v>143</v>
      </c>
      <c r="AZ14" s="281">
        <v>101</v>
      </c>
      <c r="BA14" s="281">
        <v>109</v>
      </c>
      <c r="BB14" s="281">
        <v>37</v>
      </c>
      <c r="BC14" s="282">
        <v>542</v>
      </c>
      <c r="BD14" s="283">
        <v>542</v>
      </c>
      <c r="BE14" s="277">
        <v>0</v>
      </c>
      <c r="BF14" s="281">
        <v>0</v>
      </c>
      <c r="BG14" s="278">
        <v>0</v>
      </c>
      <c r="BH14" s="280">
        <v>0</v>
      </c>
      <c r="BI14" s="281">
        <v>63</v>
      </c>
      <c r="BJ14" s="281">
        <v>19</v>
      </c>
      <c r="BK14" s="281">
        <v>50</v>
      </c>
      <c r="BL14" s="281">
        <v>27</v>
      </c>
      <c r="BM14" s="281">
        <v>19</v>
      </c>
      <c r="BN14" s="278">
        <v>178</v>
      </c>
      <c r="BO14" s="283">
        <v>178</v>
      </c>
      <c r="BP14" s="277">
        <v>0</v>
      </c>
      <c r="BQ14" s="281">
        <v>0</v>
      </c>
      <c r="BR14" s="278">
        <v>0</v>
      </c>
      <c r="BS14" s="280">
        <v>0</v>
      </c>
      <c r="BT14" s="281">
        <v>8</v>
      </c>
      <c r="BU14" s="281">
        <v>13</v>
      </c>
      <c r="BV14" s="281">
        <v>27</v>
      </c>
      <c r="BW14" s="281">
        <v>61</v>
      </c>
      <c r="BX14" s="281">
        <v>25</v>
      </c>
      <c r="BY14" s="278">
        <v>134</v>
      </c>
      <c r="BZ14" s="283">
        <v>134</v>
      </c>
      <c r="CA14" s="277">
        <v>0</v>
      </c>
      <c r="CB14" s="281">
        <v>0</v>
      </c>
      <c r="CC14" s="278">
        <v>0</v>
      </c>
      <c r="CD14" s="280">
        <v>0</v>
      </c>
      <c r="CE14" s="281">
        <v>14</v>
      </c>
      <c r="CF14" s="281">
        <v>0</v>
      </c>
      <c r="CG14" s="281">
        <v>4</v>
      </c>
      <c r="CH14" s="281">
        <v>24</v>
      </c>
      <c r="CI14" s="281">
        <v>0</v>
      </c>
      <c r="CJ14" s="278">
        <v>42</v>
      </c>
      <c r="CK14" s="283">
        <v>42</v>
      </c>
      <c r="CL14" s="277">
        <v>0</v>
      </c>
      <c r="CM14" s="281">
        <v>0</v>
      </c>
      <c r="CN14" s="278">
        <v>0</v>
      </c>
      <c r="CO14" s="280">
        <v>0</v>
      </c>
      <c r="CP14" s="281">
        <v>0</v>
      </c>
      <c r="CQ14" s="281">
        <v>0</v>
      </c>
      <c r="CR14" s="281">
        <v>0</v>
      </c>
      <c r="CS14" s="281">
        <v>0</v>
      </c>
      <c r="CT14" s="281">
        <v>0</v>
      </c>
      <c r="CU14" s="278">
        <v>0</v>
      </c>
      <c r="CV14" s="283">
        <v>0</v>
      </c>
      <c r="CW14" s="277">
        <v>0</v>
      </c>
      <c r="CX14" s="281">
        <v>0</v>
      </c>
      <c r="CY14" s="278">
        <v>0</v>
      </c>
      <c r="CZ14" s="280">
        <v>0</v>
      </c>
      <c r="DA14" s="281">
        <v>0</v>
      </c>
      <c r="DB14" s="281">
        <v>0</v>
      </c>
      <c r="DC14" s="281">
        <v>0</v>
      </c>
      <c r="DD14" s="281">
        <v>0</v>
      </c>
      <c r="DE14" s="281">
        <v>0</v>
      </c>
      <c r="DF14" s="278">
        <v>0</v>
      </c>
      <c r="DG14" s="283">
        <v>0</v>
      </c>
    </row>
    <row r="15" spans="1:111" ht="18.75" customHeight="1" x14ac:dyDescent="0.2">
      <c r="A15" s="262" t="s">
        <v>12</v>
      </c>
      <c r="B15" s="277">
        <v>0</v>
      </c>
      <c r="C15" s="278">
        <v>0</v>
      </c>
      <c r="D15" s="279">
        <v>0</v>
      </c>
      <c r="E15" s="280">
        <v>0</v>
      </c>
      <c r="F15" s="281">
        <v>511</v>
      </c>
      <c r="G15" s="281">
        <v>513</v>
      </c>
      <c r="H15" s="281">
        <v>627</v>
      </c>
      <c r="I15" s="281">
        <v>666</v>
      </c>
      <c r="J15" s="281">
        <v>557</v>
      </c>
      <c r="K15" s="282">
        <v>2874</v>
      </c>
      <c r="L15" s="283">
        <v>2874</v>
      </c>
      <c r="M15" s="277">
        <v>0</v>
      </c>
      <c r="N15" s="281">
        <v>0</v>
      </c>
      <c r="O15" s="278">
        <v>0</v>
      </c>
      <c r="P15" s="280">
        <v>0</v>
      </c>
      <c r="Q15" s="281">
        <v>0</v>
      </c>
      <c r="R15" s="281">
        <v>7</v>
      </c>
      <c r="S15" s="281">
        <v>1</v>
      </c>
      <c r="T15" s="281">
        <v>5</v>
      </c>
      <c r="U15" s="281">
        <v>54</v>
      </c>
      <c r="V15" s="278">
        <v>67</v>
      </c>
      <c r="W15" s="283">
        <v>67</v>
      </c>
      <c r="X15" s="277">
        <v>37</v>
      </c>
      <c r="Y15" s="281">
        <v>53</v>
      </c>
      <c r="Z15" s="278">
        <v>90</v>
      </c>
      <c r="AA15" s="280">
        <v>0</v>
      </c>
      <c r="AB15" s="281">
        <v>130</v>
      </c>
      <c r="AC15" s="281">
        <v>117</v>
      </c>
      <c r="AD15" s="281">
        <v>205</v>
      </c>
      <c r="AE15" s="281">
        <v>89</v>
      </c>
      <c r="AF15" s="281">
        <v>142</v>
      </c>
      <c r="AG15" s="278">
        <v>683</v>
      </c>
      <c r="AH15" s="283">
        <v>773</v>
      </c>
      <c r="AI15" s="277">
        <v>0</v>
      </c>
      <c r="AJ15" s="281">
        <v>0</v>
      </c>
      <c r="AK15" s="278">
        <v>0</v>
      </c>
      <c r="AL15" s="280">
        <v>0</v>
      </c>
      <c r="AM15" s="281">
        <v>0</v>
      </c>
      <c r="AN15" s="281">
        <v>26</v>
      </c>
      <c r="AO15" s="281">
        <v>12</v>
      </c>
      <c r="AP15" s="281">
        <v>10</v>
      </c>
      <c r="AQ15" s="281">
        <v>24</v>
      </c>
      <c r="AR15" s="278">
        <v>72</v>
      </c>
      <c r="AS15" s="283">
        <v>72</v>
      </c>
      <c r="AT15" s="277">
        <v>0</v>
      </c>
      <c r="AU15" s="281">
        <v>0</v>
      </c>
      <c r="AV15" s="278">
        <v>0</v>
      </c>
      <c r="AW15" s="280">
        <v>0</v>
      </c>
      <c r="AX15" s="281">
        <v>368</v>
      </c>
      <c r="AY15" s="281">
        <v>181</v>
      </c>
      <c r="AZ15" s="281">
        <v>72</v>
      </c>
      <c r="BA15" s="281">
        <v>138</v>
      </c>
      <c r="BB15" s="281">
        <v>48</v>
      </c>
      <c r="BC15" s="282">
        <v>807</v>
      </c>
      <c r="BD15" s="283">
        <v>807</v>
      </c>
      <c r="BE15" s="277">
        <v>0</v>
      </c>
      <c r="BF15" s="281">
        <v>0</v>
      </c>
      <c r="BG15" s="278">
        <v>0</v>
      </c>
      <c r="BH15" s="280">
        <v>0</v>
      </c>
      <c r="BI15" s="281">
        <v>66</v>
      </c>
      <c r="BJ15" s="281">
        <v>86</v>
      </c>
      <c r="BK15" s="281">
        <v>67</v>
      </c>
      <c r="BL15" s="281">
        <v>52</v>
      </c>
      <c r="BM15" s="281">
        <v>31</v>
      </c>
      <c r="BN15" s="278">
        <v>302</v>
      </c>
      <c r="BO15" s="283">
        <v>302</v>
      </c>
      <c r="BP15" s="277">
        <v>0</v>
      </c>
      <c r="BQ15" s="281">
        <v>3</v>
      </c>
      <c r="BR15" s="278">
        <v>3</v>
      </c>
      <c r="BS15" s="280">
        <v>0</v>
      </c>
      <c r="BT15" s="281">
        <v>11</v>
      </c>
      <c r="BU15" s="281">
        <v>3</v>
      </c>
      <c r="BV15" s="281">
        <v>32</v>
      </c>
      <c r="BW15" s="281">
        <v>46</v>
      </c>
      <c r="BX15" s="281">
        <v>48</v>
      </c>
      <c r="BY15" s="278">
        <v>140</v>
      </c>
      <c r="BZ15" s="283">
        <v>143</v>
      </c>
      <c r="CA15" s="277">
        <v>0</v>
      </c>
      <c r="CB15" s="281">
        <v>0</v>
      </c>
      <c r="CC15" s="278">
        <v>0</v>
      </c>
      <c r="CD15" s="280">
        <v>0</v>
      </c>
      <c r="CE15" s="281">
        <v>0</v>
      </c>
      <c r="CF15" s="281">
        <v>0</v>
      </c>
      <c r="CG15" s="281">
        <v>0</v>
      </c>
      <c r="CH15" s="281">
        <v>0</v>
      </c>
      <c r="CI15" s="281">
        <v>8</v>
      </c>
      <c r="CJ15" s="278">
        <v>8</v>
      </c>
      <c r="CK15" s="283">
        <v>8</v>
      </c>
      <c r="CL15" s="277">
        <v>0</v>
      </c>
      <c r="CM15" s="281">
        <v>0</v>
      </c>
      <c r="CN15" s="278">
        <v>0</v>
      </c>
      <c r="CO15" s="280">
        <v>0</v>
      </c>
      <c r="CP15" s="281">
        <v>0</v>
      </c>
      <c r="CQ15" s="281">
        <v>0</v>
      </c>
      <c r="CR15" s="281">
        <v>0</v>
      </c>
      <c r="CS15" s="281">
        <v>0</v>
      </c>
      <c r="CT15" s="281">
        <v>0</v>
      </c>
      <c r="CU15" s="278">
        <v>0</v>
      </c>
      <c r="CV15" s="283">
        <v>0</v>
      </c>
      <c r="CW15" s="277">
        <v>0</v>
      </c>
      <c r="CX15" s="281">
        <v>0</v>
      </c>
      <c r="CY15" s="278">
        <v>0</v>
      </c>
      <c r="CZ15" s="280">
        <v>0</v>
      </c>
      <c r="DA15" s="281">
        <v>0</v>
      </c>
      <c r="DB15" s="281">
        <v>0</v>
      </c>
      <c r="DC15" s="281">
        <v>0</v>
      </c>
      <c r="DD15" s="281">
        <v>0</v>
      </c>
      <c r="DE15" s="281">
        <v>0</v>
      </c>
      <c r="DF15" s="278">
        <v>0</v>
      </c>
      <c r="DG15" s="283">
        <v>0</v>
      </c>
    </row>
    <row r="16" spans="1:111" ht="18.75" customHeight="1" x14ac:dyDescent="0.2">
      <c r="A16" s="262" t="s">
        <v>13</v>
      </c>
      <c r="B16" s="277">
        <v>0</v>
      </c>
      <c r="C16" s="278">
        <v>0</v>
      </c>
      <c r="D16" s="279">
        <v>0</v>
      </c>
      <c r="E16" s="280">
        <v>0</v>
      </c>
      <c r="F16" s="281">
        <v>119</v>
      </c>
      <c r="G16" s="281">
        <v>365</v>
      </c>
      <c r="H16" s="281">
        <v>527</v>
      </c>
      <c r="I16" s="281">
        <v>494</v>
      </c>
      <c r="J16" s="281">
        <v>612</v>
      </c>
      <c r="K16" s="282">
        <v>2117</v>
      </c>
      <c r="L16" s="283">
        <v>2117</v>
      </c>
      <c r="M16" s="277">
        <v>0</v>
      </c>
      <c r="N16" s="281">
        <v>0</v>
      </c>
      <c r="O16" s="278">
        <v>0</v>
      </c>
      <c r="P16" s="280">
        <v>0</v>
      </c>
      <c r="Q16" s="281">
        <v>0</v>
      </c>
      <c r="R16" s="281">
        <v>0</v>
      </c>
      <c r="S16" s="281">
        <v>9</v>
      </c>
      <c r="T16" s="281">
        <v>10</v>
      </c>
      <c r="U16" s="281">
        <v>0</v>
      </c>
      <c r="V16" s="278">
        <v>19</v>
      </c>
      <c r="W16" s="283">
        <v>19</v>
      </c>
      <c r="X16" s="277">
        <v>8</v>
      </c>
      <c r="Y16" s="281">
        <v>25</v>
      </c>
      <c r="Z16" s="278">
        <v>33</v>
      </c>
      <c r="AA16" s="280">
        <v>0</v>
      </c>
      <c r="AB16" s="281">
        <v>247</v>
      </c>
      <c r="AC16" s="281">
        <v>113</v>
      </c>
      <c r="AD16" s="281">
        <v>171</v>
      </c>
      <c r="AE16" s="281">
        <v>123</v>
      </c>
      <c r="AF16" s="281">
        <v>83</v>
      </c>
      <c r="AG16" s="278">
        <v>737</v>
      </c>
      <c r="AH16" s="283">
        <v>770</v>
      </c>
      <c r="AI16" s="277">
        <v>0</v>
      </c>
      <c r="AJ16" s="281">
        <v>0</v>
      </c>
      <c r="AK16" s="278">
        <v>0</v>
      </c>
      <c r="AL16" s="280">
        <v>0</v>
      </c>
      <c r="AM16" s="281">
        <v>0</v>
      </c>
      <c r="AN16" s="281">
        <v>86</v>
      </c>
      <c r="AO16" s="281">
        <v>68</v>
      </c>
      <c r="AP16" s="281">
        <v>8</v>
      </c>
      <c r="AQ16" s="281">
        <v>32</v>
      </c>
      <c r="AR16" s="278">
        <v>194</v>
      </c>
      <c r="AS16" s="283">
        <v>194</v>
      </c>
      <c r="AT16" s="277">
        <v>0</v>
      </c>
      <c r="AU16" s="281">
        <v>0</v>
      </c>
      <c r="AV16" s="278">
        <v>0</v>
      </c>
      <c r="AW16" s="280">
        <v>0</v>
      </c>
      <c r="AX16" s="281">
        <v>118</v>
      </c>
      <c r="AY16" s="281">
        <v>129</v>
      </c>
      <c r="AZ16" s="281">
        <v>148</v>
      </c>
      <c r="BA16" s="281">
        <v>48</v>
      </c>
      <c r="BB16" s="281">
        <v>9</v>
      </c>
      <c r="BC16" s="282">
        <v>452</v>
      </c>
      <c r="BD16" s="283">
        <v>452</v>
      </c>
      <c r="BE16" s="277">
        <v>0</v>
      </c>
      <c r="BF16" s="281">
        <v>0</v>
      </c>
      <c r="BG16" s="278">
        <v>0</v>
      </c>
      <c r="BH16" s="280">
        <v>0</v>
      </c>
      <c r="BI16" s="281">
        <v>8</v>
      </c>
      <c r="BJ16" s="281">
        <v>21</v>
      </c>
      <c r="BK16" s="281">
        <v>27</v>
      </c>
      <c r="BL16" s="281">
        <v>11</v>
      </c>
      <c r="BM16" s="281">
        <v>0</v>
      </c>
      <c r="BN16" s="278">
        <v>67</v>
      </c>
      <c r="BO16" s="283">
        <v>67</v>
      </c>
      <c r="BP16" s="277">
        <v>0</v>
      </c>
      <c r="BQ16" s="281">
        <v>0</v>
      </c>
      <c r="BR16" s="278">
        <v>0</v>
      </c>
      <c r="BS16" s="280">
        <v>0</v>
      </c>
      <c r="BT16" s="281">
        <v>9</v>
      </c>
      <c r="BU16" s="281">
        <v>5</v>
      </c>
      <c r="BV16" s="281">
        <v>35</v>
      </c>
      <c r="BW16" s="281">
        <v>22</v>
      </c>
      <c r="BX16" s="281">
        <v>31</v>
      </c>
      <c r="BY16" s="278">
        <v>102</v>
      </c>
      <c r="BZ16" s="283">
        <v>102</v>
      </c>
      <c r="CA16" s="277">
        <v>0</v>
      </c>
      <c r="CB16" s="281">
        <v>0</v>
      </c>
      <c r="CC16" s="278">
        <v>0</v>
      </c>
      <c r="CD16" s="280">
        <v>0</v>
      </c>
      <c r="CE16" s="281">
        <v>0</v>
      </c>
      <c r="CF16" s="281">
        <v>0</v>
      </c>
      <c r="CG16" s="281">
        <v>0</v>
      </c>
      <c r="CH16" s="281">
        <v>8</v>
      </c>
      <c r="CI16" s="281">
        <v>0</v>
      </c>
      <c r="CJ16" s="278">
        <v>8</v>
      </c>
      <c r="CK16" s="283">
        <v>8</v>
      </c>
      <c r="CL16" s="277">
        <v>0</v>
      </c>
      <c r="CM16" s="281">
        <v>0</v>
      </c>
      <c r="CN16" s="278">
        <v>0</v>
      </c>
      <c r="CO16" s="280">
        <v>0</v>
      </c>
      <c r="CP16" s="281">
        <v>0</v>
      </c>
      <c r="CQ16" s="281">
        <v>0</v>
      </c>
      <c r="CR16" s="281">
        <v>0</v>
      </c>
      <c r="CS16" s="281">
        <v>0</v>
      </c>
      <c r="CT16" s="281">
        <v>0</v>
      </c>
      <c r="CU16" s="278">
        <v>0</v>
      </c>
      <c r="CV16" s="283">
        <v>0</v>
      </c>
      <c r="CW16" s="277">
        <v>0</v>
      </c>
      <c r="CX16" s="281">
        <v>0</v>
      </c>
      <c r="CY16" s="278">
        <v>0</v>
      </c>
      <c r="CZ16" s="280">
        <v>0</v>
      </c>
      <c r="DA16" s="281">
        <v>0</v>
      </c>
      <c r="DB16" s="281">
        <v>0</v>
      </c>
      <c r="DC16" s="281">
        <v>0</v>
      </c>
      <c r="DD16" s="281">
        <v>0</v>
      </c>
      <c r="DE16" s="281">
        <v>0</v>
      </c>
      <c r="DF16" s="278">
        <v>0</v>
      </c>
      <c r="DG16" s="283">
        <v>0</v>
      </c>
    </row>
    <row r="17" spans="1:111" ht="18.75" customHeight="1" x14ac:dyDescent="0.2">
      <c r="A17" s="262" t="s">
        <v>15</v>
      </c>
      <c r="B17" s="277">
        <v>0</v>
      </c>
      <c r="C17" s="278">
        <v>0</v>
      </c>
      <c r="D17" s="279">
        <v>0</v>
      </c>
      <c r="E17" s="280">
        <v>0</v>
      </c>
      <c r="F17" s="281">
        <v>31</v>
      </c>
      <c r="G17" s="281">
        <v>21</v>
      </c>
      <c r="H17" s="281">
        <v>49</v>
      </c>
      <c r="I17" s="281">
        <v>18</v>
      </c>
      <c r="J17" s="281">
        <v>168</v>
      </c>
      <c r="K17" s="282">
        <v>287</v>
      </c>
      <c r="L17" s="283">
        <v>287</v>
      </c>
      <c r="M17" s="277">
        <v>0</v>
      </c>
      <c r="N17" s="281">
        <v>0</v>
      </c>
      <c r="O17" s="278">
        <v>0</v>
      </c>
      <c r="P17" s="280">
        <v>0</v>
      </c>
      <c r="Q17" s="281">
        <v>0</v>
      </c>
      <c r="R17" s="281">
        <v>0</v>
      </c>
      <c r="S17" s="281">
        <v>0</v>
      </c>
      <c r="T17" s="281">
        <v>0</v>
      </c>
      <c r="U17" s="281">
        <v>11</v>
      </c>
      <c r="V17" s="278">
        <v>11</v>
      </c>
      <c r="W17" s="283">
        <v>11</v>
      </c>
      <c r="X17" s="277">
        <v>0</v>
      </c>
      <c r="Y17" s="281">
        <v>0</v>
      </c>
      <c r="Z17" s="278">
        <v>0</v>
      </c>
      <c r="AA17" s="280">
        <v>0</v>
      </c>
      <c r="AB17" s="281">
        <v>14</v>
      </c>
      <c r="AC17" s="281">
        <v>8</v>
      </c>
      <c r="AD17" s="281">
        <v>32</v>
      </c>
      <c r="AE17" s="281">
        <v>8</v>
      </c>
      <c r="AF17" s="281">
        <v>52</v>
      </c>
      <c r="AG17" s="278">
        <v>114</v>
      </c>
      <c r="AH17" s="283">
        <v>114</v>
      </c>
      <c r="AI17" s="277">
        <v>0</v>
      </c>
      <c r="AJ17" s="281">
        <v>0</v>
      </c>
      <c r="AK17" s="278">
        <v>0</v>
      </c>
      <c r="AL17" s="280">
        <v>0</v>
      </c>
      <c r="AM17" s="281">
        <v>0</v>
      </c>
      <c r="AN17" s="281">
        <v>0</v>
      </c>
      <c r="AO17" s="281">
        <v>0</v>
      </c>
      <c r="AP17" s="281">
        <v>0</v>
      </c>
      <c r="AQ17" s="281">
        <v>0</v>
      </c>
      <c r="AR17" s="278">
        <v>0</v>
      </c>
      <c r="AS17" s="283">
        <v>0</v>
      </c>
      <c r="AT17" s="277">
        <v>0</v>
      </c>
      <c r="AU17" s="281">
        <v>0</v>
      </c>
      <c r="AV17" s="278">
        <v>0</v>
      </c>
      <c r="AW17" s="280">
        <v>0</v>
      </c>
      <c r="AX17" s="281">
        <v>29</v>
      </c>
      <c r="AY17" s="281">
        <v>17</v>
      </c>
      <c r="AZ17" s="281">
        <v>33</v>
      </c>
      <c r="BA17" s="281">
        <v>17</v>
      </c>
      <c r="BB17" s="281">
        <v>2</v>
      </c>
      <c r="BC17" s="282">
        <v>98</v>
      </c>
      <c r="BD17" s="283">
        <v>98</v>
      </c>
      <c r="BE17" s="277">
        <v>0</v>
      </c>
      <c r="BF17" s="281">
        <v>0</v>
      </c>
      <c r="BG17" s="278">
        <v>0</v>
      </c>
      <c r="BH17" s="280">
        <v>0</v>
      </c>
      <c r="BI17" s="281">
        <v>10</v>
      </c>
      <c r="BJ17" s="281">
        <v>15</v>
      </c>
      <c r="BK17" s="281">
        <v>7</v>
      </c>
      <c r="BL17" s="281">
        <v>2</v>
      </c>
      <c r="BM17" s="281">
        <v>12</v>
      </c>
      <c r="BN17" s="278">
        <v>46</v>
      </c>
      <c r="BO17" s="283">
        <v>46</v>
      </c>
      <c r="BP17" s="277">
        <v>0</v>
      </c>
      <c r="BQ17" s="281">
        <v>0</v>
      </c>
      <c r="BR17" s="278">
        <v>0</v>
      </c>
      <c r="BS17" s="280">
        <v>0</v>
      </c>
      <c r="BT17" s="281">
        <v>0</v>
      </c>
      <c r="BU17" s="281">
        <v>6</v>
      </c>
      <c r="BV17" s="281">
        <v>14</v>
      </c>
      <c r="BW17" s="281">
        <v>76</v>
      </c>
      <c r="BX17" s="281">
        <v>44</v>
      </c>
      <c r="BY17" s="278">
        <v>140</v>
      </c>
      <c r="BZ17" s="283">
        <v>140</v>
      </c>
      <c r="CA17" s="277">
        <v>0</v>
      </c>
      <c r="CB17" s="281">
        <v>0</v>
      </c>
      <c r="CC17" s="278">
        <v>0</v>
      </c>
      <c r="CD17" s="280">
        <v>0</v>
      </c>
      <c r="CE17" s="281">
        <v>0</v>
      </c>
      <c r="CF17" s="281">
        <v>0</v>
      </c>
      <c r="CG17" s="281">
        <v>0</v>
      </c>
      <c r="CH17" s="281">
        <v>0</v>
      </c>
      <c r="CI17" s="281">
        <v>0</v>
      </c>
      <c r="CJ17" s="278">
        <v>0</v>
      </c>
      <c r="CK17" s="283">
        <v>0</v>
      </c>
      <c r="CL17" s="277">
        <v>0</v>
      </c>
      <c r="CM17" s="281">
        <v>0</v>
      </c>
      <c r="CN17" s="278">
        <v>0</v>
      </c>
      <c r="CO17" s="280">
        <v>0</v>
      </c>
      <c r="CP17" s="281">
        <v>0</v>
      </c>
      <c r="CQ17" s="281">
        <v>0</v>
      </c>
      <c r="CR17" s="281">
        <v>0</v>
      </c>
      <c r="CS17" s="281">
        <v>0</v>
      </c>
      <c r="CT17" s="281">
        <v>0</v>
      </c>
      <c r="CU17" s="278">
        <v>0</v>
      </c>
      <c r="CV17" s="283">
        <v>0</v>
      </c>
      <c r="CW17" s="277">
        <v>0</v>
      </c>
      <c r="CX17" s="281">
        <v>0</v>
      </c>
      <c r="CY17" s="278">
        <v>0</v>
      </c>
      <c r="CZ17" s="280">
        <v>0</v>
      </c>
      <c r="DA17" s="281">
        <v>0</v>
      </c>
      <c r="DB17" s="281">
        <v>0</v>
      </c>
      <c r="DC17" s="281">
        <v>0</v>
      </c>
      <c r="DD17" s="281">
        <v>0</v>
      </c>
      <c r="DE17" s="281">
        <v>0</v>
      </c>
      <c r="DF17" s="278">
        <v>0</v>
      </c>
      <c r="DG17" s="283">
        <v>0</v>
      </c>
    </row>
    <row r="18" spans="1:111" ht="18.75" customHeight="1" x14ac:dyDescent="0.2">
      <c r="A18" s="262" t="s">
        <v>16</v>
      </c>
      <c r="B18" s="277">
        <v>0</v>
      </c>
      <c r="C18" s="278">
        <v>0</v>
      </c>
      <c r="D18" s="279">
        <v>0</v>
      </c>
      <c r="E18" s="280">
        <v>0</v>
      </c>
      <c r="F18" s="281">
        <v>96</v>
      </c>
      <c r="G18" s="281">
        <v>186</v>
      </c>
      <c r="H18" s="281">
        <v>289</v>
      </c>
      <c r="I18" s="281">
        <v>156</v>
      </c>
      <c r="J18" s="281">
        <v>104</v>
      </c>
      <c r="K18" s="282">
        <v>831</v>
      </c>
      <c r="L18" s="283">
        <v>831</v>
      </c>
      <c r="M18" s="277">
        <v>0</v>
      </c>
      <c r="N18" s="281">
        <v>0</v>
      </c>
      <c r="O18" s="278">
        <v>0</v>
      </c>
      <c r="P18" s="280">
        <v>0</v>
      </c>
      <c r="Q18" s="281">
        <v>0</v>
      </c>
      <c r="R18" s="281">
        <v>4</v>
      </c>
      <c r="S18" s="281">
        <v>2</v>
      </c>
      <c r="T18" s="281">
        <v>0</v>
      </c>
      <c r="U18" s="281">
        <v>3</v>
      </c>
      <c r="V18" s="278">
        <v>9</v>
      </c>
      <c r="W18" s="283">
        <v>9</v>
      </c>
      <c r="X18" s="277">
        <v>3</v>
      </c>
      <c r="Y18" s="281">
        <v>5</v>
      </c>
      <c r="Z18" s="278">
        <v>8</v>
      </c>
      <c r="AA18" s="280">
        <v>0</v>
      </c>
      <c r="AB18" s="281">
        <v>41</v>
      </c>
      <c r="AC18" s="281">
        <v>154</v>
      </c>
      <c r="AD18" s="281">
        <v>87</v>
      </c>
      <c r="AE18" s="281">
        <v>32</v>
      </c>
      <c r="AF18" s="281">
        <v>19</v>
      </c>
      <c r="AG18" s="278">
        <v>333</v>
      </c>
      <c r="AH18" s="283">
        <v>341</v>
      </c>
      <c r="AI18" s="277">
        <v>0</v>
      </c>
      <c r="AJ18" s="281">
        <v>15</v>
      </c>
      <c r="AK18" s="278">
        <v>15</v>
      </c>
      <c r="AL18" s="280">
        <v>0</v>
      </c>
      <c r="AM18" s="281">
        <v>0</v>
      </c>
      <c r="AN18" s="281">
        <v>0</v>
      </c>
      <c r="AO18" s="281">
        <v>24</v>
      </c>
      <c r="AP18" s="281">
        <v>0</v>
      </c>
      <c r="AQ18" s="281">
        <v>12</v>
      </c>
      <c r="AR18" s="278">
        <v>36</v>
      </c>
      <c r="AS18" s="283">
        <v>51</v>
      </c>
      <c r="AT18" s="277">
        <v>0</v>
      </c>
      <c r="AU18" s="281">
        <v>0</v>
      </c>
      <c r="AV18" s="278">
        <v>0</v>
      </c>
      <c r="AW18" s="280">
        <v>0</v>
      </c>
      <c r="AX18" s="281">
        <v>142</v>
      </c>
      <c r="AY18" s="281">
        <v>113</v>
      </c>
      <c r="AZ18" s="281">
        <v>24</v>
      </c>
      <c r="BA18" s="281">
        <v>23</v>
      </c>
      <c r="BB18" s="281">
        <v>17</v>
      </c>
      <c r="BC18" s="282">
        <v>319</v>
      </c>
      <c r="BD18" s="283">
        <v>319</v>
      </c>
      <c r="BE18" s="277">
        <v>0</v>
      </c>
      <c r="BF18" s="281">
        <v>0</v>
      </c>
      <c r="BG18" s="278">
        <v>0</v>
      </c>
      <c r="BH18" s="280">
        <v>0</v>
      </c>
      <c r="BI18" s="281">
        <v>71</v>
      </c>
      <c r="BJ18" s="281">
        <v>135</v>
      </c>
      <c r="BK18" s="281">
        <v>41</v>
      </c>
      <c r="BL18" s="281">
        <v>0</v>
      </c>
      <c r="BM18" s="281">
        <v>0</v>
      </c>
      <c r="BN18" s="278">
        <v>247</v>
      </c>
      <c r="BO18" s="283">
        <v>247</v>
      </c>
      <c r="BP18" s="277">
        <v>0</v>
      </c>
      <c r="BQ18" s="281">
        <v>0</v>
      </c>
      <c r="BR18" s="278">
        <v>0</v>
      </c>
      <c r="BS18" s="280">
        <v>0</v>
      </c>
      <c r="BT18" s="281">
        <v>22</v>
      </c>
      <c r="BU18" s="281">
        <v>12</v>
      </c>
      <c r="BV18" s="281">
        <v>19</v>
      </c>
      <c r="BW18" s="281">
        <v>0</v>
      </c>
      <c r="BX18" s="281">
        <v>15</v>
      </c>
      <c r="BY18" s="278">
        <v>68</v>
      </c>
      <c r="BZ18" s="283">
        <v>68</v>
      </c>
      <c r="CA18" s="277">
        <v>0</v>
      </c>
      <c r="CB18" s="281">
        <v>0</v>
      </c>
      <c r="CC18" s="278">
        <v>0</v>
      </c>
      <c r="CD18" s="280">
        <v>0</v>
      </c>
      <c r="CE18" s="281">
        <v>3</v>
      </c>
      <c r="CF18" s="281">
        <v>0</v>
      </c>
      <c r="CG18" s="281">
        <v>3</v>
      </c>
      <c r="CH18" s="281">
        <v>0</v>
      </c>
      <c r="CI18" s="281">
        <v>0</v>
      </c>
      <c r="CJ18" s="278">
        <v>6</v>
      </c>
      <c r="CK18" s="283">
        <v>6</v>
      </c>
      <c r="CL18" s="277">
        <v>0</v>
      </c>
      <c r="CM18" s="281">
        <v>0</v>
      </c>
      <c r="CN18" s="278">
        <v>0</v>
      </c>
      <c r="CO18" s="280">
        <v>0</v>
      </c>
      <c r="CP18" s="281">
        <v>0</v>
      </c>
      <c r="CQ18" s="281">
        <v>0</v>
      </c>
      <c r="CR18" s="281">
        <v>0</v>
      </c>
      <c r="CS18" s="281">
        <v>0</v>
      </c>
      <c r="CT18" s="281">
        <v>0</v>
      </c>
      <c r="CU18" s="278">
        <v>0</v>
      </c>
      <c r="CV18" s="283">
        <v>0</v>
      </c>
      <c r="CW18" s="277">
        <v>0</v>
      </c>
      <c r="CX18" s="281">
        <v>0</v>
      </c>
      <c r="CY18" s="278">
        <v>0</v>
      </c>
      <c r="CZ18" s="280">
        <v>0</v>
      </c>
      <c r="DA18" s="281">
        <v>0</v>
      </c>
      <c r="DB18" s="281">
        <v>0</v>
      </c>
      <c r="DC18" s="281">
        <v>0</v>
      </c>
      <c r="DD18" s="281">
        <v>0</v>
      </c>
      <c r="DE18" s="281">
        <v>0</v>
      </c>
      <c r="DF18" s="278">
        <v>0</v>
      </c>
      <c r="DG18" s="283">
        <v>0</v>
      </c>
    </row>
    <row r="19" spans="1:111" ht="18.75" customHeight="1" x14ac:dyDescent="0.2">
      <c r="A19" s="262" t="s">
        <v>17</v>
      </c>
      <c r="B19" s="277">
        <v>0</v>
      </c>
      <c r="C19" s="278">
        <v>0</v>
      </c>
      <c r="D19" s="279">
        <v>0</v>
      </c>
      <c r="E19" s="280">
        <v>0</v>
      </c>
      <c r="F19" s="281">
        <v>51</v>
      </c>
      <c r="G19" s="281">
        <v>346</v>
      </c>
      <c r="H19" s="281">
        <v>566</v>
      </c>
      <c r="I19" s="281">
        <v>313</v>
      </c>
      <c r="J19" s="281">
        <v>432</v>
      </c>
      <c r="K19" s="282">
        <v>1708</v>
      </c>
      <c r="L19" s="283">
        <v>1708</v>
      </c>
      <c r="M19" s="277">
        <v>0</v>
      </c>
      <c r="N19" s="281">
        <v>0</v>
      </c>
      <c r="O19" s="278">
        <v>0</v>
      </c>
      <c r="P19" s="280">
        <v>0</v>
      </c>
      <c r="Q19" s="281">
        <v>0</v>
      </c>
      <c r="R19" s="281">
        <v>21</v>
      </c>
      <c r="S19" s="281">
        <v>4</v>
      </c>
      <c r="T19" s="281">
        <v>19</v>
      </c>
      <c r="U19" s="281">
        <v>19</v>
      </c>
      <c r="V19" s="278">
        <v>63</v>
      </c>
      <c r="W19" s="283">
        <v>63</v>
      </c>
      <c r="X19" s="277">
        <v>44</v>
      </c>
      <c r="Y19" s="281">
        <v>133</v>
      </c>
      <c r="Z19" s="278">
        <v>177</v>
      </c>
      <c r="AA19" s="280">
        <v>0</v>
      </c>
      <c r="AB19" s="281">
        <v>102</v>
      </c>
      <c r="AC19" s="281">
        <v>268</v>
      </c>
      <c r="AD19" s="281">
        <v>98</v>
      </c>
      <c r="AE19" s="281">
        <v>73</v>
      </c>
      <c r="AF19" s="281">
        <v>75</v>
      </c>
      <c r="AG19" s="278">
        <v>616</v>
      </c>
      <c r="AH19" s="283">
        <v>793</v>
      </c>
      <c r="AI19" s="277">
        <v>0</v>
      </c>
      <c r="AJ19" s="281">
        <v>0</v>
      </c>
      <c r="AK19" s="278">
        <v>0</v>
      </c>
      <c r="AL19" s="280">
        <v>0</v>
      </c>
      <c r="AM19" s="281">
        <v>0</v>
      </c>
      <c r="AN19" s="281">
        <v>16</v>
      </c>
      <c r="AO19" s="281">
        <v>12</v>
      </c>
      <c r="AP19" s="281">
        <v>0</v>
      </c>
      <c r="AQ19" s="281">
        <v>0</v>
      </c>
      <c r="AR19" s="278">
        <v>28</v>
      </c>
      <c r="AS19" s="283">
        <v>28</v>
      </c>
      <c r="AT19" s="277">
        <v>0</v>
      </c>
      <c r="AU19" s="281">
        <v>0</v>
      </c>
      <c r="AV19" s="278">
        <v>0</v>
      </c>
      <c r="AW19" s="280">
        <v>0</v>
      </c>
      <c r="AX19" s="281">
        <v>207</v>
      </c>
      <c r="AY19" s="281">
        <v>343</v>
      </c>
      <c r="AZ19" s="281">
        <v>156</v>
      </c>
      <c r="BA19" s="281">
        <v>52</v>
      </c>
      <c r="BB19" s="281">
        <v>0</v>
      </c>
      <c r="BC19" s="282">
        <v>758</v>
      </c>
      <c r="BD19" s="283">
        <v>758</v>
      </c>
      <c r="BE19" s="277">
        <v>0</v>
      </c>
      <c r="BF19" s="281">
        <v>0</v>
      </c>
      <c r="BG19" s="278">
        <v>0</v>
      </c>
      <c r="BH19" s="280">
        <v>0</v>
      </c>
      <c r="BI19" s="281">
        <v>57</v>
      </c>
      <c r="BJ19" s="281">
        <v>24</v>
      </c>
      <c r="BK19" s="281">
        <v>39</v>
      </c>
      <c r="BL19" s="281">
        <v>20</v>
      </c>
      <c r="BM19" s="281">
        <v>4</v>
      </c>
      <c r="BN19" s="278">
        <v>144</v>
      </c>
      <c r="BO19" s="283">
        <v>144</v>
      </c>
      <c r="BP19" s="277">
        <v>0</v>
      </c>
      <c r="BQ19" s="281">
        <v>0</v>
      </c>
      <c r="BR19" s="278">
        <v>0</v>
      </c>
      <c r="BS19" s="280">
        <v>0</v>
      </c>
      <c r="BT19" s="281">
        <v>11</v>
      </c>
      <c r="BU19" s="281">
        <v>50</v>
      </c>
      <c r="BV19" s="281">
        <v>45</v>
      </c>
      <c r="BW19" s="281">
        <v>42</v>
      </c>
      <c r="BX19" s="281">
        <v>0</v>
      </c>
      <c r="BY19" s="278">
        <v>148</v>
      </c>
      <c r="BZ19" s="283">
        <v>148</v>
      </c>
      <c r="CA19" s="277">
        <v>0</v>
      </c>
      <c r="CB19" s="281">
        <v>0</v>
      </c>
      <c r="CC19" s="278">
        <v>0</v>
      </c>
      <c r="CD19" s="280">
        <v>0</v>
      </c>
      <c r="CE19" s="281">
        <v>4</v>
      </c>
      <c r="CF19" s="281">
        <v>0</v>
      </c>
      <c r="CG19" s="281">
        <v>9</v>
      </c>
      <c r="CH19" s="281">
        <v>0</v>
      </c>
      <c r="CI19" s="281">
        <v>0</v>
      </c>
      <c r="CJ19" s="278">
        <v>13</v>
      </c>
      <c r="CK19" s="283">
        <v>13</v>
      </c>
      <c r="CL19" s="277">
        <v>0</v>
      </c>
      <c r="CM19" s="281">
        <v>0</v>
      </c>
      <c r="CN19" s="278">
        <v>0</v>
      </c>
      <c r="CO19" s="280">
        <v>0</v>
      </c>
      <c r="CP19" s="281">
        <v>0</v>
      </c>
      <c r="CQ19" s="281">
        <v>0</v>
      </c>
      <c r="CR19" s="281">
        <v>0</v>
      </c>
      <c r="CS19" s="281">
        <v>0</v>
      </c>
      <c r="CT19" s="281">
        <v>0</v>
      </c>
      <c r="CU19" s="278">
        <v>0</v>
      </c>
      <c r="CV19" s="283">
        <v>0</v>
      </c>
      <c r="CW19" s="277">
        <v>0</v>
      </c>
      <c r="CX19" s="281">
        <v>0</v>
      </c>
      <c r="CY19" s="278">
        <v>0</v>
      </c>
      <c r="CZ19" s="280">
        <v>0</v>
      </c>
      <c r="DA19" s="281">
        <v>0</v>
      </c>
      <c r="DB19" s="281">
        <v>0</v>
      </c>
      <c r="DC19" s="281">
        <v>0</v>
      </c>
      <c r="DD19" s="281">
        <v>0</v>
      </c>
      <c r="DE19" s="281">
        <v>0</v>
      </c>
      <c r="DF19" s="278">
        <v>0</v>
      </c>
      <c r="DG19" s="283">
        <v>0</v>
      </c>
    </row>
    <row r="20" spans="1:111" ht="18.75" customHeight="1" x14ac:dyDescent="0.2">
      <c r="A20" s="262" t="s">
        <v>18</v>
      </c>
      <c r="B20" s="277">
        <v>0</v>
      </c>
      <c r="C20" s="278">
        <v>0</v>
      </c>
      <c r="D20" s="279">
        <v>0</v>
      </c>
      <c r="E20" s="280">
        <v>0</v>
      </c>
      <c r="F20" s="281">
        <v>300</v>
      </c>
      <c r="G20" s="281">
        <v>360</v>
      </c>
      <c r="H20" s="281">
        <v>619</v>
      </c>
      <c r="I20" s="281">
        <v>797</v>
      </c>
      <c r="J20" s="281">
        <v>353</v>
      </c>
      <c r="K20" s="282">
        <v>2429</v>
      </c>
      <c r="L20" s="283">
        <v>2429</v>
      </c>
      <c r="M20" s="277">
        <v>0</v>
      </c>
      <c r="N20" s="281">
        <v>0</v>
      </c>
      <c r="O20" s="278">
        <v>0</v>
      </c>
      <c r="P20" s="280">
        <v>0</v>
      </c>
      <c r="Q20" s="281">
        <v>0</v>
      </c>
      <c r="R20" s="281">
        <v>5</v>
      </c>
      <c r="S20" s="281">
        <v>2</v>
      </c>
      <c r="T20" s="281">
        <v>15</v>
      </c>
      <c r="U20" s="281">
        <v>27</v>
      </c>
      <c r="V20" s="278">
        <v>49</v>
      </c>
      <c r="W20" s="283">
        <v>49</v>
      </c>
      <c r="X20" s="277">
        <v>32</v>
      </c>
      <c r="Y20" s="281">
        <v>56</v>
      </c>
      <c r="Z20" s="278">
        <v>88</v>
      </c>
      <c r="AA20" s="280">
        <v>0</v>
      </c>
      <c r="AB20" s="281">
        <v>133</v>
      </c>
      <c r="AC20" s="281">
        <v>267</v>
      </c>
      <c r="AD20" s="281">
        <v>146</v>
      </c>
      <c r="AE20" s="281">
        <v>263</v>
      </c>
      <c r="AF20" s="281">
        <v>140</v>
      </c>
      <c r="AG20" s="278">
        <v>949</v>
      </c>
      <c r="AH20" s="283">
        <v>1037</v>
      </c>
      <c r="AI20" s="277">
        <v>6</v>
      </c>
      <c r="AJ20" s="281">
        <v>0</v>
      </c>
      <c r="AK20" s="278">
        <v>6</v>
      </c>
      <c r="AL20" s="280">
        <v>0</v>
      </c>
      <c r="AM20" s="281">
        <v>21</v>
      </c>
      <c r="AN20" s="281">
        <v>69</v>
      </c>
      <c r="AO20" s="281">
        <v>30</v>
      </c>
      <c r="AP20" s="281">
        <v>48</v>
      </c>
      <c r="AQ20" s="281">
        <v>16</v>
      </c>
      <c r="AR20" s="278">
        <v>184</v>
      </c>
      <c r="AS20" s="283">
        <v>190</v>
      </c>
      <c r="AT20" s="277">
        <v>0</v>
      </c>
      <c r="AU20" s="281">
        <v>0</v>
      </c>
      <c r="AV20" s="278">
        <v>0</v>
      </c>
      <c r="AW20" s="280">
        <v>0</v>
      </c>
      <c r="AX20" s="281">
        <v>281</v>
      </c>
      <c r="AY20" s="281">
        <v>518</v>
      </c>
      <c r="AZ20" s="281">
        <v>147</v>
      </c>
      <c r="BA20" s="281">
        <v>133</v>
      </c>
      <c r="BB20" s="281">
        <v>44</v>
      </c>
      <c r="BC20" s="282">
        <v>1123</v>
      </c>
      <c r="BD20" s="283">
        <v>1123</v>
      </c>
      <c r="BE20" s="277">
        <v>0</v>
      </c>
      <c r="BF20" s="281">
        <v>0</v>
      </c>
      <c r="BG20" s="278">
        <v>0</v>
      </c>
      <c r="BH20" s="280">
        <v>0</v>
      </c>
      <c r="BI20" s="281">
        <v>32</v>
      </c>
      <c r="BJ20" s="281">
        <v>59</v>
      </c>
      <c r="BK20" s="281">
        <v>53</v>
      </c>
      <c r="BL20" s="281">
        <v>34</v>
      </c>
      <c r="BM20" s="281">
        <v>29</v>
      </c>
      <c r="BN20" s="278">
        <v>207</v>
      </c>
      <c r="BO20" s="283">
        <v>207</v>
      </c>
      <c r="BP20" s="277">
        <v>0</v>
      </c>
      <c r="BQ20" s="281">
        <v>0</v>
      </c>
      <c r="BR20" s="278">
        <v>0</v>
      </c>
      <c r="BS20" s="280">
        <v>0</v>
      </c>
      <c r="BT20" s="281">
        <v>18</v>
      </c>
      <c r="BU20" s="281">
        <v>99</v>
      </c>
      <c r="BV20" s="281">
        <v>77</v>
      </c>
      <c r="BW20" s="281">
        <v>40</v>
      </c>
      <c r="BX20" s="281">
        <v>15</v>
      </c>
      <c r="BY20" s="278">
        <v>249</v>
      </c>
      <c r="BZ20" s="283">
        <v>249</v>
      </c>
      <c r="CA20" s="277">
        <v>0</v>
      </c>
      <c r="CB20" s="281">
        <v>0</v>
      </c>
      <c r="CC20" s="278">
        <v>0</v>
      </c>
      <c r="CD20" s="280">
        <v>0</v>
      </c>
      <c r="CE20" s="281">
        <v>0</v>
      </c>
      <c r="CF20" s="281">
        <v>0</v>
      </c>
      <c r="CG20" s="281">
        <v>0</v>
      </c>
      <c r="CH20" s="281">
        <v>0</v>
      </c>
      <c r="CI20" s="281">
        <v>4</v>
      </c>
      <c r="CJ20" s="278">
        <v>4</v>
      </c>
      <c r="CK20" s="283">
        <v>4</v>
      </c>
      <c r="CL20" s="277">
        <v>0</v>
      </c>
      <c r="CM20" s="281">
        <v>0</v>
      </c>
      <c r="CN20" s="278">
        <v>0</v>
      </c>
      <c r="CO20" s="280">
        <v>0</v>
      </c>
      <c r="CP20" s="281">
        <v>0</v>
      </c>
      <c r="CQ20" s="281">
        <v>0</v>
      </c>
      <c r="CR20" s="281">
        <v>0</v>
      </c>
      <c r="CS20" s="281">
        <v>0</v>
      </c>
      <c r="CT20" s="281">
        <v>0</v>
      </c>
      <c r="CU20" s="278">
        <v>0</v>
      </c>
      <c r="CV20" s="283">
        <v>0</v>
      </c>
      <c r="CW20" s="277">
        <v>0</v>
      </c>
      <c r="CX20" s="281">
        <v>0</v>
      </c>
      <c r="CY20" s="278">
        <v>0</v>
      </c>
      <c r="CZ20" s="280">
        <v>0</v>
      </c>
      <c r="DA20" s="281">
        <v>0</v>
      </c>
      <c r="DB20" s="281">
        <v>0</v>
      </c>
      <c r="DC20" s="281">
        <v>0</v>
      </c>
      <c r="DD20" s="281">
        <v>0</v>
      </c>
      <c r="DE20" s="281">
        <v>0</v>
      </c>
      <c r="DF20" s="278">
        <v>0</v>
      </c>
      <c r="DG20" s="283">
        <v>0</v>
      </c>
    </row>
    <row r="21" spans="1:111" ht="18.75" customHeight="1" x14ac:dyDescent="0.2">
      <c r="A21" s="262" t="s">
        <v>19</v>
      </c>
      <c r="B21" s="277">
        <v>0</v>
      </c>
      <c r="C21" s="278">
        <v>0</v>
      </c>
      <c r="D21" s="279">
        <v>0</v>
      </c>
      <c r="E21" s="280">
        <v>0</v>
      </c>
      <c r="F21" s="281">
        <v>54</v>
      </c>
      <c r="G21" s="281">
        <v>182</v>
      </c>
      <c r="H21" s="281">
        <v>254</v>
      </c>
      <c r="I21" s="281">
        <v>117</v>
      </c>
      <c r="J21" s="281">
        <v>3</v>
      </c>
      <c r="K21" s="282">
        <v>610</v>
      </c>
      <c r="L21" s="283">
        <v>610</v>
      </c>
      <c r="M21" s="277">
        <v>0</v>
      </c>
      <c r="N21" s="281">
        <v>0</v>
      </c>
      <c r="O21" s="278">
        <v>0</v>
      </c>
      <c r="P21" s="280">
        <v>0</v>
      </c>
      <c r="Q21" s="281">
        <v>0</v>
      </c>
      <c r="R21" s="281">
        <v>0</v>
      </c>
      <c r="S21" s="281">
        <v>9</v>
      </c>
      <c r="T21" s="281">
        <v>5</v>
      </c>
      <c r="U21" s="281">
        <v>16</v>
      </c>
      <c r="V21" s="278">
        <v>30</v>
      </c>
      <c r="W21" s="283">
        <v>30</v>
      </c>
      <c r="X21" s="277">
        <v>15</v>
      </c>
      <c r="Y21" s="281">
        <v>20</v>
      </c>
      <c r="Z21" s="278">
        <v>35</v>
      </c>
      <c r="AA21" s="280">
        <v>0</v>
      </c>
      <c r="AB21" s="281">
        <v>61</v>
      </c>
      <c r="AC21" s="281">
        <v>158</v>
      </c>
      <c r="AD21" s="281">
        <v>37</v>
      </c>
      <c r="AE21" s="281">
        <v>64</v>
      </c>
      <c r="AF21" s="281">
        <v>90</v>
      </c>
      <c r="AG21" s="278">
        <v>410</v>
      </c>
      <c r="AH21" s="283">
        <v>445</v>
      </c>
      <c r="AI21" s="277">
        <v>0</v>
      </c>
      <c r="AJ21" s="281">
        <v>0</v>
      </c>
      <c r="AK21" s="278">
        <v>0</v>
      </c>
      <c r="AL21" s="280">
        <v>0</v>
      </c>
      <c r="AM21" s="281">
        <v>0</v>
      </c>
      <c r="AN21" s="281">
        <v>15</v>
      </c>
      <c r="AO21" s="281">
        <v>19</v>
      </c>
      <c r="AP21" s="281">
        <v>0</v>
      </c>
      <c r="AQ21" s="281">
        <v>0</v>
      </c>
      <c r="AR21" s="278">
        <v>34</v>
      </c>
      <c r="AS21" s="283">
        <v>34</v>
      </c>
      <c r="AT21" s="277">
        <v>0</v>
      </c>
      <c r="AU21" s="281">
        <v>0</v>
      </c>
      <c r="AV21" s="278">
        <v>0</v>
      </c>
      <c r="AW21" s="280">
        <v>0</v>
      </c>
      <c r="AX21" s="281">
        <v>125</v>
      </c>
      <c r="AY21" s="281">
        <v>71</v>
      </c>
      <c r="AZ21" s="281">
        <v>71</v>
      </c>
      <c r="BA21" s="281">
        <v>6</v>
      </c>
      <c r="BB21" s="281">
        <v>32</v>
      </c>
      <c r="BC21" s="282">
        <v>305</v>
      </c>
      <c r="BD21" s="283">
        <v>305</v>
      </c>
      <c r="BE21" s="277">
        <v>0</v>
      </c>
      <c r="BF21" s="281">
        <v>0</v>
      </c>
      <c r="BG21" s="278">
        <v>0</v>
      </c>
      <c r="BH21" s="280">
        <v>0</v>
      </c>
      <c r="BI21" s="281">
        <v>21</v>
      </c>
      <c r="BJ21" s="281">
        <v>20</v>
      </c>
      <c r="BK21" s="281">
        <v>23</v>
      </c>
      <c r="BL21" s="281">
        <v>48</v>
      </c>
      <c r="BM21" s="281">
        <v>18</v>
      </c>
      <c r="BN21" s="278">
        <v>130</v>
      </c>
      <c r="BO21" s="283">
        <v>130</v>
      </c>
      <c r="BP21" s="277">
        <v>0</v>
      </c>
      <c r="BQ21" s="281">
        <v>3</v>
      </c>
      <c r="BR21" s="278">
        <v>3</v>
      </c>
      <c r="BS21" s="280">
        <v>0</v>
      </c>
      <c r="BT21" s="281">
        <v>2</v>
      </c>
      <c r="BU21" s="281">
        <v>26</v>
      </c>
      <c r="BV21" s="281">
        <v>11</v>
      </c>
      <c r="BW21" s="281">
        <v>0</v>
      </c>
      <c r="BX21" s="281">
        <v>11</v>
      </c>
      <c r="BY21" s="278">
        <v>50</v>
      </c>
      <c r="BZ21" s="283">
        <v>53</v>
      </c>
      <c r="CA21" s="277">
        <v>0</v>
      </c>
      <c r="CB21" s="281">
        <v>0</v>
      </c>
      <c r="CC21" s="278">
        <v>0</v>
      </c>
      <c r="CD21" s="280">
        <v>0</v>
      </c>
      <c r="CE21" s="281">
        <v>0</v>
      </c>
      <c r="CF21" s="281">
        <v>4</v>
      </c>
      <c r="CG21" s="281">
        <v>11</v>
      </c>
      <c r="CH21" s="281">
        <v>9</v>
      </c>
      <c r="CI21" s="281">
        <v>0</v>
      </c>
      <c r="CJ21" s="278">
        <v>24</v>
      </c>
      <c r="CK21" s="283">
        <v>24</v>
      </c>
      <c r="CL21" s="277">
        <v>0</v>
      </c>
      <c r="CM21" s="281">
        <v>0</v>
      </c>
      <c r="CN21" s="278">
        <v>0</v>
      </c>
      <c r="CO21" s="280">
        <v>0</v>
      </c>
      <c r="CP21" s="281">
        <v>0</v>
      </c>
      <c r="CQ21" s="281">
        <v>0</v>
      </c>
      <c r="CR21" s="281">
        <v>0</v>
      </c>
      <c r="CS21" s="281">
        <v>0</v>
      </c>
      <c r="CT21" s="281">
        <v>0</v>
      </c>
      <c r="CU21" s="278">
        <v>0</v>
      </c>
      <c r="CV21" s="283">
        <v>0</v>
      </c>
      <c r="CW21" s="277">
        <v>0</v>
      </c>
      <c r="CX21" s="281">
        <v>0</v>
      </c>
      <c r="CY21" s="278">
        <v>0</v>
      </c>
      <c r="CZ21" s="280">
        <v>0</v>
      </c>
      <c r="DA21" s="281">
        <v>0</v>
      </c>
      <c r="DB21" s="281">
        <v>0</v>
      </c>
      <c r="DC21" s="281">
        <v>0</v>
      </c>
      <c r="DD21" s="281">
        <v>0</v>
      </c>
      <c r="DE21" s="281">
        <v>0</v>
      </c>
      <c r="DF21" s="278">
        <v>0</v>
      </c>
      <c r="DG21" s="283">
        <v>0</v>
      </c>
    </row>
    <row r="22" spans="1:111" ht="18.75" customHeight="1" x14ac:dyDescent="0.2">
      <c r="A22" s="262" t="s">
        <v>20</v>
      </c>
      <c r="B22" s="277">
        <v>0</v>
      </c>
      <c r="C22" s="278">
        <v>0</v>
      </c>
      <c r="D22" s="279">
        <v>0</v>
      </c>
      <c r="E22" s="280">
        <v>0</v>
      </c>
      <c r="F22" s="281">
        <v>208</v>
      </c>
      <c r="G22" s="281">
        <v>120</v>
      </c>
      <c r="H22" s="281">
        <v>93</v>
      </c>
      <c r="I22" s="281">
        <v>353</v>
      </c>
      <c r="J22" s="281">
        <v>98</v>
      </c>
      <c r="K22" s="282">
        <v>872</v>
      </c>
      <c r="L22" s="283">
        <v>872</v>
      </c>
      <c r="M22" s="277">
        <v>0</v>
      </c>
      <c r="N22" s="281">
        <v>0</v>
      </c>
      <c r="O22" s="278">
        <v>0</v>
      </c>
      <c r="P22" s="280">
        <v>0</v>
      </c>
      <c r="Q22" s="281">
        <v>2</v>
      </c>
      <c r="R22" s="281">
        <v>3</v>
      </c>
      <c r="S22" s="281">
        <v>0</v>
      </c>
      <c r="T22" s="281">
        <v>0</v>
      </c>
      <c r="U22" s="281">
        <v>20</v>
      </c>
      <c r="V22" s="278">
        <v>25</v>
      </c>
      <c r="W22" s="283">
        <v>25</v>
      </c>
      <c r="X22" s="277">
        <v>5</v>
      </c>
      <c r="Y22" s="281">
        <v>71</v>
      </c>
      <c r="Z22" s="278">
        <v>76</v>
      </c>
      <c r="AA22" s="280">
        <v>0</v>
      </c>
      <c r="AB22" s="281">
        <v>144</v>
      </c>
      <c r="AC22" s="281">
        <v>94</v>
      </c>
      <c r="AD22" s="281">
        <v>100</v>
      </c>
      <c r="AE22" s="281">
        <v>99</v>
      </c>
      <c r="AF22" s="281">
        <v>17</v>
      </c>
      <c r="AG22" s="278">
        <v>454</v>
      </c>
      <c r="AH22" s="283">
        <v>530</v>
      </c>
      <c r="AI22" s="277">
        <v>22</v>
      </c>
      <c r="AJ22" s="281">
        <v>18</v>
      </c>
      <c r="AK22" s="278">
        <v>40</v>
      </c>
      <c r="AL22" s="280">
        <v>0</v>
      </c>
      <c r="AM22" s="281">
        <v>12</v>
      </c>
      <c r="AN22" s="281">
        <v>56</v>
      </c>
      <c r="AO22" s="281">
        <v>36</v>
      </c>
      <c r="AP22" s="281">
        <v>0</v>
      </c>
      <c r="AQ22" s="281">
        <v>6</v>
      </c>
      <c r="AR22" s="278">
        <v>110</v>
      </c>
      <c r="AS22" s="283">
        <v>150</v>
      </c>
      <c r="AT22" s="277">
        <v>0</v>
      </c>
      <c r="AU22" s="281">
        <v>0</v>
      </c>
      <c r="AV22" s="278">
        <v>0</v>
      </c>
      <c r="AW22" s="280">
        <v>0</v>
      </c>
      <c r="AX22" s="281">
        <v>58</v>
      </c>
      <c r="AY22" s="281">
        <v>103</v>
      </c>
      <c r="AZ22" s="281">
        <v>68</v>
      </c>
      <c r="BA22" s="281">
        <v>34</v>
      </c>
      <c r="BB22" s="281">
        <v>52</v>
      </c>
      <c r="BC22" s="282">
        <v>315</v>
      </c>
      <c r="BD22" s="283">
        <v>315</v>
      </c>
      <c r="BE22" s="277">
        <v>0</v>
      </c>
      <c r="BF22" s="281">
        <v>0</v>
      </c>
      <c r="BG22" s="278">
        <v>0</v>
      </c>
      <c r="BH22" s="280">
        <v>0</v>
      </c>
      <c r="BI22" s="281">
        <v>65</v>
      </c>
      <c r="BJ22" s="281">
        <v>114</v>
      </c>
      <c r="BK22" s="281">
        <v>26</v>
      </c>
      <c r="BL22" s="281">
        <v>20</v>
      </c>
      <c r="BM22" s="281">
        <v>12</v>
      </c>
      <c r="BN22" s="278">
        <v>237</v>
      </c>
      <c r="BO22" s="283">
        <v>237</v>
      </c>
      <c r="BP22" s="277">
        <v>0</v>
      </c>
      <c r="BQ22" s="281">
        <v>7</v>
      </c>
      <c r="BR22" s="278">
        <v>7</v>
      </c>
      <c r="BS22" s="280">
        <v>0</v>
      </c>
      <c r="BT22" s="281">
        <v>56</v>
      </c>
      <c r="BU22" s="281">
        <v>0</v>
      </c>
      <c r="BV22" s="281">
        <v>62</v>
      </c>
      <c r="BW22" s="281">
        <v>48</v>
      </c>
      <c r="BX22" s="281">
        <v>0</v>
      </c>
      <c r="BY22" s="278">
        <v>166</v>
      </c>
      <c r="BZ22" s="283">
        <v>173</v>
      </c>
      <c r="CA22" s="277">
        <v>0</v>
      </c>
      <c r="CB22" s="281">
        <v>0</v>
      </c>
      <c r="CC22" s="278">
        <v>0</v>
      </c>
      <c r="CD22" s="280">
        <v>0</v>
      </c>
      <c r="CE22" s="281">
        <v>0</v>
      </c>
      <c r="CF22" s="281">
        <v>8</v>
      </c>
      <c r="CG22" s="281">
        <v>13</v>
      </c>
      <c r="CH22" s="281">
        <v>0</v>
      </c>
      <c r="CI22" s="281">
        <v>0</v>
      </c>
      <c r="CJ22" s="278">
        <v>21</v>
      </c>
      <c r="CK22" s="283">
        <v>21</v>
      </c>
      <c r="CL22" s="277">
        <v>0</v>
      </c>
      <c r="CM22" s="281">
        <v>0</v>
      </c>
      <c r="CN22" s="278">
        <v>0</v>
      </c>
      <c r="CO22" s="280">
        <v>0</v>
      </c>
      <c r="CP22" s="281">
        <v>0</v>
      </c>
      <c r="CQ22" s="281">
        <v>0</v>
      </c>
      <c r="CR22" s="281">
        <v>0</v>
      </c>
      <c r="CS22" s="281">
        <v>0</v>
      </c>
      <c r="CT22" s="281">
        <v>0</v>
      </c>
      <c r="CU22" s="278">
        <v>0</v>
      </c>
      <c r="CV22" s="283">
        <v>0</v>
      </c>
      <c r="CW22" s="277">
        <v>0</v>
      </c>
      <c r="CX22" s="281">
        <v>0</v>
      </c>
      <c r="CY22" s="278">
        <v>0</v>
      </c>
      <c r="CZ22" s="280">
        <v>0</v>
      </c>
      <c r="DA22" s="281">
        <v>0</v>
      </c>
      <c r="DB22" s="281">
        <v>0</v>
      </c>
      <c r="DC22" s="281">
        <v>0</v>
      </c>
      <c r="DD22" s="281">
        <v>0</v>
      </c>
      <c r="DE22" s="281">
        <v>0</v>
      </c>
      <c r="DF22" s="278">
        <v>0</v>
      </c>
      <c r="DG22" s="283">
        <v>0</v>
      </c>
    </row>
    <row r="23" spans="1:111" ht="18.75" customHeight="1" x14ac:dyDescent="0.2">
      <c r="A23" s="262" t="s">
        <v>21</v>
      </c>
      <c r="B23" s="277">
        <v>0</v>
      </c>
      <c r="C23" s="278">
        <v>0</v>
      </c>
      <c r="D23" s="279">
        <v>0</v>
      </c>
      <c r="E23" s="280">
        <v>0</v>
      </c>
      <c r="F23" s="281">
        <v>55</v>
      </c>
      <c r="G23" s="281">
        <v>138</v>
      </c>
      <c r="H23" s="281">
        <v>148</v>
      </c>
      <c r="I23" s="281">
        <v>173</v>
      </c>
      <c r="J23" s="281">
        <v>140</v>
      </c>
      <c r="K23" s="282">
        <v>654</v>
      </c>
      <c r="L23" s="283">
        <v>654</v>
      </c>
      <c r="M23" s="277">
        <v>0</v>
      </c>
      <c r="N23" s="281">
        <v>0</v>
      </c>
      <c r="O23" s="278">
        <v>0</v>
      </c>
      <c r="P23" s="280">
        <v>0</v>
      </c>
      <c r="Q23" s="281">
        <v>0</v>
      </c>
      <c r="R23" s="281">
        <v>1</v>
      </c>
      <c r="S23" s="281">
        <v>9</v>
      </c>
      <c r="T23" s="281">
        <v>9</v>
      </c>
      <c r="U23" s="281">
        <v>5</v>
      </c>
      <c r="V23" s="278">
        <v>24</v>
      </c>
      <c r="W23" s="283">
        <v>24</v>
      </c>
      <c r="X23" s="277">
        <v>8</v>
      </c>
      <c r="Y23" s="281">
        <v>8</v>
      </c>
      <c r="Z23" s="278">
        <v>16</v>
      </c>
      <c r="AA23" s="280">
        <v>0</v>
      </c>
      <c r="AB23" s="281">
        <v>107</v>
      </c>
      <c r="AC23" s="281">
        <v>138</v>
      </c>
      <c r="AD23" s="281">
        <v>65</v>
      </c>
      <c r="AE23" s="281">
        <v>54</v>
      </c>
      <c r="AF23" s="281">
        <v>81</v>
      </c>
      <c r="AG23" s="278">
        <v>445</v>
      </c>
      <c r="AH23" s="283">
        <v>461</v>
      </c>
      <c r="AI23" s="277">
        <v>10</v>
      </c>
      <c r="AJ23" s="281">
        <v>0</v>
      </c>
      <c r="AK23" s="278">
        <v>10</v>
      </c>
      <c r="AL23" s="280">
        <v>0</v>
      </c>
      <c r="AM23" s="281">
        <v>0</v>
      </c>
      <c r="AN23" s="281">
        <v>22</v>
      </c>
      <c r="AO23" s="281">
        <v>0</v>
      </c>
      <c r="AP23" s="281">
        <v>0</v>
      </c>
      <c r="AQ23" s="281">
        <v>12</v>
      </c>
      <c r="AR23" s="278">
        <v>34</v>
      </c>
      <c r="AS23" s="283">
        <v>44</v>
      </c>
      <c r="AT23" s="277">
        <v>0</v>
      </c>
      <c r="AU23" s="281">
        <v>0</v>
      </c>
      <c r="AV23" s="278">
        <v>0</v>
      </c>
      <c r="AW23" s="280">
        <v>0</v>
      </c>
      <c r="AX23" s="281">
        <v>157</v>
      </c>
      <c r="AY23" s="281">
        <v>153</v>
      </c>
      <c r="AZ23" s="281">
        <v>45</v>
      </c>
      <c r="BA23" s="281">
        <v>51</v>
      </c>
      <c r="BB23" s="281">
        <v>0</v>
      </c>
      <c r="BC23" s="282">
        <v>406</v>
      </c>
      <c r="BD23" s="283">
        <v>406</v>
      </c>
      <c r="BE23" s="277">
        <v>0</v>
      </c>
      <c r="BF23" s="281">
        <v>0</v>
      </c>
      <c r="BG23" s="278">
        <v>0</v>
      </c>
      <c r="BH23" s="280">
        <v>0</v>
      </c>
      <c r="BI23" s="281">
        <v>5</v>
      </c>
      <c r="BJ23" s="281">
        <v>18</v>
      </c>
      <c r="BK23" s="281">
        <v>9</v>
      </c>
      <c r="BL23" s="281">
        <v>8</v>
      </c>
      <c r="BM23" s="281">
        <v>12</v>
      </c>
      <c r="BN23" s="278">
        <v>52</v>
      </c>
      <c r="BO23" s="283">
        <v>52</v>
      </c>
      <c r="BP23" s="277">
        <v>7</v>
      </c>
      <c r="BQ23" s="281">
        <v>0</v>
      </c>
      <c r="BR23" s="278">
        <v>7</v>
      </c>
      <c r="BS23" s="280">
        <v>0</v>
      </c>
      <c r="BT23" s="281">
        <v>5</v>
      </c>
      <c r="BU23" s="281">
        <v>13</v>
      </c>
      <c r="BV23" s="281">
        <v>0</v>
      </c>
      <c r="BW23" s="281">
        <v>7</v>
      </c>
      <c r="BX23" s="281">
        <v>28</v>
      </c>
      <c r="BY23" s="278">
        <v>53</v>
      </c>
      <c r="BZ23" s="283">
        <v>60</v>
      </c>
      <c r="CA23" s="277">
        <v>0</v>
      </c>
      <c r="CB23" s="281">
        <v>0</v>
      </c>
      <c r="CC23" s="278">
        <v>0</v>
      </c>
      <c r="CD23" s="280">
        <v>0</v>
      </c>
      <c r="CE23" s="281">
        <v>0</v>
      </c>
      <c r="CF23" s="281">
        <v>18</v>
      </c>
      <c r="CG23" s="281">
        <v>0</v>
      </c>
      <c r="CH23" s="281">
        <v>0</v>
      </c>
      <c r="CI23" s="281">
        <v>10</v>
      </c>
      <c r="CJ23" s="278">
        <v>28</v>
      </c>
      <c r="CK23" s="283">
        <v>28</v>
      </c>
      <c r="CL23" s="277">
        <v>0</v>
      </c>
      <c r="CM23" s="281">
        <v>0</v>
      </c>
      <c r="CN23" s="278">
        <v>0</v>
      </c>
      <c r="CO23" s="280">
        <v>0</v>
      </c>
      <c r="CP23" s="281">
        <v>0</v>
      </c>
      <c r="CQ23" s="281">
        <v>0</v>
      </c>
      <c r="CR23" s="281">
        <v>0</v>
      </c>
      <c r="CS23" s="281">
        <v>0</v>
      </c>
      <c r="CT23" s="281">
        <v>0</v>
      </c>
      <c r="CU23" s="278">
        <v>0</v>
      </c>
      <c r="CV23" s="283">
        <v>0</v>
      </c>
      <c r="CW23" s="277">
        <v>0</v>
      </c>
      <c r="CX23" s="281">
        <v>0</v>
      </c>
      <c r="CY23" s="278">
        <v>0</v>
      </c>
      <c r="CZ23" s="280">
        <v>0</v>
      </c>
      <c r="DA23" s="281">
        <v>0</v>
      </c>
      <c r="DB23" s="281">
        <v>0</v>
      </c>
      <c r="DC23" s="281">
        <v>0</v>
      </c>
      <c r="DD23" s="281">
        <v>0</v>
      </c>
      <c r="DE23" s="281">
        <v>0</v>
      </c>
      <c r="DF23" s="278">
        <v>0</v>
      </c>
      <c r="DG23" s="283">
        <v>0</v>
      </c>
    </row>
    <row r="24" spans="1:111" ht="18.75" customHeight="1" x14ac:dyDescent="0.2">
      <c r="A24" s="262" t="s">
        <v>22</v>
      </c>
      <c r="B24" s="277">
        <v>0</v>
      </c>
      <c r="C24" s="278">
        <v>0</v>
      </c>
      <c r="D24" s="279">
        <v>0</v>
      </c>
      <c r="E24" s="280">
        <v>0</v>
      </c>
      <c r="F24" s="281">
        <v>27</v>
      </c>
      <c r="G24" s="281">
        <v>5</v>
      </c>
      <c r="H24" s="281">
        <v>141</v>
      </c>
      <c r="I24" s="281">
        <v>176</v>
      </c>
      <c r="J24" s="281">
        <v>143</v>
      </c>
      <c r="K24" s="282">
        <v>492</v>
      </c>
      <c r="L24" s="283">
        <v>492</v>
      </c>
      <c r="M24" s="277">
        <v>0</v>
      </c>
      <c r="N24" s="281">
        <v>0</v>
      </c>
      <c r="O24" s="278">
        <v>0</v>
      </c>
      <c r="P24" s="280">
        <v>0</v>
      </c>
      <c r="Q24" s="281">
        <v>0</v>
      </c>
      <c r="R24" s="281">
        <v>0</v>
      </c>
      <c r="S24" s="281">
        <v>0</v>
      </c>
      <c r="T24" s="281">
        <v>7</v>
      </c>
      <c r="U24" s="281">
        <v>29</v>
      </c>
      <c r="V24" s="278">
        <v>36</v>
      </c>
      <c r="W24" s="283">
        <v>36</v>
      </c>
      <c r="X24" s="277">
        <v>4</v>
      </c>
      <c r="Y24" s="281">
        <v>5</v>
      </c>
      <c r="Z24" s="278">
        <v>9</v>
      </c>
      <c r="AA24" s="280">
        <v>0</v>
      </c>
      <c r="AB24" s="281">
        <v>5</v>
      </c>
      <c r="AC24" s="281">
        <v>38</v>
      </c>
      <c r="AD24" s="281">
        <v>0</v>
      </c>
      <c r="AE24" s="281">
        <v>28</v>
      </c>
      <c r="AF24" s="281">
        <v>87</v>
      </c>
      <c r="AG24" s="278">
        <v>158</v>
      </c>
      <c r="AH24" s="283">
        <v>167</v>
      </c>
      <c r="AI24" s="277">
        <v>0</v>
      </c>
      <c r="AJ24" s="281">
        <v>0</v>
      </c>
      <c r="AK24" s="278">
        <v>0</v>
      </c>
      <c r="AL24" s="280">
        <v>0</v>
      </c>
      <c r="AM24" s="281">
        <v>12</v>
      </c>
      <c r="AN24" s="281">
        <v>0</v>
      </c>
      <c r="AO24" s="281">
        <v>0</v>
      </c>
      <c r="AP24" s="281">
        <v>24</v>
      </c>
      <c r="AQ24" s="281">
        <v>0</v>
      </c>
      <c r="AR24" s="278">
        <v>36</v>
      </c>
      <c r="AS24" s="283">
        <v>36</v>
      </c>
      <c r="AT24" s="277">
        <v>0</v>
      </c>
      <c r="AU24" s="281">
        <v>0</v>
      </c>
      <c r="AV24" s="278">
        <v>0</v>
      </c>
      <c r="AW24" s="280">
        <v>0</v>
      </c>
      <c r="AX24" s="281">
        <v>75</v>
      </c>
      <c r="AY24" s="281">
        <v>40</v>
      </c>
      <c r="AZ24" s="281">
        <v>0</v>
      </c>
      <c r="BA24" s="281">
        <v>55</v>
      </c>
      <c r="BB24" s="281">
        <v>25</v>
      </c>
      <c r="BC24" s="282">
        <v>195</v>
      </c>
      <c r="BD24" s="283">
        <v>195</v>
      </c>
      <c r="BE24" s="277">
        <v>0</v>
      </c>
      <c r="BF24" s="281">
        <v>0</v>
      </c>
      <c r="BG24" s="278">
        <v>0</v>
      </c>
      <c r="BH24" s="280">
        <v>0</v>
      </c>
      <c r="BI24" s="281">
        <v>0</v>
      </c>
      <c r="BJ24" s="281">
        <v>5</v>
      </c>
      <c r="BK24" s="281">
        <v>3</v>
      </c>
      <c r="BL24" s="281">
        <v>0</v>
      </c>
      <c r="BM24" s="281">
        <v>0</v>
      </c>
      <c r="BN24" s="278">
        <v>8</v>
      </c>
      <c r="BO24" s="283">
        <v>8</v>
      </c>
      <c r="BP24" s="277">
        <v>0</v>
      </c>
      <c r="BQ24" s="281">
        <v>0</v>
      </c>
      <c r="BR24" s="278">
        <v>0</v>
      </c>
      <c r="BS24" s="280">
        <v>0</v>
      </c>
      <c r="BT24" s="281">
        <v>0</v>
      </c>
      <c r="BU24" s="281">
        <v>0</v>
      </c>
      <c r="BV24" s="281">
        <v>0</v>
      </c>
      <c r="BW24" s="281">
        <v>0</v>
      </c>
      <c r="BX24" s="281">
        <v>0</v>
      </c>
      <c r="BY24" s="278">
        <v>0</v>
      </c>
      <c r="BZ24" s="283">
        <v>0</v>
      </c>
      <c r="CA24" s="277">
        <v>0</v>
      </c>
      <c r="CB24" s="281">
        <v>0</v>
      </c>
      <c r="CC24" s="278">
        <v>0</v>
      </c>
      <c r="CD24" s="280">
        <v>0</v>
      </c>
      <c r="CE24" s="281">
        <v>0</v>
      </c>
      <c r="CF24" s="281">
        <v>23</v>
      </c>
      <c r="CG24" s="281">
        <v>0</v>
      </c>
      <c r="CH24" s="281">
        <v>0</v>
      </c>
      <c r="CI24" s="281">
        <v>0</v>
      </c>
      <c r="CJ24" s="278">
        <v>23</v>
      </c>
      <c r="CK24" s="283">
        <v>23</v>
      </c>
      <c r="CL24" s="277">
        <v>0</v>
      </c>
      <c r="CM24" s="281">
        <v>0</v>
      </c>
      <c r="CN24" s="278">
        <v>0</v>
      </c>
      <c r="CO24" s="280">
        <v>0</v>
      </c>
      <c r="CP24" s="281">
        <v>0</v>
      </c>
      <c r="CQ24" s="281">
        <v>0</v>
      </c>
      <c r="CR24" s="281">
        <v>0</v>
      </c>
      <c r="CS24" s="281">
        <v>0</v>
      </c>
      <c r="CT24" s="281">
        <v>0</v>
      </c>
      <c r="CU24" s="278">
        <v>0</v>
      </c>
      <c r="CV24" s="283">
        <v>0</v>
      </c>
      <c r="CW24" s="277">
        <v>0</v>
      </c>
      <c r="CX24" s="281">
        <v>0</v>
      </c>
      <c r="CY24" s="278">
        <v>0</v>
      </c>
      <c r="CZ24" s="280">
        <v>0</v>
      </c>
      <c r="DA24" s="281">
        <v>0</v>
      </c>
      <c r="DB24" s="281">
        <v>0</v>
      </c>
      <c r="DC24" s="281">
        <v>0</v>
      </c>
      <c r="DD24" s="281">
        <v>0</v>
      </c>
      <c r="DE24" s="281">
        <v>0</v>
      </c>
      <c r="DF24" s="278">
        <v>0</v>
      </c>
      <c r="DG24" s="283">
        <v>0</v>
      </c>
    </row>
    <row r="25" spans="1:111" ht="18.75" customHeight="1" x14ac:dyDescent="0.2">
      <c r="A25" s="262" t="s">
        <v>23</v>
      </c>
      <c r="B25" s="277">
        <v>0</v>
      </c>
      <c r="C25" s="278">
        <v>0</v>
      </c>
      <c r="D25" s="279">
        <v>0</v>
      </c>
      <c r="E25" s="280">
        <v>0</v>
      </c>
      <c r="F25" s="281">
        <v>10</v>
      </c>
      <c r="G25" s="281">
        <v>99</v>
      </c>
      <c r="H25" s="281">
        <v>170</v>
      </c>
      <c r="I25" s="281">
        <v>58</v>
      </c>
      <c r="J25" s="281">
        <v>0</v>
      </c>
      <c r="K25" s="282">
        <v>337</v>
      </c>
      <c r="L25" s="283">
        <v>337</v>
      </c>
      <c r="M25" s="277">
        <v>0</v>
      </c>
      <c r="N25" s="281">
        <v>0</v>
      </c>
      <c r="O25" s="278">
        <v>0</v>
      </c>
      <c r="P25" s="280">
        <v>0</v>
      </c>
      <c r="Q25" s="281">
        <v>0</v>
      </c>
      <c r="R25" s="281">
        <v>10</v>
      </c>
      <c r="S25" s="281">
        <v>9</v>
      </c>
      <c r="T25" s="281">
        <v>5</v>
      </c>
      <c r="U25" s="281">
        <v>1</v>
      </c>
      <c r="V25" s="278">
        <v>25</v>
      </c>
      <c r="W25" s="283">
        <v>25</v>
      </c>
      <c r="X25" s="277">
        <v>27</v>
      </c>
      <c r="Y25" s="281">
        <v>8</v>
      </c>
      <c r="Z25" s="278">
        <v>35</v>
      </c>
      <c r="AA25" s="280">
        <v>0</v>
      </c>
      <c r="AB25" s="281">
        <v>20</v>
      </c>
      <c r="AC25" s="281">
        <v>70</v>
      </c>
      <c r="AD25" s="281">
        <v>73</v>
      </c>
      <c r="AE25" s="281">
        <v>61</v>
      </c>
      <c r="AF25" s="281">
        <v>13</v>
      </c>
      <c r="AG25" s="278">
        <v>237</v>
      </c>
      <c r="AH25" s="283">
        <v>272</v>
      </c>
      <c r="AI25" s="277">
        <v>0</v>
      </c>
      <c r="AJ25" s="281">
        <v>15</v>
      </c>
      <c r="AK25" s="278">
        <v>15</v>
      </c>
      <c r="AL25" s="280">
        <v>0</v>
      </c>
      <c r="AM25" s="281">
        <v>0</v>
      </c>
      <c r="AN25" s="281">
        <v>62</v>
      </c>
      <c r="AO25" s="281">
        <v>0</v>
      </c>
      <c r="AP25" s="281">
        <v>0</v>
      </c>
      <c r="AQ25" s="281">
        <v>0</v>
      </c>
      <c r="AR25" s="278">
        <v>62</v>
      </c>
      <c r="AS25" s="283">
        <v>77</v>
      </c>
      <c r="AT25" s="277">
        <v>0</v>
      </c>
      <c r="AU25" s="281">
        <v>0</v>
      </c>
      <c r="AV25" s="278">
        <v>0</v>
      </c>
      <c r="AW25" s="280">
        <v>0</v>
      </c>
      <c r="AX25" s="281">
        <v>83</v>
      </c>
      <c r="AY25" s="281">
        <v>151</v>
      </c>
      <c r="AZ25" s="281">
        <v>50</v>
      </c>
      <c r="BA25" s="281">
        <v>36</v>
      </c>
      <c r="BB25" s="281">
        <v>0</v>
      </c>
      <c r="BC25" s="282">
        <v>320</v>
      </c>
      <c r="BD25" s="283">
        <v>320</v>
      </c>
      <c r="BE25" s="277">
        <v>0</v>
      </c>
      <c r="BF25" s="281">
        <v>0</v>
      </c>
      <c r="BG25" s="278">
        <v>0</v>
      </c>
      <c r="BH25" s="280">
        <v>0</v>
      </c>
      <c r="BI25" s="281">
        <v>10</v>
      </c>
      <c r="BJ25" s="281">
        <v>31</v>
      </c>
      <c r="BK25" s="281">
        <v>41</v>
      </c>
      <c r="BL25" s="281">
        <v>22</v>
      </c>
      <c r="BM25" s="281">
        <v>0</v>
      </c>
      <c r="BN25" s="278">
        <v>104</v>
      </c>
      <c r="BO25" s="283">
        <v>104</v>
      </c>
      <c r="BP25" s="277">
        <v>0</v>
      </c>
      <c r="BQ25" s="281">
        <v>0</v>
      </c>
      <c r="BR25" s="278">
        <v>0</v>
      </c>
      <c r="BS25" s="280">
        <v>0</v>
      </c>
      <c r="BT25" s="281">
        <v>6</v>
      </c>
      <c r="BU25" s="281">
        <v>0</v>
      </c>
      <c r="BV25" s="281">
        <v>0</v>
      </c>
      <c r="BW25" s="281">
        <v>21</v>
      </c>
      <c r="BX25" s="281">
        <v>0</v>
      </c>
      <c r="BY25" s="278">
        <v>27</v>
      </c>
      <c r="BZ25" s="283">
        <v>27</v>
      </c>
      <c r="CA25" s="277">
        <v>0</v>
      </c>
      <c r="CB25" s="281">
        <v>0</v>
      </c>
      <c r="CC25" s="278">
        <v>0</v>
      </c>
      <c r="CD25" s="280">
        <v>0</v>
      </c>
      <c r="CE25" s="281">
        <v>0</v>
      </c>
      <c r="CF25" s="281">
        <v>0</v>
      </c>
      <c r="CG25" s="281">
        <v>0</v>
      </c>
      <c r="CH25" s="281">
        <v>0</v>
      </c>
      <c r="CI25" s="281">
        <v>0</v>
      </c>
      <c r="CJ25" s="278">
        <v>0</v>
      </c>
      <c r="CK25" s="283">
        <v>0</v>
      </c>
      <c r="CL25" s="277">
        <v>0</v>
      </c>
      <c r="CM25" s="281">
        <v>0</v>
      </c>
      <c r="CN25" s="278">
        <v>0</v>
      </c>
      <c r="CO25" s="280">
        <v>0</v>
      </c>
      <c r="CP25" s="281">
        <v>0</v>
      </c>
      <c r="CQ25" s="281">
        <v>0</v>
      </c>
      <c r="CR25" s="281">
        <v>0</v>
      </c>
      <c r="CS25" s="281">
        <v>0</v>
      </c>
      <c r="CT25" s="281">
        <v>0</v>
      </c>
      <c r="CU25" s="278">
        <v>0</v>
      </c>
      <c r="CV25" s="283">
        <v>0</v>
      </c>
      <c r="CW25" s="277">
        <v>0</v>
      </c>
      <c r="CX25" s="281">
        <v>0</v>
      </c>
      <c r="CY25" s="278">
        <v>0</v>
      </c>
      <c r="CZ25" s="280">
        <v>0</v>
      </c>
      <c r="DA25" s="281">
        <v>0</v>
      </c>
      <c r="DB25" s="281">
        <v>0</v>
      </c>
      <c r="DC25" s="281">
        <v>0</v>
      </c>
      <c r="DD25" s="281">
        <v>0</v>
      </c>
      <c r="DE25" s="281">
        <v>0</v>
      </c>
      <c r="DF25" s="278">
        <v>0</v>
      </c>
      <c r="DG25" s="283">
        <v>0</v>
      </c>
    </row>
    <row r="26" spans="1:111" ht="18.75" customHeight="1" x14ac:dyDescent="0.2">
      <c r="A26" s="262" t="s">
        <v>24</v>
      </c>
      <c r="B26" s="277">
        <v>0</v>
      </c>
      <c r="C26" s="278">
        <v>0</v>
      </c>
      <c r="D26" s="279">
        <v>0</v>
      </c>
      <c r="E26" s="280">
        <v>0</v>
      </c>
      <c r="F26" s="281">
        <v>43</v>
      </c>
      <c r="G26" s="281">
        <v>92</v>
      </c>
      <c r="H26" s="281">
        <v>22</v>
      </c>
      <c r="I26" s="281">
        <v>222</v>
      </c>
      <c r="J26" s="281">
        <v>203</v>
      </c>
      <c r="K26" s="282">
        <v>582</v>
      </c>
      <c r="L26" s="283">
        <v>582</v>
      </c>
      <c r="M26" s="277">
        <v>0</v>
      </c>
      <c r="N26" s="281">
        <v>0</v>
      </c>
      <c r="O26" s="278">
        <v>0</v>
      </c>
      <c r="P26" s="280">
        <v>0</v>
      </c>
      <c r="Q26" s="281">
        <v>0</v>
      </c>
      <c r="R26" s="281">
        <v>0</v>
      </c>
      <c r="S26" s="281">
        <v>1</v>
      </c>
      <c r="T26" s="281">
        <v>0</v>
      </c>
      <c r="U26" s="281">
        <v>13</v>
      </c>
      <c r="V26" s="278">
        <v>14</v>
      </c>
      <c r="W26" s="283">
        <v>14</v>
      </c>
      <c r="X26" s="277">
        <v>0</v>
      </c>
      <c r="Y26" s="281">
        <v>8</v>
      </c>
      <c r="Z26" s="278">
        <v>8</v>
      </c>
      <c r="AA26" s="280">
        <v>0</v>
      </c>
      <c r="AB26" s="281">
        <v>94</v>
      </c>
      <c r="AC26" s="281">
        <v>32</v>
      </c>
      <c r="AD26" s="281">
        <v>17</v>
      </c>
      <c r="AE26" s="281">
        <v>4</v>
      </c>
      <c r="AF26" s="281">
        <v>74</v>
      </c>
      <c r="AG26" s="278">
        <v>221</v>
      </c>
      <c r="AH26" s="283">
        <v>229</v>
      </c>
      <c r="AI26" s="277">
        <v>0</v>
      </c>
      <c r="AJ26" s="281">
        <v>0</v>
      </c>
      <c r="AK26" s="278">
        <v>0</v>
      </c>
      <c r="AL26" s="280">
        <v>0</v>
      </c>
      <c r="AM26" s="281">
        <v>0</v>
      </c>
      <c r="AN26" s="281">
        <v>12</v>
      </c>
      <c r="AO26" s="281">
        <v>0</v>
      </c>
      <c r="AP26" s="281">
        <v>0</v>
      </c>
      <c r="AQ26" s="281">
        <v>12</v>
      </c>
      <c r="AR26" s="278">
        <v>24</v>
      </c>
      <c r="AS26" s="283">
        <v>24</v>
      </c>
      <c r="AT26" s="277">
        <v>0</v>
      </c>
      <c r="AU26" s="281">
        <v>0</v>
      </c>
      <c r="AV26" s="278">
        <v>0</v>
      </c>
      <c r="AW26" s="280">
        <v>0</v>
      </c>
      <c r="AX26" s="281">
        <v>87</v>
      </c>
      <c r="AY26" s="281">
        <v>54</v>
      </c>
      <c r="AZ26" s="281">
        <v>0</v>
      </c>
      <c r="BA26" s="281">
        <v>0</v>
      </c>
      <c r="BB26" s="281">
        <v>0</v>
      </c>
      <c r="BC26" s="282">
        <v>141</v>
      </c>
      <c r="BD26" s="283">
        <v>141</v>
      </c>
      <c r="BE26" s="277">
        <v>0</v>
      </c>
      <c r="BF26" s="281">
        <v>0</v>
      </c>
      <c r="BG26" s="278">
        <v>0</v>
      </c>
      <c r="BH26" s="280">
        <v>0</v>
      </c>
      <c r="BI26" s="281">
        <v>45</v>
      </c>
      <c r="BJ26" s="281">
        <v>25</v>
      </c>
      <c r="BK26" s="281">
        <v>10</v>
      </c>
      <c r="BL26" s="281">
        <v>27</v>
      </c>
      <c r="BM26" s="281">
        <v>14</v>
      </c>
      <c r="BN26" s="278">
        <v>121</v>
      </c>
      <c r="BO26" s="283">
        <v>121</v>
      </c>
      <c r="BP26" s="277">
        <v>0</v>
      </c>
      <c r="BQ26" s="281">
        <v>0</v>
      </c>
      <c r="BR26" s="278">
        <v>0</v>
      </c>
      <c r="BS26" s="280">
        <v>0</v>
      </c>
      <c r="BT26" s="281">
        <v>0</v>
      </c>
      <c r="BU26" s="281">
        <v>16</v>
      </c>
      <c r="BV26" s="281">
        <v>0</v>
      </c>
      <c r="BW26" s="281">
        <v>0</v>
      </c>
      <c r="BX26" s="281">
        <v>8</v>
      </c>
      <c r="BY26" s="278">
        <v>24</v>
      </c>
      <c r="BZ26" s="283">
        <v>24</v>
      </c>
      <c r="CA26" s="277">
        <v>0</v>
      </c>
      <c r="CB26" s="281">
        <v>0</v>
      </c>
      <c r="CC26" s="278">
        <v>0</v>
      </c>
      <c r="CD26" s="280">
        <v>0</v>
      </c>
      <c r="CE26" s="281">
        <v>0</v>
      </c>
      <c r="CF26" s="281">
        <v>0</v>
      </c>
      <c r="CG26" s="281">
        <v>0</v>
      </c>
      <c r="CH26" s="281">
        <v>0</v>
      </c>
      <c r="CI26" s="281">
        <v>0</v>
      </c>
      <c r="CJ26" s="278">
        <v>0</v>
      </c>
      <c r="CK26" s="283">
        <v>0</v>
      </c>
      <c r="CL26" s="277">
        <v>0</v>
      </c>
      <c r="CM26" s="281">
        <v>0</v>
      </c>
      <c r="CN26" s="278">
        <v>0</v>
      </c>
      <c r="CO26" s="280">
        <v>0</v>
      </c>
      <c r="CP26" s="281">
        <v>0</v>
      </c>
      <c r="CQ26" s="281">
        <v>0</v>
      </c>
      <c r="CR26" s="281">
        <v>0</v>
      </c>
      <c r="CS26" s="281">
        <v>0</v>
      </c>
      <c r="CT26" s="281">
        <v>0</v>
      </c>
      <c r="CU26" s="278">
        <v>0</v>
      </c>
      <c r="CV26" s="283">
        <v>0</v>
      </c>
      <c r="CW26" s="277">
        <v>0</v>
      </c>
      <c r="CX26" s="281">
        <v>0</v>
      </c>
      <c r="CY26" s="278">
        <v>0</v>
      </c>
      <c r="CZ26" s="280">
        <v>0</v>
      </c>
      <c r="DA26" s="281">
        <v>0</v>
      </c>
      <c r="DB26" s="281">
        <v>0</v>
      </c>
      <c r="DC26" s="281">
        <v>0</v>
      </c>
      <c r="DD26" s="281">
        <v>0</v>
      </c>
      <c r="DE26" s="281">
        <v>0</v>
      </c>
      <c r="DF26" s="278">
        <v>0</v>
      </c>
      <c r="DG26" s="283">
        <v>0</v>
      </c>
    </row>
    <row r="27" spans="1:111" ht="18.75" customHeight="1" x14ac:dyDescent="0.2">
      <c r="A27" s="262" t="s">
        <v>25</v>
      </c>
      <c r="B27" s="277">
        <v>0</v>
      </c>
      <c r="C27" s="278">
        <v>0</v>
      </c>
      <c r="D27" s="279">
        <v>0</v>
      </c>
      <c r="E27" s="280">
        <v>0</v>
      </c>
      <c r="F27" s="281">
        <v>44</v>
      </c>
      <c r="G27" s="281">
        <v>12</v>
      </c>
      <c r="H27" s="281">
        <v>26</v>
      </c>
      <c r="I27" s="281">
        <v>9</v>
      </c>
      <c r="J27" s="281">
        <v>4</v>
      </c>
      <c r="K27" s="282">
        <v>95</v>
      </c>
      <c r="L27" s="283">
        <v>95</v>
      </c>
      <c r="M27" s="277">
        <v>0</v>
      </c>
      <c r="N27" s="281">
        <v>0</v>
      </c>
      <c r="O27" s="278">
        <v>0</v>
      </c>
      <c r="P27" s="280">
        <v>0</v>
      </c>
      <c r="Q27" s="281">
        <v>0</v>
      </c>
      <c r="R27" s="281">
        <v>4</v>
      </c>
      <c r="S27" s="281">
        <v>0</v>
      </c>
      <c r="T27" s="281">
        <v>0</v>
      </c>
      <c r="U27" s="281">
        <v>22</v>
      </c>
      <c r="V27" s="278">
        <v>26</v>
      </c>
      <c r="W27" s="283">
        <v>26</v>
      </c>
      <c r="X27" s="277">
        <v>4</v>
      </c>
      <c r="Y27" s="281">
        <v>17</v>
      </c>
      <c r="Z27" s="278">
        <v>21</v>
      </c>
      <c r="AA27" s="280">
        <v>0</v>
      </c>
      <c r="AB27" s="281">
        <v>27</v>
      </c>
      <c r="AC27" s="281">
        <v>12</v>
      </c>
      <c r="AD27" s="281">
        <v>8</v>
      </c>
      <c r="AE27" s="281">
        <v>1</v>
      </c>
      <c r="AF27" s="281">
        <v>33</v>
      </c>
      <c r="AG27" s="278">
        <v>81</v>
      </c>
      <c r="AH27" s="283">
        <v>102</v>
      </c>
      <c r="AI27" s="277">
        <v>0</v>
      </c>
      <c r="AJ27" s="281">
        <v>0</v>
      </c>
      <c r="AK27" s="278">
        <v>0</v>
      </c>
      <c r="AL27" s="280">
        <v>0</v>
      </c>
      <c r="AM27" s="281">
        <v>0</v>
      </c>
      <c r="AN27" s="281">
        <v>0</v>
      </c>
      <c r="AO27" s="281">
        <v>0</v>
      </c>
      <c r="AP27" s="281">
        <v>0</v>
      </c>
      <c r="AQ27" s="281">
        <v>0</v>
      </c>
      <c r="AR27" s="278">
        <v>0</v>
      </c>
      <c r="AS27" s="283">
        <v>0</v>
      </c>
      <c r="AT27" s="277">
        <v>0</v>
      </c>
      <c r="AU27" s="281">
        <v>0</v>
      </c>
      <c r="AV27" s="278">
        <v>0</v>
      </c>
      <c r="AW27" s="280">
        <v>0</v>
      </c>
      <c r="AX27" s="281">
        <v>96</v>
      </c>
      <c r="AY27" s="281">
        <v>20</v>
      </c>
      <c r="AZ27" s="281">
        <v>34</v>
      </c>
      <c r="BA27" s="281">
        <v>31</v>
      </c>
      <c r="BB27" s="281">
        <v>0</v>
      </c>
      <c r="BC27" s="282">
        <v>181</v>
      </c>
      <c r="BD27" s="283">
        <v>181</v>
      </c>
      <c r="BE27" s="277">
        <v>0</v>
      </c>
      <c r="BF27" s="281">
        <v>0</v>
      </c>
      <c r="BG27" s="278">
        <v>0</v>
      </c>
      <c r="BH27" s="280">
        <v>0</v>
      </c>
      <c r="BI27" s="281">
        <v>0</v>
      </c>
      <c r="BJ27" s="281">
        <v>40</v>
      </c>
      <c r="BK27" s="281">
        <v>35</v>
      </c>
      <c r="BL27" s="281">
        <v>9</v>
      </c>
      <c r="BM27" s="281">
        <v>0</v>
      </c>
      <c r="BN27" s="278">
        <v>84</v>
      </c>
      <c r="BO27" s="283">
        <v>84</v>
      </c>
      <c r="BP27" s="277">
        <v>0</v>
      </c>
      <c r="BQ27" s="281">
        <v>0</v>
      </c>
      <c r="BR27" s="278">
        <v>0</v>
      </c>
      <c r="BS27" s="280">
        <v>0</v>
      </c>
      <c r="BT27" s="281">
        <v>23</v>
      </c>
      <c r="BU27" s="281">
        <v>4</v>
      </c>
      <c r="BV27" s="281">
        <v>3</v>
      </c>
      <c r="BW27" s="281">
        <v>0</v>
      </c>
      <c r="BX27" s="281">
        <v>0</v>
      </c>
      <c r="BY27" s="278">
        <v>30</v>
      </c>
      <c r="BZ27" s="283">
        <v>30</v>
      </c>
      <c r="CA27" s="277">
        <v>0</v>
      </c>
      <c r="CB27" s="281">
        <v>0</v>
      </c>
      <c r="CC27" s="278">
        <v>0</v>
      </c>
      <c r="CD27" s="280">
        <v>0</v>
      </c>
      <c r="CE27" s="281">
        <v>0</v>
      </c>
      <c r="CF27" s="281">
        <v>0</v>
      </c>
      <c r="CG27" s="281">
        <v>0</v>
      </c>
      <c r="CH27" s="281">
        <v>0</v>
      </c>
      <c r="CI27" s="281">
        <v>0</v>
      </c>
      <c r="CJ27" s="278">
        <v>0</v>
      </c>
      <c r="CK27" s="283">
        <v>0</v>
      </c>
      <c r="CL27" s="277">
        <v>0</v>
      </c>
      <c r="CM27" s="281">
        <v>0</v>
      </c>
      <c r="CN27" s="278">
        <v>0</v>
      </c>
      <c r="CO27" s="280">
        <v>0</v>
      </c>
      <c r="CP27" s="281">
        <v>0</v>
      </c>
      <c r="CQ27" s="281">
        <v>0</v>
      </c>
      <c r="CR27" s="281">
        <v>0</v>
      </c>
      <c r="CS27" s="281">
        <v>0</v>
      </c>
      <c r="CT27" s="281">
        <v>0</v>
      </c>
      <c r="CU27" s="278">
        <v>0</v>
      </c>
      <c r="CV27" s="283">
        <v>0</v>
      </c>
      <c r="CW27" s="277">
        <v>0</v>
      </c>
      <c r="CX27" s="281">
        <v>0</v>
      </c>
      <c r="CY27" s="278">
        <v>0</v>
      </c>
      <c r="CZ27" s="280">
        <v>0</v>
      </c>
      <c r="DA27" s="281">
        <v>0</v>
      </c>
      <c r="DB27" s="281">
        <v>0</v>
      </c>
      <c r="DC27" s="281">
        <v>0</v>
      </c>
      <c r="DD27" s="281">
        <v>0</v>
      </c>
      <c r="DE27" s="281">
        <v>0</v>
      </c>
      <c r="DF27" s="278">
        <v>0</v>
      </c>
      <c r="DG27" s="283">
        <v>0</v>
      </c>
    </row>
    <row r="28" spans="1:111" ht="18.75" customHeight="1" x14ac:dyDescent="0.2">
      <c r="A28" s="262" t="s">
        <v>26</v>
      </c>
      <c r="B28" s="277">
        <v>0</v>
      </c>
      <c r="C28" s="278">
        <v>0</v>
      </c>
      <c r="D28" s="279">
        <v>0</v>
      </c>
      <c r="E28" s="280">
        <v>0</v>
      </c>
      <c r="F28" s="281">
        <v>63</v>
      </c>
      <c r="G28" s="281">
        <v>83</v>
      </c>
      <c r="H28" s="281">
        <v>96</v>
      </c>
      <c r="I28" s="281">
        <v>76</v>
      </c>
      <c r="J28" s="281">
        <v>118</v>
      </c>
      <c r="K28" s="282">
        <v>436</v>
      </c>
      <c r="L28" s="283">
        <v>436</v>
      </c>
      <c r="M28" s="277">
        <v>0</v>
      </c>
      <c r="N28" s="281">
        <v>0</v>
      </c>
      <c r="O28" s="278">
        <v>0</v>
      </c>
      <c r="P28" s="280">
        <v>0</v>
      </c>
      <c r="Q28" s="281">
        <v>0</v>
      </c>
      <c r="R28" s="281">
        <v>0</v>
      </c>
      <c r="S28" s="281">
        <v>0</v>
      </c>
      <c r="T28" s="281">
        <v>0</v>
      </c>
      <c r="U28" s="281">
        <v>4</v>
      </c>
      <c r="V28" s="278">
        <v>4</v>
      </c>
      <c r="W28" s="283">
        <v>4</v>
      </c>
      <c r="X28" s="277">
        <v>0</v>
      </c>
      <c r="Y28" s="281">
        <v>15</v>
      </c>
      <c r="Z28" s="278">
        <v>15</v>
      </c>
      <c r="AA28" s="280">
        <v>0</v>
      </c>
      <c r="AB28" s="281">
        <v>24</v>
      </c>
      <c r="AC28" s="281">
        <v>69</v>
      </c>
      <c r="AD28" s="281">
        <v>17</v>
      </c>
      <c r="AE28" s="281">
        <v>19</v>
      </c>
      <c r="AF28" s="281">
        <v>40</v>
      </c>
      <c r="AG28" s="278">
        <v>169</v>
      </c>
      <c r="AH28" s="283">
        <v>184</v>
      </c>
      <c r="AI28" s="277">
        <v>0</v>
      </c>
      <c r="AJ28" s="281">
        <v>0</v>
      </c>
      <c r="AK28" s="278">
        <v>0</v>
      </c>
      <c r="AL28" s="280">
        <v>0</v>
      </c>
      <c r="AM28" s="281">
        <v>0</v>
      </c>
      <c r="AN28" s="281">
        <v>0</v>
      </c>
      <c r="AO28" s="281">
        <v>0</v>
      </c>
      <c r="AP28" s="281">
        <v>0</v>
      </c>
      <c r="AQ28" s="281">
        <v>0</v>
      </c>
      <c r="AR28" s="278">
        <v>0</v>
      </c>
      <c r="AS28" s="283">
        <v>0</v>
      </c>
      <c r="AT28" s="277">
        <v>0</v>
      </c>
      <c r="AU28" s="281">
        <v>0</v>
      </c>
      <c r="AV28" s="278">
        <v>0</v>
      </c>
      <c r="AW28" s="280">
        <v>0</v>
      </c>
      <c r="AX28" s="281">
        <v>75</v>
      </c>
      <c r="AY28" s="281">
        <v>28</v>
      </c>
      <c r="AZ28" s="281">
        <v>11</v>
      </c>
      <c r="BA28" s="281">
        <v>0</v>
      </c>
      <c r="BB28" s="281">
        <v>0</v>
      </c>
      <c r="BC28" s="282">
        <v>114</v>
      </c>
      <c r="BD28" s="283">
        <v>114</v>
      </c>
      <c r="BE28" s="277">
        <v>0</v>
      </c>
      <c r="BF28" s="281">
        <v>0</v>
      </c>
      <c r="BG28" s="278">
        <v>0</v>
      </c>
      <c r="BH28" s="280">
        <v>0</v>
      </c>
      <c r="BI28" s="281">
        <v>12</v>
      </c>
      <c r="BJ28" s="281">
        <v>31</v>
      </c>
      <c r="BK28" s="281">
        <v>18</v>
      </c>
      <c r="BL28" s="281">
        <v>0</v>
      </c>
      <c r="BM28" s="281">
        <v>0</v>
      </c>
      <c r="BN28" s="278">
        <v>61</v>
      </c>
      <c r="BO28" s="283">
        <v>61</v>
      </c>
      <c r="BP28" s="277">
        <v>0</v>
      </c>
      <c r="BQ28" s="281">
        <v>0</v>
      </c>
      <c r="BR28" s="278">
        <v>0</v>
      </c>
      <c r="BS28" s="280">
        <v>0</v>
      </c>
      <c r="BT28" s="281">
        <v>0</v>
      </c>
      <c r="BU28" s="281">
        <v>0</v>
      </c>
      <c r="BV28" s="281">
        <v>27</v>
      </c>
      <c r="BW28" s="281">
        <v>0</v>
      </c>
      <c r="BX28" s="281">
        <v>0</v>
      </c>
      <c r="BY28" s="278">
        <v>27</v>
      </c>
      <c r="BZ28" s="283">
        <v>27</v>
      </c>
      <c r="CA28" s="277">
        <v>0</v>
      </c>
      <c r="CB28" s="281">
        <v>0</v>
      </c>
      <c r="CC28" s="278">
        <v>0</v>
      </c>
      <c r="CD28" s="280">
        <v>0</v>
      </c>
      <c r="CE28" s="281">
        <v>0</v>
      </c>
      <c r="CF28" s="281">
        <v>0</v>
      </c>
      <c r="CG28" s="281">
        <v>3</v>
      </c>
      <c r="CH28" s="281">
        <v>0</v>
      </c>
      <c r="CI28" s="281">
        <v>0</v>
      </c>
      <c r="CJ28" s="278">
        <v>3</v>
      </c>
      <c r="CK28" s="283">
        <v>3</v>
      </c>
      <c r="CL28" s="277">
        <v>0</v>
      </c>
      <c r="CM28" s="281">
        <v>0</v>
      </c>
      <c r="CN28" s="278">
        <v>0</v>
      </c>
      <c r="CO28" s="280">
        <v>0</v>
      </c>
      <c r="CP28" s="281">
        <v>0</v>
      </c>
      <c r="CQ28" s="281">
        <v>0</v>
      </c>
      <c r="CR28" s="281">
        <v>0</v>
      </c>
      <c r="CS28" s="281">
        <v>0</v>
      </c>
      <c r="CT28" s="281">
        <v>0</v>
      </c>
      <c r="CU28" s="278">
        <v>0</v>
      </c>
      <c r="CV28" s="283">
        <v>0</v>
      </c>
      <c r="CW28" s="277">
        <v>0</v>
      </c>
      <c r="CX28" s="281">
        <v>0</v>
      </c>
      <c r="CY28" s="278">
        <v>0</v>
      </c>
      <c r="CZ28" s="280">
        <v>0</v>
      </c>
      <c r="DA28" s="281">
        <v>0</v>
      </c>
      <c r="DB28" s="281">
        <v>0</v>
      </c>
      <c r="DC28" s="281">
        <v>0</v>
      </c>
      <c r="DD28" s="281">
        <v>0</v>
      </c>
      <c r="DE28" s="281">
        <v>0</v>
      </c>
      <c r="DF28" s="278">
        <v>0</v>
      </c>
      <c r="DG28" s="283">
        <v>0</v>
      </c>
    </row>
    <row r="29" spans="1:111" ht="18.75" customHeight="1" x14ac:dyDescent="0.2">
      <c r="A29" s="262" t="s">
        <v>27</v>
      </c>
      <c r="B29" s="277">
        <v>0</v>
      </c>
      <c r="C29" s="278">
        <v>0</v>
      </c>
      <c r="D29" s="279">
        <v>0</v>
      </c>
      <c r="E29" s="280">
        <v>0</v>
      </c>
      <c r="F29" s="281">
        <v>25</v>
      </c>
      <c r="G29" s="281">
        <v>48</v>
      </c>
      <c r="H29" s="281">
        <v>71</v>
      </c>
      <c r="I29" s="281">
        <v>0</v>
      </c>
      <c r="J29" s="281">
        <v>182</v>
      </c>
      <c r="K29" s="282">
        <v>326</v>
      </c>
      <c r="L29" s="283">
        <v>326</v>
      </c>
      <c r="M29" s="277">
        <v>0</v>
      </c>
      <c r="N29" s="281">
        <v>0</v>
      </c>
      <c r="O29" s="278">
        <v>0</v>
      </c>
      <c r="P29" s="280">
        <v>0</v>
      </c>
      <c r="Q29" s="281">
        <v>0</v>
      </c>
      <c r="R29" s="281">
        <v>0</v>
      </c>
      <c r="S29" s="281">
        <v>0</v>
      </c>
      <c r="T29" s="281">
        <v>0</v>
      </c>
      <c r="U29" s="281">
        <v>0</v>
      </c>
      <c r="V29" s="278">
        <v>0</v>
      </c>
      <c r="W29" s="283">
        <v>0</v>
      </c>
      <c r="X29" s="277">
        <v>27</v>
      </c>
      <c r="Y29" s="281">
        <v>19</v>
      </c>
      <c r="Z29" s="278">
        <v>46</v>
      </c>
      <c r="AA29" s="280">
        <v>0</v>
      </c>
      <c r="AB29" s="281">
        <v>36</v>
      </c>
      <c r="AC29" s="281">
        <v>25</v>
      </c>
      <c r="AD29" s="281">
        <v>17</v>
      </c>
      <c r="AE29" s="281">
        <v>3</v>
      </c>
      <c r="AF29" s="281">
        <v>9</v>
      </c>
      <c r="AG29" s="278">
        <v>90</v>
      </c>
      <c r="AH29" s="283">
        <v>136</v>
      </c>
      <c r="AI29" s="277">
        <v>0</v>
      </c>
      <c r="AJ29" s="281">
        <v>16</v>
      </c>
      <c r="AK29" s="278">
        <v>16</v>
      </c>
      <c r="AL29" s="280">
        <v>0</v>
      </c>
      <c r="AM29" s="281">
        <v>0</v>
      </c>
      <c r="AN29" s="281">
        <v>0</v>
      </c>
      <c r="AO29" s="281">
        <v>0</v>
      </c>
      <c r="AP29" s="281">
        <v>0</v>
      </c>
      <c r="AQ29" s="281">
        <v>0</v>
      </c>
      <c r="AR29" s="278">
        <v>0</v>
      </c>
      <c r="AS29" s="283">
        <v>16</v>
      </c>
      <c r="AT29" s="277">
        <v>0</v>
      </c>
      <c r="AU29" s="281">
        <v>0</v>
      </c>
      <c r="AV29" s="278">
        <v>0</v>
      </c>
      <c r="AW29" s="280">
        <v>0</v>
      </c>
      <c r="AX29" s="281">
        <v>4</v>
      </c>
      <c r="AY29" s="281">
        <v>0</v>
      </c>
      <c r="AZ29" s="281">
        <v>27</v>
      </c>
      <c r="BA29" s="281">
        <v>11</v>
      </c>
      <c r="BB29" s="281">
        <v>0</v>
      </c>
      <c r="BC29" s="282">
        <v>42</v>
      </c>
      <c r="BD29" s="283">
        <v>42</v>
      </c>
      <c r="BE29" s="277">
        <v>0</v>
      </c>
      <c r="BF29" s="281">
        <v>0</v>
      </c>
      <c r="BG29" s="278">
        <v>0</v>
      </c>
      <c r="BH29" s="280">
        <v>0</v>
      </c>
      <c r="BI29" s="281">
        <v>5</v>
      </c>
      <c r="BJ29" s="281">
        <v>0</v>
      </c>
      <c r="BK29" s="281">
        <v>10</v>
      </c>
      <c r="BL29" s="281">
        <v>0</v>
      </c>
      <c r="BM29" s="281">
        <v>0</v>
      </c>
      <c r="BN29" s="278">
        <v>15</v>
      </c>
      <c r="BO29" s="283">
        <v>15</v>
      </c>
      <c r="BP29" s="277">
        <v>0</v>
      </c>
      <c r="BQ29" s="281">
        <v>0</v>
      </c>
      <c r="BR29" s="278">
        <v>0</v>
      </c>
      <c r="BS29" s="280">
        <v>0</v>
      </c>
      <c r="BT29" s="281">
        <v>0</v>
      </c>
      <c r="BU29" s="281">
        <v>0</v>
      </c>
      <c r="BV29" s="281">
        <v>14</v>
      </c>
      <c r="BW29" s="281">
        <v>4</v>
      </c>
      <c r="BX29" s="281">
        <v>0</v>
      </c>
      <c r="BY29" s="278">
        <v>18</v>
      </c>
      <c r="BZ29" s="283">
        <v>18</v>
      </c>
      <c r="CA29" s="277">
        <v>0</v>
      </c>
      <c r="CB29" s="281">
        <v>0</v>
      </c>
      <c r="CC29" s="278">
        <v>0</v>
      </c>
      <c r="CD29" s="280">
        <v>0</v>
      </c>
      <c r="CE29" s="281">
        <v>0</v>
      </c>
      <c r="CF29" s="281">
        <v>0</v>
      </c>
      <c r="CG29" s="281">
        <v>0</v>
      </c>
      <c r="CH29" s="281">
        <v>0</v>
      </c>
      <c r="CI29" s="281">
        <v>0</v>
      </c>
      <c r="CJ29" s="278">
        <v>0</v>
      </c>
      <c r="CK29" s="283">
        <v>0</v>
      </c>
      <c r="CL29" s="277">
        <v>0</v>
      </c>
      <c r="CM29" s="281">
        <v>0</v>
      </c>
      <c r="CN29" s="278">
        <v>0</v>
      </c>
      <c r="CO29" s="280">
        <v>0</v>
      </c>
      <c r="CP29" s="281">
        <v>0</v>
      </c>
      <c r="CQ29" s="281">
        <v>0</v>
      </c>
      <c r="CR29" s="281">
        <v>0</v>
      </c>
      <c r="CS29" s="281">
        <v>0</v>
      </c>
      <c r="CT29" s="281">
        <v>0</v>
      </c>
      <c r="CU29" s="278">
        <v>0</v>
      </c>
      <c r="CV29" s="283">
        <v>0</v>
      </c>
      <c r="CW29" s="277">
        <v>0</v>
      </c>
      <c r="CX29" s="281">
        <v>0</v>
      </c>
      <c r="CY29" s="278">
        <v>0</v>
      </c>
      <c r="CZ29" s="280">
        <v>0</v>
      </c>
      <c r="DA29" s="281">
        <v>0</v>
      </c>
      <c r="DB29" s="281">
        <v>0</v>
      </c>
      <c r="DC29" s="281">
        <v>0</v>
      </c>
      <c r="DD29" s="281">
        <v>0</v>
      </c>
      <c r="DE29" s="281">
        <v>0</v>
      </c>
      <c r="DF29" s="278">
        <v>0</v>
      </c>
      <c r="DG29" s="283">
        <v>0</v>
      </c>
    </row>
    <row r="30" spans="1:111" ht="18.75" customHeight="1" x14ac:dyDescent="0.2">
      <c r="A30" s="262" t="s">
        <v>28</v>
      </c>
      <c r="B30" s="277">
        <v>0</v>
      </c>
      <c r="C30" s="278">
        <v>0</v>
      </c>
      <c r="D30" s="279">
        <v>0</v>
      </c>
      <c r="E30" s="280">
        <v>0</v>
      </c>
      <c r="F30" s="281">
        <v>4</v>
      </c>
      <c r="G30" s="281">
        <v>26</v>
      </c>
      <c r="H30" s="281">
        <v>0</v>
      </c>
      <c r="I30" s="281">
        <v>0</v>
      </c>
      <c r="J30" s="281">
        <v>0</v>
      </c>
      <c r="K30" s="282">
        <v>30</v>
      </c>
      <c r="L30" s="283">
        <v>30</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0</v>
      </c>
      <c r="AC30" s="281">
        <v>5</v>
      </c>
      <c r="AD30" s="281">
        <v>2</v>
      </c>
      <c r="AE30" s="281">
        <v>0</v>
      </c>
      <c r="AF30" s="281">
        <v>0</v>
      </c>
      <c r="AG30" s="278">
        <v>7</v>
      </c>
      <c r="AH30" s="283">
        <v>7</v>
      </c>
      <c r="AI30" s="277">
        <v>0</v>
      </c>
      <c r="AJ30" s="281">
        <v>0</v>
      </c>
      <c r="AK30" s="278">
        <v>0</v>
      </c>
      <c r="AL30" s="280">
        <v>0</v>
      </c>
      <c r="AM30" s="281">
        <v>30</v>
      </c>
      <c r="AN30" s="281">
        <v>0</v>
      </c>
      <c r="AO30" s="281">
        <v>0</v>
      </c>
      <c r="AP30" s="281">
        <v>0</v>
      </c>
      <c r="AQ30" s="281">
        <v>0</v>
      </c>
      <c r="AR30" s="278">
        <v>30</v>
      </c>
      <c r="AS30" s="283">
        <v>30</v>
      </c>
      <c r="AT30" s="277">
        <v>0</v>
      </c>
      <c r="AU30" s="281">
        <v>0</v>
      </c>
      <c r="AV30" s="278">
        <v>0</v>
      </c>
      <c r="AW30" s="280">
        <v>0</v>
      </c>
      <c r="AX30" s="281">
        <v>9</v>
      </c>
      <c r="AY30" s="281">
        <v>15</v>
      </c>
      <c r="AZ30" s="281">
        <v>0</v>
      </c>
      <c r="BA30" s="281">
        <v>4</v>
      </c>
      <c r="BB30" s="281">
        <v>0</v>
      </c>
      <c r="BC30" s="282">
        <v>28</v>
      </c>
      <c r="BD30" s="283">
        <v>28</v>
      </c>
      <c r="BE30" s="277">
        <v>0</v>
      </c>
      <c r="BF30" s="281">
        <v>0</v>
      </c>
      <c r="BG30" s="278">
        <v>0</v>
      </c>
      <c r="BH30" s="280">
        <v>0</v>
      </c>
      <c r="BI30" s="281">
        <v>0</v>
      </c>
      <c r="BJ30" s="281">
        <v>3</v>
      </c>
      <c r="BK30" s="281">
        <v>0</v>
      </c>
      <c r="BL30" s="281">
        <v>0</v>
      </c>
      <c r="BM30" s="281">
        <v>3</v>
      </c>
      <c r="BN30" s="278">
        <v>6</v>
      </c>
      <c r="BO30" s="283">
        <v>6</v>
      </c>
      <c r="BP30" s="277">
        <v>0</v>
      </c>
      <c r="BQ30" s="281">
        <v>0</v>
      </c>
      <c r="BR30" s="278">
        <v>0</v>
      </c>
      <c r="BS30" s="280">
        <v>0</v>
      </c>
      <c r="BT30" s="281">
        <v>0</v>
      </c>
      <c r="BU30" s="281">
        <v>0</v>
      </c>
      <c r="BV30" s="281">
        <v>0</v>
      </c>
      <c r="BW30" s="281">
        <v>21</v>
      </c>
      <c r="BX30" s="281">
        <v>0</v>
      </c>
      <c r="BY30" s="278">
        <v>21</v>
      </c>
      <c r="BZ30" s="283">
        <v>21</v>
      </c>
      <c r="CA30" s="277">
        <v>0</v>
      </c>
      <c r="CB30" s="281">
        <v>0</v>
      </c>
      <c r="CC30" s="278">
        <v>0</v>
      </c>
      <c r="CD30" s="280">
        <v>0</v>
      </c>
      <c r="CE30" s="281">
        <v>0</v>
      </c>
      <c r="CF30" s="281">
        <v>0</v>
      </c>
      <c r="CG30" s="281">
        <v>0</v>
      </c>
      <c r="CH30" s="281">
        <v>0</v>
      </c>
      <c r="CI30" s="281">
        <v>0</v>
      </c>
      <c r="CJ30" s="278">
        <v>0</v>
      </c>
      <c r="CK30" s="283">
        <v>0</v>
      </c>
      <c r="CL30" s="277">
        <v>0</v>
      </c>
      <c r="CM30" s="281">
        <v>0</v>
      </c>
      <c r="CN30" s="278">
        <v>0</v>
      </c>
      <c r="CO30" s="280">
        <v>0</v>
      </c>
      <c r="CP30" s="281">
        <v>0</v>
      </c>
      <c r="CQ30" s="281">
        <v>0</v>
      </c>
      <c r="CR30" s="281">
        <v>0</v>
      </c>
      <c r="CS30" s="281">
        <v>0</v>
      </c>
      <c r="CT30" s="281">
        <v>0</v>
      </c>
      <c r="CU30" s="278">
        <v>0</v>
      </c>
      <c r="CV30" s="283">
        <v>0</v>
      </c>
      <c r="CW30" s="277">
        <v>0</v>
      </c>
      <c r="CX30" s="281">
        <v>0</v>
      </c>
      <c r="CY30" s="278">
        <v>0</v>
      </c>
      <c r="CZ30" s="280">
        <v>0</v>
      </c>
      <c r="DA30" s="281">
        <v>0</v>
      </c>
      <c r="DB30" s="281">
        <v>0</v>
      </c>
      <c r="DC30" s="281">
        <v>0</v>
      </c>
      <c r="DD30" s="281">
        <v>0</v>
      </c>
      <c r="DE30" s="281">
        <v>0</v>
      </c>
      <c r="DF30" s="278">
        <v>0</v>
      </c>
      <c r="DG30" s="283">
        <v>0</v>
      </c>
    </row>
    <row r="31" spans="1:111" ht="18.75" customHeight="1" x14ac:dyDescent="0.2">
      <c r="A31" s="262" t="s">
        <v>29</v>
      </c>
      <c r="B31" s="277">
        <v>0</v>
      </c>
      <c r="C31" s="278">
        <v>0</v>
      </c>
      <c r="D31" s="279">
        <v>0</v>
      </c>
      <c r="E31" s="280">
        <v>0</v>
      </c>
      <c r="F31" s="281">
        <v>4</v>
      </c>
      <c r="G31" s="281">
        <v>26</v>
      </c>
      <c r="H31" s="281">
        <v>0</v>
      </c>
      <c r="I31" s="281">
        <v>0</v>
      </c>
      <c r="J31" s="281">
        <v>0</v>
      </c>
      <c r="K31" s="282">
        <v>30</v>
      </c>
      <c r="L31" s="283">
        <v>30</v>
      </c>
      <c r="M31" s="277">
        <v>0</v>
      </c>
      <c r="N31" s="281">
        <v>0</v>
      </c>
      <c r="O31" s="278">
        <v>0</v>
      </c>
      <c r="P31" s="280">
        <v>0</v>
      </c>
      <c r="Q31" s="281">
        <v>0</v>
      </c>
      <c r="R31" s="281">
        <v>0</v>
      </c>
      <c r="S31" s="281">
        <v>5</v>
      </c>
      <c r="T31" s="281">
        <v>0</v>
      </c>
      <c r="U31" s="281">
        <v>0</v>
      </c>
      <c r="V31" s="278">
        <v>5</v>
      </c>
      <c r="W31" s="283">
        <v>5</v>
      </c>
      <c r="X31" s="277">
        <v>7</v>
      </c>
      <c r="Y31" s="281">
        <v>0</v>
      </c>
      <c r="Z31" s="278">
        <v>7</v>
      </c>
      <c r="AA31" s="280">
        <v>0</v>
      </c>
      <c r="AB31" s="281">
        <v>10</v>
      </c>
      <c r="AC31" s="281">
        <v>18</v>
      </c>
      <c r="AD31" s="281">
        <v>40</v>
      </c>
      <c r="AE31" s="281">
        <v>0</v>
      </c>
      <c r="AF31" s="281">
        <v>0</v>
      </c>
      <c r="AG31" s="278">
        <v>68</v>
      </c>
      <c r="AH31" s="283">
        <v>75</v>
      </c>
      <c r="AI31" s="277">
        <v>0</v>
      </c>
      <c r="AJ31" s="281">
        <v>0</v>
      </c>
      <c r="AK31" s="278">
        <v>0</v>
      </c>
      <c r="AL31" s="280">
        <v>0</v>
      </c>
      <c r="AM31" s="281">
        <v>0</v>
      </c>
      <c r="AN31" s="281">
        <v>12</v>
      </c>
      <c r="AO31" s="281">
        <v>0</v>
      </c>
      <c r="AP31" s="281">
        <v>0</v>
      </c>
      <c r="AQ31" s="281">
        <v>0</v>
      </c>
      <c r="AR31" s="278">
        <v>12</v>
      </c>
      <c r="AS31" s="283">
        <v>12</v>
      </c>
      <c r="AT31" s="277">
        <v>0</v>
      </c>
      <c r="AU31" s="281">
        <v>0</v>
      </c>
      <c r="AV31" s="278">
        <v>0</v>
      </c>
      <c r="AW31" s="280">
        <v>0</v>
      </c>
      <c r="AX31" s="281">
        <v>0</v>
      </c>
      <c r="AY31" s="281">
        <v>0</v>
      </c>
      <c r="AZ31" s="281">
        <v>10</v>
      </c>
      <c r="BA31" s="281">
        <v>0</v>
      </c>
      <c r="BB31" s="281">
        <v>0</v>
      </c>
      <c r="BC31" s="282">
        <v>10</v>
      </c>
      <c r="BD31" s="283">
        <v>10</v>
      </c>
      <c r="BE31" s="277">
        <v>0</v>
      </c>
      <c r="BF31" s="281">
        <v>0</v>
      </c>
      <c r="BG31" s="278">
        <v>0</v>
      </c>
      <c r="BH31" s="280">
        <v>0</v>
      </c>
      <c r="BI31" s="281">
        <v>0</v>
      </c>
      <c r="BJ31" s="281">
        <v>3</v>
      </c>
      <c r="BK31" s="281">
        <v>6</v>
      </c>
      <c r="BL31" s="281">
        <v>0</v>
      </c>
      <c r="BM31" s="281">
        <v>0</v>
      </c>
      <c r="BN31" s="278">
        <v>9</v>
      </c>
      <c r="BO31" s="283">
        <v>9</v>
      </c>
      <c r="BP31" s="277">
        <v>0</v>
      </c>
      <c r="BQ31" s="281">
        <v>0</v>
      </c>
      <c r="BR31" s="278">
        <v>0</v>
      </c>
      <c r="BS31" s="280">
        <v>0</v>
      </c>
      <c r="BT31" s="281">
        <v>0</v>
      </c>
      <c r="BU31" s="281">
        <v>0</v>
      </c>
      <c r="BV31" s="281">
        <v>0</v>
      </c>
      <c r="BW31" s="281">
        <v>0</v>
      </c>
      <c r="BX31" s="281">
        <v>0</v>
      </c>
      <c r="BY31" s="278">
        <v>0</v>
      </c>
      <c r="BZ31" s="283">
        <v>0</v>
      </c>
      <c r="CA31" s="277">
        <v>0</v>
      </c>
      <c r="CB31" s="281">
        <v>0</v>
      </c>
      <c r="CC31" s="278">
        <v>0</v>
      </c>
      <c r="CD31" s="280">
        <v>0</v>
      </c>
      <c r="CE31" s="281">
        <v>0</v>
      </c>
      <c r="CF31" s="281">
        <v>0</v>
      </c>
      <c r="CG31" s="281">
        <v>0</v>
      </c>
      <c r="CH31" s="281">
        <v>0</v>
      </c>
      <c r="CI31" s="281">
        <v>0</v>
      </c>
      <c r="CJ31" s="278">
        <v>0</v>
      </c>
      <c r="CK31" s="283">
        <v>0</v>
      </c>
      <c r="CL31" s="277">
        <v>0</v>
      </c>
      <c r="CM31" s="281">
        <v>0</v>
      </c>
      <c r="CN31" s="278">
        <v>0</v>
      </c>
      <c r="CO31" s="280">
        <v>0</v>
      </c>
      <c r="CP31" s="281">
        <v>0</v>
      </c>
      <c r="CQ31" s="281">
        <v>0</v>
      </c>
      <c r="CR31" s="281">
        <v>0</v>
      </c>
      <c r="CS31" s="281">
        <v>0</v>
      </c>
      <c r="CT31" s="281">
        <v>0</v>
      </c>
      <c r="CU31" s="278">
        <v>0</v>
      </c>
      <c r="CV31" s="283">
        <v>0</v>
      </c>
      <c r="CW31" s="277">
        <v>0</v>
      </c>
      <c r="CX31" s="281">
        <v>0</v>
      </c>
      <c r="CY31" s="278">
        <v>0</v>
      </c>
      <c r="CZ31" s="280">
        <v>0</v>
      </c>
      <c r="DA31" s="281">
        <v>0</v>
      </c>
      <c r="DB31" s="281">
        <v>0</v>
      </c>
      <c r="DC31" s="281">
        <v>0</v>
      </c>
      <c r="DD31" s="281">
        <v>0</v>
      </c>
      <c r="DE31" s="281">
        <v>0</v>
      </c>
      <c r="DF31" s="278">
        <v>0</v>
      </c>
      <c r="DG31" s="283">
        <v>0</v>
      </c>
    </row>
    <row r="32" spans="1:111" ht="18.75" customHeight="1" x14ac:dyDescent="0.2">
      <c r="A32" s="262" t="s">
        <v>30</v>
      </c>
      <c r="B32" s="277">
        <v>0</v>
      </c>
      <c r="C32" s="278">
        <v>0</v>
      </c>
      <c r="D32" s="279">
        <v>0</v>
      </c>
      <c r="E32" s="280">
        <v>0</v>
      </c>
      <c r="F32" s="281">
        <v>0</v>
      </c>
      <c r="G32" s="281">
        <v>0</v>
      </c>
      <c r="H32" s="281">
        <v>93</v>
      </c>
      <c r="I32" s="281">
        <v>77</v>
      </c>
      <c r="J32" s="281">
        <v>0</v>
      </c>
      <c r="K32" s="282">
        <v>170</v>
      </c>
      <c r="L32" s="283">
        <v>170</v>
      </c>
      <c r="M32" s="277">
        <v>0</v>
      </c>
      <c r="N32" s="281">
        <v>0</v>
      </c>
      <c r="O32" s="278">
        <v>0</v>
      </c>
      <c r="P32" s="280">
        <v>0</v>
      </c>
      <c r="Q32" s="281">
        <v>0</v>
      </c>
      <c r="R32" s="281">
        <v>0</v>
      </c>
      <c r="S32" s="281">
        <v>0</v>
      </c>
      <c r="T32" s="281">
        <v>4</v>
      </c>
      <c r="U32" s="281">
        <v>0</v>
      </c>
      <c r="V32" s="278">
        <v>4</v>
      </c>
      <c r="W32" s="283">
        <v>4</v>
      </c>
      <c r="X32" s="277">
        <v>0</v>
      </c>
      <c r="Y32" s="281">
        <v>10</v>
      </c>
      <c r="Z32" s="278">
        <v>10</v>
      </c>
      <c r="AA32" s="280">
        <v>0</v>
      </c>
      <c r="AB32" s="281">
        <v>0</v>
      </c>
      <c r="AC32" s="281">
        <v>3</v>
      </c>
      <c r="AD32" s="281">
        <v>0</v>
      </c>
      <c r="AE32" s="281">
        <v>5</v>
      </c>
      <c r="AF32" s="281">
        <v>0</v>
      </c>
      <c r="AG32" s="278">
        <v>8</v>
      </c>
      <c r="AH32" s="283">
        <v>18</v>
      </c>
      <c r="AI32" s="277">
        <v>0</v>
      </c>
      <c r="AJ32" s="281">
        <v>0</v>
      </c>
      <c r="AK32" s="278">
        <v>0</v>
      </c>
      <c r="AL32" s="280">
        <v>0</v>
      </c>
      <c r="AM32" s="281">
        <v>0</v>
      </c>
      <c r="AN32" s="281">
        <v>0</v>
      </c>
      <c r="AO32" s="281">
        <v>0</v>
      </c>
      <c r="AP32" s="281">
        <v>15</v>
      </c>
      <c r="AQ32" s="281">
        <v>0</v>
      </c>
      <c r="AR32" s="278">
        <v>15</v>
      </c>
      <c r="AS32" s="283">
        <v>15</v>
      </c>
      <c r="AT32" s="277">
        <v>0</v>
      </c>
      <c r="AU32" s="281">
        <v>0</v>
      </c>
      <c r="AV32" s="278">
        <v>0</v>
      </c>
      <c r="AW32" s="280">
        <v>0</v>
      </c>
      <c r="AX32" s="281">
        <v>0</v>
      </c>
      <c r="AY32" s="281">
        <v>14</v>
      </c>
      <c r="AZ32" s="281">
        <v>14</v>
      </c>
      <c r="BA32" s="281">
        <v>4</v>
      </c>
      <c r="BB32" s="281">
        <v>0</v>
      </c>
      <c r="BC32" s="282">
        <v>32</v>
      </c>
      <c r="BD32" s="283">
        <v>32</v>
      </c>
      <c r="BE32" s="277">
        <v>0</v>
      </c>
      <c r="BF32" s="281">
        <v>0</v>
      </c>
      <c r="BG32" s="278">
        <v>0</v>
      </c>
      <c r="BH32" s="280">
        <v>0</v>
      </c>
      <c r="BI32" s="281">
        <v>0</v>
      </c>
      <c r="BJ32" s="281">
        <v>10</v>
      </c>
      <c r="BK32" s="281">
        <v>0</v>
      </c>
      <c r="BL32" s="281">
        <v>0</v>
      </c>
      <c r="BM32" s="281">
        <v>0</v>
      </c>
      <c r="BN32" s="278">
        <v>10</v>
      </c>
      <c r="BO32" s="283">
        <v>10</v>
      </c>
      <c r="BP32" s="277">
        <v>0</v>
      </c>
      <c r="BQ32" s="281">
        <v>0</v>
      </c>
      <c r="BR32" s="278">
        <v>0</v>
      </c>
      <c r="BS32" s="280">
        <v>0</v>
      </c>
      <c r="BT32" s="281">
        <v>0</v>
      </c>
      <c r="BU32" s="281">
        <v>0</v>
      </c>
      <c r="BV32" s="281">
        <v>8</v>
      </c>
      <c r="BW32" s="281">
        <v>0</v>
      </c>
      <c r="BX32" s="281">
        <v>0</v>
      </c>
      <c r="BY32" s="278">
        <v>8</v>
      </c>
      <c r="BZ32" s="283">
        <v>8</v>
      </c>
      <c r="CA32" s="277">
        <v>0</v>
      </c>
      <c r="CB32" s="281">
        <v>0</v>
      </c>
      <c r="CC32" s="278">
        <v>0</v>
      </c>
      <c r="CD32" s="280">
        <v>0</v>
      </c>
      <c r="CE32" s="281">
        <v>0</v>
      </c>
      <c r="CF32" s="281">
        <v>0</v>
      </c>
      <c r="CG32" s="281">
        <v>0</v>
      </c>
      <c r="CH32" s="281">
        <v>0</v>
      </c>
      <c r="CI32" s="281">
        <v>0</v>
      </c>
      <c r="CJ32" s="278">
        <v>0</v>
      </c>
      <c r="CK32" s="283">
        <v>0</v>
      </c>
      <c r="CL32" s="277">
        <v>0</v>
      </c>
      <c r="CM32" s="281">
        <v>0</v>
      </c>
      <c r="CN32" s="278">
        <v>0</v>
      </c>
      <c r="CO32" s="280">
        <v>0</v>
      </c>
      <c r="CP32" s="281">
        <v>0</v>
      </c>
      <c r="CQ32" s="281">
        <v>0</v>
      </c>
      <c r="CR32" s="281">
        <v>0</v>
      </c>
      <c r="CS32" s="281">
        <v>0</v>
      </c>
      <c r="CT32" s="281">
        <v>0</v>
      </c>
      <c r="CU32" s="278">
        <v>0</v>
      </c>
      <c r="CV32" s="283">
        <v>0</v>
      </c>
      <c r="CW32" s="277">
        <v>0</v>
      </c>
      <c r="CX32" s="281">
        <v>0</v>
      </c>
      <c r="CY32" s="278">
        <v>0</v>
      </c>
      <c r="CZ32" s="280">
        <v>0</v>
      </c>
      <c r="DA32" s="281">
        <v>0</v>
      </c>
      <c r="DB32" s="281">
        <v>0</v>
      </c>
      <c r="DC32" s="281">
        <v>0</v>
      </c>
      <c r="DD32" s="281">
        <v>0</v>
      </c>
      <c r="DE32" s="281">
        <v>0</v>
      </c>
      <c r="DF32" s="278">
        <v>0</v>
      </c>
      <c r="DG32" s="283">
        <v>0</v>
      </c>
    </row>
    <row r="33" spans="1:111" ht="18.75" customHeight="1" x14ac:dyDescent="0.2">
      <c r="A33" s="262" t="s">
        <v>31</v>
      </c>
      <c r="B33" s="277">
        <v>0</v>
      </c>
      <c r="C33" s="278">
        <v>0</v>
      </c>
      <c r="D33" s="279">
        <v>0</v>
      </c>
      <c r="E33" s="280">
        <v>0</v>
      </c>
      <c r="F33" s="281">
        <v>9</v>
      </c>
      <c r="G33" s="281">
        <v>0</v>
      </c>
      <c r="H33" s="281">
        <v>0</v>
      </c>
      <c r="I33" s="281">
        <v>0</v>
      </c>
      <c r="J33" s="281">
        <v>0</v>
      </c>
      <c r="K33" s="282">
        <v>9</v>
      </c>
      <c r="L33" s="283">
        <v>9</v>
      </c>
      <c r="M33" s="277">
        <v>0</v>
      </c>
      <c r="N33" s="281">
        <v>0</v>
      </c>
      <c r="O33" s="278">
        <v>0</v>
      </c>
      <c r="P33" s="280">
        <v>0</v>
      </c>
      <c r="Q33" s="281">
        <v>0</v>
      </c>
      <c r="R33" s="281">
        <v>0</v>
      </c>
      <c r="S33" s="281">
        <v>0</v>
      </c>
      <c r="T33" s="281">
        <v>0</v>
      </c>
      <c r="U33" s="281">
        <v>13</v>
      </c>
      <c r="V33" s="278">
        <v>13</v>
      </c>
      <c r="W33" s="283">
        <v>13</v>
      </c>
      <c r="X33" s="277">
        <v>2</v>
      </c>
      <c r="Y33" s="281">
        <v>0</v>
      </c>
      <c r="Z33" s="278">
        <v>2</v>
      </c>
      <c r="AA33" s="280">
        <v>0</v>
      </c>
      <c r="AB33" s="281">
        <v>10</v>
      </c>
      <c r="AC33" s="281">
        <v>0</v>
      </c>
      <c r="AD33" s="281">
        <v>0</v>
      </c>
      <c r="AE33" s="281">
        <v>0</v>
      </c>
      <c r="AF33" s="281">
        <v>21</v>
      </c>
      <c r="AG33" s="278">
        <v>31</v>
      </c>
      <c r="AH33" s="283">
        <v>33</v>
      </c>
      <c r="AI33" s="277">
        <v>0</v>
      </c>
      <c r="AJ33" s="281">
        <v>0</v>
      </c>
      <c r="AK33" s="278">
        <v>0</v>
      </c>
      <c r="AL33" s="280">
        <v>0</v>
      </c>
      <c r="AM33" s="281">
        <v>0</v>
      </c>
      <c r="AN33" s="281">
        <v>0</v>
      </c>
      <c r="AO33" s="281">
        <v>22</v>
      </c>
      <c r="AP33" s="281">
        <v>0</v>
      </c>
      <c r="AQ33" s="281">
        <v>0</v>
      </c>
      <c r="AR33" s="278">
        <v>22</v>
      </c>
      <c r="AS33" s="283">
        <v>22</v>
      </c>
      <c r="AT33" s="277">
        <v>0</v>
      </c>
      <c r="AU33" s="281">
        <v>0</v>
      </c>
      <c r="AV33" s="278">
        <v>0</v>
      </c>
      <c r="AW33" s="280">
        <v>0</v>
      </c>
      <c r="AX33" s="281">
        <v>0</v>
      </c>
      <c r="AY33" s="281">
        <v>9</v>
      </c>
      <c r="AZ33" s="281">
        <v>16</v>
      </c>
      <c r="BA33" s="281">
        <v>15</v>
      </c>
      <c r="BB33" s="281">
        <v>0</v>
      </c>
      <c r="BC33" s="282">
        <v>40</v>
      </c>
      <c r="BD33" s="283">
        <v>40</v>
      </c>
      <c r="BE33" s="277">
        <v>0</v>
      </c>
      <c r="BF33" s="281">
        <v>0</v>
      </c>
      <c r="BG33" s="278">
        <v>0</v>
      </c>
      <c r="BH33" s="280">
        <v>0</v>
      </c>
      <c r="BI33" s="281">
        <v>0</v>
      </c>
      <c r="BJ33" s="281">
        <v>0</v>
      </c>
      <c r="BK33" s="281">
        <v>0</v>
      </c>
      <c r="BL33" s="281">
        <v>0</v>
      </c>
      <c r="BM33" s="281">
        <v>0</v>
      </c>
      <c r="BN33" s="278">
        <v>0</v>
      </c>
      <c r="BO33" s="283">
        <v>0</v>
      </c>
      <c r="BP33" s="277">
        <v>0</v>
      </c>
      <c r="BQ33" s="281">
        <v>0</v>
      </c>
      <c r="BR33" s="278">
        <v>0</v>
      </c>
      <c r="BS33" s="280">
        <v>0</v>
      </c>
      <c r="BT33" s="281">
        <v>0</v>
      </c>
      <c r="BU33" s="281">
        <v>0</v>
      </c>
      <c r="BV33" s="281">
        <v>0</v>
      </c>
      <c r="BW33" s="281">
        <v>6</v>
      </c>
      <c r="BX33" s="281">
        <v>0</v>
      </c>
      <c r="BY33" s="278">
        <v>6</v>
      </c>
      <c r="BZ33" s="283">
        <v>6</v>
      </c>
      <c r="CA33" s="277">
        <v>0</v>
      </c>
      <c r="CB33" s="281">
        <v>0</v>
      </c>
      <c r="CC33" s="278">
        <v>0</v>
      </c>
      <c r="CD33" s="280">
        <v>0</v>
      </c>
      <c r="CE33" s="281">
        <v>0</v>
      </c>
      <c r="CF33" s="281">
        <v>0</v>
      </c>
      <c r="CG33" s="281">
        <v>0</v>
      </c>
      <c r="CH33" s="281">
        <v>0</v>
      </c>
      <c r="CI33" s="281">
        <v>0</v>
      </c>
      <c r="CJ33" s="278">
        <v>0</v>
      </c>
      <c r="CK33" s="283">
        <v>0</v>
      </c>
      <c r="CL33" s="277">
        <v>0</v>
      </c>
      <c r="CM33" s="281">
        <v>0</v>
      </c>
      <c r="CN33" s="278">
        <v>0</v>
      </c>
      <c r="CO33" s="280">
        <v>0</v>
      </c>
      <c r="CP33" s="281">
        <v>0</v>
      </c>
      <c r="CQ33" s="281">
        <v>0</v>
      </c>
      <c r="CR33" s="281">
        <v>0</v>
      </c>
      <c r="CS33" s="281">
        <v>0</v>
      </c>
      <c r="CT33" s="281">
        <v>0</v>
      </c>
      <c r="CU33" s="278">
        <v>0</v>
      </c>
      <c r="CV33" s="283">
        <v>0</v>
      </c>
      <c r="CW33" s="277">
        <v>0</v>
      </c>
      <c r="CX33" s="281">
        <v>0</v>
      </c>
      <c r="CY33" s="278">
        <v>0</v>
      </c>
      <c r="CZ33" s="280">
        <v>0</v>
      </c>
      <c r="DA33" s="281">
        <v>0</v>
      </c>
      <c r="DB33" s="281">
        <v>0</v>
      </c>
      <c r="DC33" s="281">
        <v>0</v>
      </c>
      <c r="DD33" s="281">
        <v>0</v>
      </c>
      <c r="DE33" s="281">
        <v>0</v>
      </c>
      <c r="DF33" s="278">
        <v>0</v>
      </c>
      <c r="DG33" s="283">
        <v>0</v>
      </c>
    </row>
    <row r="34" spans="1:111" ht="18.75" customHeight="1" x14ac:dyDescent="0.2">
      <c r="A34" s="262" t="s">
        <v>32</v>
      </c>
      <c r="B34" s="277">
        <v>0</v>
      </c>
      <c r="C34" s="278">
        <v>0</v>
      </c>
      <c r="D34" s="279">
        <v>0</v>
      </c>
      <c r="E34" s="280">
        <v>0</v>
      </c>
      <c r="F34" s="281">
        <v>3</v>
      </c>
      <c r="G34" s="281">
        <v>43</v>
      </c>
      <c r="H34" s="281">
        <v>0</v>
      </c>
      <c r="I34" s="281">
        <v>122</v>
      </c>
      <c r="J34" s="281">
        <v>14</v>
      </c>
      <c r="K34" s="282">
        <v>182</v>
      </c>
      <c r="L34" s="283">
        <v>182</v>
      </c>
      <c r="M34" s="277">
        <v>0</v>
      </c>
      <c r="N34" s="281">
        <v>0</v>
      </c>
      <c r="O34" s="278">
        <v>0</v>
      </c>
      <c r="P34" s="280">
        <v>0</v>
      </c>
      <c r="Q34" s="281">
        <v>0</v>
      </c>
      <c r="R34" s="281">
        <v>0</v>
      </c>
      <c r="S34" s="281">
        <v>0</v>
      </c>
      <c r="T34" s="281">
        <v>0</v>
      </c>
      <c r="U34" s="281">
        <v>0</v>
      </c>
      <c r="V34" s="278">
        <v>0</v>
      </c>
      <c r="W34" s="283">
        <v>0</v>
      </c>
      <c r="X34" s="277">
        <v>0</v>
      </c>
      <c r="Y34" s="281">
        <v>0</v>
      </c>
      <c r="Z34" s="278">
        <v>0</v>
      </c>
      <c r="AA34" s="280">
        <v>0</v>
      </c>
      <c r="AB34" s="281">
        <v>0</v>
      </c>
      <c r="AC34" s="281">
        <v>5</v>
      </c>
      <c r="AD34" s="281">
        <v>0</v>
      </c>
      <c r="AE34" s="281">
        <v>5</v>
      </c>
      <c r="AF34" s="281">
        <v>0</v>
      </c>
      <c r="AG34" s="278">
        <v>10</v>
      </c>
      <c r="AH34" s="283">
        <v>10</v>
      </c>
      <c r="AI34" s="277">
        <v>0</v>
      </c>
      <c r="AJ34" s="281">
        <v>0</v>
      </c>
      <c r="AK34" s="278">
        <v>0</v>
      </c>
      <c r="AL34" s="280">
        <v>0</v>
      </c>
      <c r="AM34" s="281">
        <v>0</v>
      </c>
      <c r="AN34" s="281">
        <v>0</v>
      </c>
      <c r="AO34" s="281">
        <v>12</v>
      </c>
      <c r="AP34" s="281">
        <v>0</v>
      </c>
      <c r="AQ34" s="281">
        <v>0</v>
      </c>
      <c r="AR34" s="278">
        <v>12</v>
      </c>
      <c r="AS34" s="283">
        <v>12</v>
      </c>
      <c r="AT34" s="277">
        <v>0</v>
      </c>
      <c r="AU34" s="281">
        <v>0</v>
      </c>
      <c r="AV34" s="278">
        <v>0</v>
      </c>
      <c r="AW34" s="280">
        <v>0</v>
      </c>
      <c r="AX34" s="281">
        <v>13</v>
      </c>
      <c r="AY34" s="281">
        <v>14</v>
      </c>
      <c r="AZ34" s="281">
        <v>0</v>
      </c>
      <c r="BA34" s="281">
        <v>0</v>
      </c>
      <c r="BB34" s="281">
        <v>0</v>
      </c>
      <c r="BC34" s="282">
        <v>27</v>
      </c>
      <c r="BD34" s="283">
        <v>27</v>
      </c>
      <c r="BE34" s="277">
        <v>0</v>
      </c>
      <c r="BF34" s="281">
        <v>0</v>
      </c>
      <c r="BG34" s="278">
        <v>0</v>
      </c>
      <c r="BH34" s="280">
        <v>0</v>
      </c>
      <c r="BI34" s="281">
        <v>0</v>
      </c>
      <c r="BJ34" s="281">
        <v>14</v>
      </c>
      <c r="BK34" s="281">
        <v>8</v>
      </c>
      <c r="BL34" s="281">
        <v>0</v>
      </c>
      <c r="BM34" s="281">
        <v>0</v>
      </c>
      <c r="BN34" s="278">
        <v>22</v>
      </c>
      <c r="BO34" s="283">
        <v>22</v>
      </c>
      <c r="BP34" s="277">
        <v>0</v>
      </c>
      <c r="BQ34" s="281">
        <v>0</v>
      </c>
      <c r="BR34" s="278">
        <v>0</v>
      </c>
      <c r="BS34" s="280">
        <v>0</v>
      </c>
      <c r="BT34" s="281">
        <v>17</v>
      </c>
      <c r="BU34" s="281">
        <v>3</v>
      </c>
      <c r="BV34" s="281">
        <v>0</v>
      </c>
      <c r="BW34" s="281">
        <v>0</v>
      </c>
      <c r="BX34" s="281">
        <v>0</v>
      </c>
      <c r="BY34" s="278">
        <v>20</v>
      </c>
      <c r="BZ34" s="283">
        <v>20</v>
      </c>
      <c r="CA34" s="277">
        <v>0</v>
      </c>
      <c r="CB34" s="281">
        <v>0</v>
      </c>
      <c r="CC34" s="278">
        <v>0</v>
      </c>
      <c r="CD34" s="280">
        <v>0</v>
      </c>
      <c r="CE34" s="281">
        <v>0</v>
      </c>
      <c r="CF34" s="281">
        <v>3</v>
      </c>
      <c r="CG34" s="281">
        <v>2</v>
      </c>
      <c r="CH34" s="281">
        <v>0</v>
      </c>
      <c r="CI34" s="281">
        <v>0</v>
      </c>
      <c r="CJ34" s="278">
        <v>5</v>
      </c>
      <c r="CK34" s="283">
        <v>5</v>
      </c>
      <c r="CL34" s="277">
        <v>0</v>
      </c>
      <c r="CM34" s="281">
        <v>0</v>
      </c>
      <c r="CN34" s="278">
        <v>0</v>
      </c>
      <c r="CO34" s="280">
        <v>0</v>
      </c>
      <c r="CP34" s="281">
        <v>0</v>
      </c>
      <c r="CQ34" s="281">
        <v>0</v>
      </c>
      <c r="CR34" s="281">
        <v>0</v>
      </c>
      <c r="CS34" s="281">
        <v>0</v>
      </c>
      <c r="CT34" s="281">
        <v>0</v>
      </c>
      <c r="CU34" s="278">
        <v>0</v>
      </c>
      <c r="CV34" s="283">
        <v>0</v>
      </c>
      <c r="CW34" s="277">
        <v>0</v>
      </c>
      <c r="CX34" s="281">
        <v>0</v>
      </c>
      <c r="CY34" s="278">
        <v>0</v>
      </c>
      <c r="CZ34" s="280">
        <v>0</v>
      </c>
      <c r="DA34" s="281">
        <v>0</v>
      </c>
      <c r="DB34" s="281">
        <v>0</v>
      </c>
      <c r="DC34" s="281">
        <v>0</v>
      </c>
      <c r="DD34" s="281">
        <v>0</v>
      </c>
      <c r="DE34" s="281">
        <v>0</v>
      </c>
      <c r="DF34" s="278">
        <v>0</v>
      </c>
      <c r="DG34" s="283">
        <v>0</v>
      </c>
    </row>
    <row r="35" spans="1:111" ht="18.75" customHeight="1" x14ac:dyDescent="0.2">
      <c r="A35" s="262" t="s">
        <v>33</v>
      </c>
      <c r="B35" s="277">
        <v>0</v>
      </c>
      <c r="C35" s="278">
        <v>0</v>
      </c>
      <c r="D35" s="279">
        <v>0</v>
      </c>
      <c r="E35" s="280">
        <v>0</v>
      </c>
      <c r="F35" s="281">
        <v>7</v>
      </c>
      <c r="G35" s="281">
        <v>0</v>
      </c>
      <c r="H35" s="281">
        <v>25</v>
      </c>
      <c r="I35" s="281">
        <v>0</v>
      </c>
      <c r="J35" s="281">
        <v>0</v>
      </c>
      <c r="K35" s="282">
        <v>32</v>
      </c>
      <c r="L35" s="283">
        <v>32</v>
      </c>
      <c r="M35" s="277">
        <v>0</v>
      </c>
      <c r="N35" s="281">
        <v>0</v>
      </c>
      <c r="O35" s="278">
        <v>0</v>
      </c>
      <c r="P35" s="280">
        <v>0</v>
      </c>
      <c r="Q35" s="281">
        <v>0</v>
      </c>
      <c r="R35" s="281">
        <v>0</v>
      </c>
      <c r="S35" s="281">
        <v>0</v>
      </c>
      <c r="T35" s="281">
        <v>0</v>
      </c>
      <c r="U35" s="281">
        <v>0</v>
      </c>
      <c r="V35" s="278">
        <v>0</v>
      </c>
      <c r="W35" s="283">
        <v>0</v>
      </c>
      <c r="X35" s="277">
        <v>5</v>
      </c>
      <c r="Y35" s="281">
        <v>0</v>
      </c>
      <c r="Z35" s="278">
        <v>5</v>
      </c>
      <c r="AA35" s="280">
        <v>0</v>
      </c>
      <c r="AB35" s="281">
        <v>3</v>
      </c>
      <c r="AC35" s="281">
        <v>6</v>
      </c>
      <c r="AD35" s="281">
        <v>28</v>
      </c>
      <c r="AE35" s="281">
        <v>0</v>
      </c>
      <c r="AF35" s="281">
        <v>12</v>
      </c>
      <c r="AG35" s="278">
        <v>49</v>
      </c>
      <c r="AH35" s="283">
        <v>54</v>
      </c>
      <c r="AI35" s="277">
        <v>0</v>
      </c>
      <c r="AJ35" s="281">
        <v>9</v>
      </c>
      <c r="AK35" s="278">
        <v>9</v>
      </c>
      <c r="AL35" s="280">
        <v>0</v>
      </c>
      <c r="AM35" s="281">
        <v>15</v>
      </c>
      <c r="AN35" s="281">
        <v>0</v>
      </c>
      <c r="AO35" s="281">
        <v>12</v>
      </c>
      <c r="AP35" s="281">
        <v>42</v>
      </c>
      <c r="AQ35" s="281">
        <v>27</v>
      </c>
      <c r="AR35" s="278">
        <v>96</v>
      </c>
      <c r="AS35" s="283">
        <v>105</v>
      </c>
      <c r="AT35" s="277">
        <v>0</v>
      </c>
      <c r="AU35" s="281">
        <v>0</v>
      </c>
      <c r="AV35" s="278">
        <v>0</v>
      </c>
      <c r="AW35" s="280">
        <v>0</v>
      </c>
      <c r="AX35" s="281">
        <v>8</v>
      </c>
      <c r="AY35" s="281">
        <v>0</v>
      </c>
      <c r="AZ35" s="281">
        <v>0</v>
      </c>
      <c r="BA35" s="281">
        <v>0</v>
      </c>
      <c r="BB35" s="281">
        <v>0</v>
      </c>
      <c r="BC35" s="282">
        <v>8</v>
      </c>
      <c r="BD35" s="283">
        <v>8</v>
      </c>
      <c r="BE35" s="277">
        <v>0</v>
      </c>
      <c r="BF35" s="281">
        <v>0</v>
      </c>
      <c r="BG35" s="278">
        <v>0</v>
      </c>
      <c r="BH35" s="280">
        <v>0</v>
      </c>
      <c r="BI35" s="281">
        <v>5</v>
      </c>
      <c r="BJ35" s="281">
        <v>0</v>
      </c>
      <c r="BK35" s="281">
        <v>0</v>
      </c>
      <c r="BL35" s="281">
        <v>5</v>
      </c>
      <c r="BM35" s="281">
        <v>0</v>
      </c>
      <c r="BN35" s="278">
        <v>10</v>
      </c>
      <c r="BO35" s="283">
        <v>10</v>
      </c>
      <c r="BP35" s="277">
        <v>0</v>
      </c>
      <c r="BQ35" s="281">
        <v>0</v>
      </c>
      <c r="BR35" s="278">
        <v>0</v>
      </c>
      <c r="BS35" s="280">
        <v>0</v>
      </c>
      <c r="BT35" s="281">
        <v>8</v>
      </c>
      <c r="BU35" s="281">
        <v>0</v>
      </c>
      <c r="BV35" s="281">
        <v>3</v>
      </c>
      <c r="BW35" s="281">
        <v>0</v>
      </c>
      <c r="BX35" s="281">
        <v>0</v>
      </c>
      <c r="BY35" s="278">
        <v>11</v>
      </c>
      <c r="BZ35" s="283">
        <v>11</v>
      </c>
      <c r="CA35" s="277">
        <v>0</v>
      </c>
      <c r="CB35" s="281">
        <v>0</v>
      </c>
      <c r="CC35" s="278">
        <v>0</v>
      </c>
      <c r="CD35" s="280">
        <v>0</v>
      </c>
      <c r="CE35" s="281">
        <v>0</v>
      </c>
      <c r="CF35" s="281">
        <v>0</v>
      </c>
      <c r="CG35" s="281">
        <v>0</v>
      </c>
      <c r="CH35" s="281">
        <v>0</v>
      </c>
      <c r="CI35" s="281">
        <v>0</v>
      </c>
      <c r="CJ35" s="278">
        <v>0</v>
      </c>
      <c r="CK35" s="283">
        <v>0</v>
      </c>
      <c r="CL35" s="277">
        <v>0</v>
      </c>
      <c r="CM35" s="281">
        <v>0</v>
      </c>
      <c r="CN35" s="278">
        <v>0</v>
      </c>
      <c r="CO35" s="280">
        <v>0</v>
      </c>
      <c r="CP35" s="281">
        <v>0</v>
      </c>
      <c r="CQ35" s="281">
        <v>0</v>
      </c>
      <c r="CR35" s="281">
        <v>0</v>
      </c>
      <c r="CS35" s="281">
        <v>0</v>
      </c>
      <c r="CT35" s="281">
        <v>0</v>
      </c>
      <c r="CU35" s="278">
        <v>0</v>
      </c>
      <c r="CV35" s="283">
        <v>0</v>
      </c>
      <c r="CW35" s="277">
        <v>0</v>
      </c>
      <c r="CX35" s="281">
        <v>0</v>
      </c>
      <c r="CY35" s="278">
        <v>0</v>
      </c>
      <c r="CZ35" s="280">
        <v>0</v>
      </c>
      <c r="DA35" s="281">
        <v>0</v>
      </c>
      <c r="DB35" s="281">
        <v>0</v>
      </c>
      <c r="DC35" s="281">
        <v>0</v>
      </c>
      <c r="DD35" s="281">
        <v>0</v>
      </c>
      <c r="DE35" s="281">
        <v>0</v>
      </c>
      <c r="DF35" s="278">
        <v>0</v>
      </c>
      <c r="DG35" s="283">
        <v>0</v>
      </c>
    </row>
    <row r="36" spans="1:111" ht="18.75" customHeight="1" x14ac:dyDescent="0.2">
      <c r="A36" s="262" t="s">
        <v>34</v>
      </c>
      <c r="B36" s="277">
        <v>0</v>
      </c>
      <c r="C36" s="278">
        <v>0</v>
      </c>
      <c r="D36" s="279">
        <v>0</v>
      </c>
      <c r="E36" s="280">
        <v>0</v>
      </c>
      <c r="F36" s="281">
        <v>0</v>
      </c>
      <c r="G36" s="281">
        <v>0</v>
      </c>
      <c r="H36" s="281">
        <v>9</v>
      </c>
      <c r="I36" s="281">
        <v>106</v>
      </c>
      <c r="J36" s="281">
        <v>0</v>
      </c>
      <c r="K36" s="282">
        <v>115</v>
      </c>
      <c r="L36" s="283">
        <v>115</v>
      </c>
      <c r="M36" s="277">
        <v>0</v>
      </c>
      <c r="N36" s="281">
        <v>0</v>
      </c>
      <c r="O36" s="278">
        <v>0</v>
      </c>
      <c r="P36" s="280">
        <v>0</v>
      </c>
      <c r="Q36" s="281">
        <v>0</v>
      </c>
      <c r="R36" s="281">
        <v>0</v>
      </c>
      <c r="S36" s="281">
        <v>0</v>
      </c>
      <c r="T36" s="281">
        <v>0</v>
      </c>
      <c r="U36" s="281">
        <v>0</v>
      </c>
      <c r="V36" s="278">
        <v>0</v>
      </c>
      <c r="W36" s="283">
        <v>0</v>
      </c>
      <c r="X36" s="277">
        <v>0</v>
      </c>
      <c r="Y36" s="281">
        <v>0</v>
      </c>
      <c r="Z36" s="278">
        <v>0</v>
      </c>
      <c r="AA36" s="280">
        <v>0</v>
      </c>
      <c r="AB36" s="281">
        <v>0</v>
      </c>
      <c r="AC36" s="281">
        <v>0</v>
      </c>
      <c r="AD36" s="281">
        <v>0</v>
      </c>
      <c r="AE36" s="281">
        <v>0</v>
      </c>
      <c r="AF36" s="281">
        <v>0</v>
      </c>
      <c r="AG36" s="278">
        <v>0</v>
      </c>
      <c r="AH36" s="283">
        <v>0</v>
      </c>
      <c r="AI36" s="277">
        <v>0</v>
      </c>
      <c r="AJ36" s="281">
        <v>0</v>
      </c>
      <c r="AK36" s="278">
        <v>0</v>
      </c>
      <c r="AL36" s="280">
        <v>0</v>
      </c>
      <c r="AM36" s="281">
        <v>0</v>
      </c>
      <c r="AN36" s="281">
        <v>0</v>
      </c>
      <c r="AO36" s="281">
        <v>27</v>
      </c>
      <c r="AP36" s="281">
        <v>0</v>
      </c>
      <c r="AQ36" s="281">
        <v>0</v>
      </c>
      <c r="AR36" s="278">
        <v>27</v>
      </c>
      <c r="AS36" s="283">
        <v>27</v>
      </c>
      <c r="AT36" s="277">
        <v>0</v>
      </c>
      <c r="AU36" s="281">
        <v>0</v>
      </c>
      <c r="AV36" s="278">
        <v>0</v>
      </c>
      <c r="AW36" s="280">
        <v>0</v>
      </c>
      <c r="AX36" s="281">
        <v>0</v>
      </c>
      <c r="AY36" s="281">
        <v>7</v>
      </c>
      <c r="AZ36" s="281">
        <v>27</v>
      </c>
      <c r="BA36" s="281">
        <v>12</v>
      </c>
      <c r="BB36" s="281">
        <v>0</v>
      </c>
      <c r="BC36" s="282">
        <v>46</v>
      </c>
      <c r="BD36" s="283">
        <v>46</v>
      </c>
      <c r="BE36" s="277">
        <v>0</v>
      </c>
      <c r="BF36" s="281">
        <v>0</v>
      </c>
      <c r="BG36" s="278">
        <v>0</v>
      </c>
      <c r="BH36" s="280">
        <v>0</v>
      </c>
      <c r="BI36" s="281">
        <v>8</v>
      </c>
      <c r="BJ36" s="281">
        <v>0</v>
      </c>
      <c r="BK36" s="281">
        <v>0</v>
      </c>
      <c r="BL36" s="281">
        <v>0</v>
      </c>
      <c r="BM36" s="281">
        <v>0</v>
      </c>
      <c r="BN36" s="278">
        <v>8</v>
      </c>
      <c r="BO36" s="283">
        <v>8</v>
      </c>
      <c r="BP36" s="277">
        <v>0</v>
      </c>
      <c r="BQ36" s="281">
        <v>0</v>
      </c>
      <c r="BR36" s="278">
        <v>0</v>
      </c>
      <c r="BS36" s="280">
        <v>0</v>
      </c>
      <c r="BT36" s="281">
        <v>0</v>
      </c>
      <c r="BU36" s="281">
        <v>0</v>
      </c>
      <c r="BV36" s="281">
        <v>0</v>
      </c>
      <c r="BW36" s="281">
        <v>4</v>
      </c>
      <c r="BX36" s="281">
        <v>0</v>
      </c>
      <c r="BY36" s="278">
        <v>4</v>
      </c>
      <c r="BZ36" s="283">
        <v>4</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0</v>
      </c>
      <c r="CQ36" s="281">
        <v>0</v>
      </c>
      <c r="CR36" s="281">
        <v>0</v>
      </c>
      <c r="CS36" s="281">
        <v>0</v>
      </c>
      <c r="CT36" s="281">
        <v>0</v>
      </c>
      <c r="CU36" s="278">
        <v>0</v>
      </c>
      <c r="CV36" s="283">
        <v>0</v>
      </c>
      <c r="CW36" s="277">
        <v>0</v>
      </c>
      <c r="CX36" s="281">
        <v>0</v>
      </c>
      <c r="CY36" s="278">
        <v>0</v>
      </c>
      <c r="CZ36" s="280">
        <v>0</v>
      </c>
      <c r="DA36" s="281">
        <v>0</v>
      </c>
      <c r="DB36" s="281">
        <v>0</v>
      </c>
      <c r="DC36" s="281">
        <v>0</v>
      </c>
      <c r="DD36" s="281">
        <v>0</v>
      </c>
      <c r="DE36" s="281">
        <v>0</v>
      </c>
      <c r="DF36" s="278">
        <v>0</v>
      </c>
      <c r="DG36" s="283">
        <v>0</v>
      </c>
    </row>
    <row r="37" spans="1:111" ht="18.75" customHeight="1" x14ac:dyDescent="0.2">
      <c r="A37" s="262" t="s">
        <v>35</v>
      </c>
      <c r="B37" s="277">
        <v>0</v>
      </c>
      <c r="C37" s="278">
        <v>0</v>
      </c>
      <c r="D37" s="279">
        <v>0</v>
      </c>
      <c r="E37" s="280">
        <v>0</v>
      </c>
      <c r="F37" s="281">
        <v>113</v>
      </c>
      <c r="G37" s="281">
        <v>104</v>
      </c>
      <c r="H37" s="281">
        <v>35</v>
      </c>
      <c r="I37" s="281">
        <v>89</v>
      </c>
      <c r="J37" s="281">
        <v>0</v>
      </c>
      <c r="K37" s="282">
        <v>341</v>
      </c>
      <c r="L37" s="283">
        <v>341</v>
      </c>
      <c r="M37" s="277">
        <v>0</v>
      </c>
      <c r="N37" s="281">
        <v>0</v>
      </c>
      <c r="O37" s="278">
        <v>0</v>
      </c>
      <c r="P37" s="280">
        <v>0</v>
      </c>
      <c r="Q37" s="281">
        <v>0</v>
      </c>
      <c r="R37" s="281">
        <v>0</v>
      </c>
      <c r="S37" s="281">
        <v>0</v>
      </c>
      <c r="T37" s="281">
        <v>0</v>
      </c>
      <c r="U37" s="281">
        <v>0</v>
      </c>
      <c r="V37" s="278">
        <v>0</v>
      </c>
      <c r="W37" s="283">
        <v>0</v>
      </c>
      <c r="X37" s="277">
        <v>0</v>
      </c>
      <c r="Y37" s="281">
        <v>0</v>
      </c>
      <c r="Z37" s="278">
        <v>0</v>
      </c>
      <c r="AA37" s="280">
        <v>0</v>
      </c>
      <c r="AB37" s="281">
        <v>1</v>
      </c>
      <c r="AC37" s="281">
        <v>18</v>
      </c>
      <c r="AD37" s="281">
        <v>16</v>
      </c>
      <c r="AE37" s="281">
        <v>32</v>
      </c>
      <c r="AF37" s="281">
        <v>30</v>
      </c>
      <c r="AG37" s="278">
        <v>97</v>
      </c>
      <c r="AH37" s="283">
        <v>97</v>
      </c>
      <c r="AI37" s="277">
        <v>0</v>
      </c>
      <c r="AJ37" s="281">
        <v>0</v>
      </c>
      <c r="AK37" s="278">
        <v>0</v>
      </c>
      <c r="AL37" s="280">
        <v>0</v>
      </c>
      <c r="AM37" s="281">
        <v>0</v>
      </c>
      <c r="AN37" s="281">
        <v>0</v>
      </c>
      <c r="AO37" s="281">
        <v>0</v>
      </c>
      <c r="AP37" s="281">
        <v>0</v>
      </c>
      <c r="AQ37" s="281">
        <v>0</v>
      </c>
      <c r="AR37" s="278">
        <v>0</v>
      </c>
      <c r="AS37" s="283">
        <v>0</v>
      </c>
      <c r="AT37" s="277">
        <v>0</v>
      </c>
      <c r="AU37" s="281">
        <v>0</v>
      </c>
      <c r="AV37" s="278">
        <v>0</v>
      </c>
      <c r="AW37" s="280">
        <v>0</v>
      </c>
      <c r="AX37" s="281">
        <v>23</v>
      </c>
      <c r="AY37" s="281">
        <v>34</v>
      </c>
      <c r="AZ37" s="281">
        <v>13</v>
      </c>
      <c r="BA37" s="281">
        <v>0</v>
      </c>
      <c r="BB37" s="281">
        <v>0</v>
      </c>
      <c r="BC37" s="282">
        <v>70</v>
      </c>
      <c r="BD37" s="283">
        <v>70</v>
      </c>
      <c r="BE37" s="277">
        <v>0</v>
      </c>
      <c r="BF37" s="281">
        <v>0</v>
      </c>
      <c r="BG37" s="278">
        <v>0</v>
      </c>
      <c r="BH37" s="280">
        <v>0</v>
      </c>
      <c r="BI37" s="281">
        <v>6</v>
      </c>
      <c r="BJ37" s="281">
        <v>15</v>
      </c>
      <c r="BK37" s="281">
        <v>0</v>
      </c>
      <c r="BL37" s="281">
        <v>10</v>
      </c>
      <c r="BM37" s="281">
        <v>0</v>
      </c>
      <c r="BN37" s="278">
        <v>31</v>
      </c>
      <c r="BO37" s="283">
        <v>31</v>
      </c>
      <c r="BP37" s="277">
        <v>0</v>
      </c>
      <c r="BQ37" s="281">
        <v>0</v>
      </c>
      <c r="BR37" s="278">
        <v>0</v>
      </c>
      <c r="BS37" s="280">
        <v>0</v>
      </c>
      <c r="BT37" s="281">
        <v>0</v>
      </c>
      <c r="BU37" s="281">
        <v>0</v>
      </c>
      <c r="BV37" s="281">
        <v>0</v>
      </c>
      <c r="BW37" s="281">
        <v>0</v>
      </c>
      <c r="BX37" s="281">
        <v>0</v>
      </c>
      <c r="BY37" s="278">
        <v>0</v>
      </c>
      <c r="BZ37" s="283">
        <v>0</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c r="CW37" s="277">
        <v>0</v>
      </c>
      <c r="CX37" s="281">
        <v>0</v>
      </c>
      <c r="CY37" s="278">
        <v>0</v>
      </c>
      <c r="CZ37" s="280">
        <v>0</v>
      </c>
      <c r="DA37" s="281">
        <v>0</v>
      </c>
      <c r="DB37" s="281">
        <v>0</v>
      </c>
      <c r="DC37" s="281">
        <v>0</v>
      </c>
      <c r="DD37" s="281">
        <v>0</v>
      </c>
      <c r="DE37" s="281">
        <v>0</v>
      </c>
      <c r="DF37" s="278">
        <v>0</v>
      </c>
      <c r="DG37" s="283">
        <v>0</v>
      </c>
    </row>
    <row r="38" spans="1:111" ht="18.75" customHeight="1" x14ac:dyDescent="0.2">
      <c r="A38" s="262" t="s">
        <v>36</v>
      </c>
      <c r="B38" s="277">
        <v>0</v>
      </c>
      <c r="C38" s="278">
        <v>0</v>
      </c>
      <c r="D38" s="279">
        <v>0</v>
      </c>
      <c r="E38" s="280">
        <v>0</v>
      </c>
      <c r="F38" s="281">
        <v>77</v>
      </c>
      <c r="G38" s="281">
        <v>5</v>
      </c>
      <c r="H38" s="281">
        <v>0</v>
      </c>
      <c r="I38" s="281">
        <v>47</v>
      </c>
      <c r="J38" s="281">
        <v>0</v>
      </c>
      <c r="K38" s="282">
        <v>129</v>
      </c>
      <c r="L38" s="283">
        <v>129</v>
      </c>
      <c r="M38" s="277">
        <v>0</v>
      </c>
      <c r="N38" s="281">
        <v>0</v>
      </c>
      <c r="O38" s="278">
        <v>0</v>
      </c>
      <c r="P38" s="280">
        <v>0</v>
      </c>
      <c r="Q38" s="281">
        <v>0</v>
      </c>
      <c r="R38" s="281">
        <v>0</v>
      </c>
      <c r="S38" s="281">
        <v>0</v>
      </c>
      <c r="T38" s="281">
        <v>0</v>
      </c>
      <c r="U38" s="281">
        <v>0</v>
      </c>
      <c r="V38" s="278">
        <v>0</v>
      </c>
      <c r="W38" s="283">
        <v>0</v>
      </c>
      <c r="X38" s="277">
        <v>0</v>
      </c>
      <c r="Y38" s="281">
        <v>6</v>
      </c>
      <c r="Z38" s="278">
        <v>6</v>
      </c>
      <c r="AA38" s="280">
        <v>0</v>
      </c>
      <c r="AB38" s="281">
        <v>35</v>
      </c>
      <c r="AC38" s="281">
        <v>20</v>
      </c>
      <c r="AD38" s="281">
        <v>0</v>
      </c>
      <c r="AE38" s="281">
        <v>0</v>
      </c>
      <c r="AF38" s="281">
        <v>18</v>
      </c>
      <c r="AG38" s="278">
        <v>73</v>
      </c>
      <c r="AH38" s="283">
        <v>79</v>
      </c>
      <c r="AI38" s="277">
        <v>0</v>
      </c>
      <c r="AJ38" s="281">
        <v>0</v>
      </c>
      <c r="AK38" s="278">
        <v>0</v>
      </c>
      <c r="AL38" s="280">
        <v>0</v>
      </c>
      <c r="AM38" s="281">
        <v>10</v>
      </c>
      <c r="AN38" s="281">
        <v>0</v>
      </c>
      <c r="AO38" s="281">
        <v>0</v>
      </c>
      <c r="AP38" s="281">
        <v>0</v>
      </c>
      <c r="AQ38" s="281">
        <v>18</v>
      </c>
      <c r="AR38" s="278">
        <v>28</v>
      </c>
      <c r="AS38" s="283">
        <v>28</v>
      </c>
      <c r="AT38" s="277">
        <v>0</v>
      </c>
      <c r="AU38" s="281">
        <v>0</v>
      </c>
      <c r="AV38" s="278">
        <v>0</v>
      </c>
      <c r="AW38" s="280">
        <v>0</v>
      </c>
      <c r="AX38" s="281">
        <v>23</v>
      </c>
      <c r="AY38" s="281">
        <v>22</v>
      </c>
      <c r="AZ38" s="281">
        <v>17</v>
      </c>
      <c r="BA38" s="281">
        <v>0</v>
      </c>
      <c r="BB38" s="281">
        <v>1</v>
      </c>
      <c r="BC38" s="282">
        <v>63</v>
      </c>
      <c r="BD38" s="283">
        <v>63</v>
      </c>
      <c r="BE38" s="277">
        <v>0</v>
      </c>
      <c r="BF38" s="281">
        <v>0</v>
      </c>
      <c r="BG38" s="278">
        <v>0</v>
      </c>
      <c r="BH38" s="280">
        <v>0</v>
      </c>
      <c r="BI38" s="281">
        <v>4</v>
      </c>
      <c r="BJ38" s="281">
        <v>0</v>
      </c>
      <c r="BK38" s="281">
        <v>0</v>
      </c>
      <c r="BL38" s="281">
        <v>0</v>
      </c>
      <c r="BM38" s="281">
        <v>0</v>
      </c>
      <c r="BN38" s="278">
        <v>4</v>
      </c>
      <c r="BO38" s="283">
        <v>4</v>
      </c>
      <c r="BP38" s="277">
        <v>0</v>
      </c>
      <c r="BQ38" s="281">
        <v>0</v>
      </c>
      <c r="BR38" s="278">
        <v>0</v>
      </c>
      <c r="BS38" s="280">
        <v>0</v>
      </c>
      <c r="BT38" s="281">
        <v>0</v>
      </c>
      <c r="BU38" s="281">
        <v>21</v>
      </c>
      <c r="BV38" s="281">
        <v>24</v>
      </c>
      <c r="BW38" s="281">
        <v>23</v>
      </c>
      <c r="BX38" s="281">
        <v>9</v>
      </c>
      <c r="BY38" s="278">
        <v>77</v>
      </c>
      <c r="BZ38" s="283">
        <v>77</v>
      </c>
      <c r="CA38" s="277">
        <v>0</v>
      </c>
      <c r="CB38" s="281">
        <v>0</v>
      </c>
      <c r="CC38" s="278">
        <v>0</v>
      </c>
      <c r="CD38" s="280">
        <v>0</v>
      </c>
      <c r="CE38" s="281">
        <v>0</v>
      </c>
      <c r="CF38" s="281">
        <v>0</v>
      </c>
      <c r="CG38" s="281">
        <v>0</v>
      </c>
      <c r="CH38" s="281">
        <v>0</v>
      </c>
      <c r="CI38" s="281">
        <v>0</v>
      </c>
      <c r="CJ38" s="278">
        <v>0</v>
      </c>
      <c r="CK38" s="283">
        <v>0</v>
      </c>
      <c r="CL38" s="277">
        <v>0</v>
      </c>
      <c r="CM38" s="281">
        <v>0</v>
      </c>
      <c r="CN38" s="278">
        <v>0</v>
      </c>
      <c r="CO38" s="280">
        <v>0</v>
      </c>
      <c r="CP38" s="281">
        <v>0</v>
      </c>
      <c r="CQ38" s="281">
        <v>0</v>
      </c>
      <c r="CR38" s="281">
        <v>0</v>
      </c>
      <c r="CS38" s="281">
        <v>0</v>
      </c>
      <c r="CT38" s="281">
        <v>0</v>
      </c>
      <c r="CU38" s="278">
        <v>0</v>
      </c>
      <c r="CV38" s="283">
        <v>0</v>
      </c>
      <c r="CW38" s="277">
        <v>0</v>
      </c>
      <c r="CX38" s="281">
        <v>0</v>
      </c>
      <c r="CY38" s="278">
        <v>0</v>
      </c>
      <c r="CZ38" s="280">
        <v>0</v>
      </c>
      <c r="DA38" s="281">
        <v>0</v>
      </c>
      <c r="DB38" s="281">
        <v>0</v>
      </c>
      <c r="DC38" s="281">
        <v>0</v>
      </c>
      <c r="DD38" s="281">
        <v>0</v>
      </c>
      <c r="DE38" s="281">
        <v>0</v>
      </c>
      <c r="DF38" s="278">
        <v>0</v>
      </c>
      <c r="DG38" s="283">
        <v>0</v>
      </c>
    </row>
    <row r="39" spans="1:111" ht="18.75" customHeight="1" thickBot="1" x14ac:dyDescent="0.25">
      <c r="A39" s="263" t="s">
        <v>37</v>
      </c>
      <c r="B39" s="284">
        <v>0</v>
      </c>
      <c r="C39" s="285">
        <v>0</v>
      </c>
      <c r="D39" s="286">
        <v>0</v>
      </c>
      <c r="E39" s="287">
        <v>0</v>
      </c>
      <c r="F39" s="288">
        <v>0</v>
      </c>
      <c r="G39" s="288">
        <v>0</v>
      </c>
      <c r="H39" s="288">
        <v>0</v>
      </c>
      <c r="I39" s="288">
        <v>0</v>
      </c>
      <c r="J39" s="288">
        <v>28</v>
      </c>
      <c r="K39" s="289">
        <v>28</v>
      </c>
      <c r="L39" s="290">
        <v>28</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0</v>
      </c>
      <c r="AC39" s="288">
        <v>0</v>
      </c>
      <c r="AD39" s="288">
        <v>0</v>
      </c>
      <c r="AE39" s="288">
        <v>7</v>
      </c>
      <c r="AF39" s="288">
        <v>8</v>
      </c>
      <c r="AG39" s="285">
        <v>15</v>
      </c>
      <c r="AH39" s="290">
        <v>15</v>
      </c>
      <c r="AI39" s="284">
        <v>0</v>
      </c>
      <c r="AJ39" s="288">
        <v>0</v>
      </c>
      <c r="AK39" s="285">
        <v>0</v>
      </c>
      <c r="AL39" s="287">
        <v>0</v>
      </c>
      <c r="AM39" s="288">
        <v>0</v>
      </c>
      <c r="AN39" s="288">
        <v>0</v>
      </c>
      <c r="AO39" s="288">
        <v>0</v>
      </c>
      <c r="AP39" s="288">
        <v>0</v>
      </c>
      <c r="AQ39" s="288">
        <v>0</v>
      </c>
      <c r="AR39" s="285">
        <v>0</v>
      </c>
      <c r="AS39" s="290">
        <v>0</v>
      </c>
      <c r="AT39" s="284">
        <v>0</v>
      </c>
      <c r="AU39" s="288">
        <v>0</v>
      </c>
      <c r="AV39" s="285">
        <v>0</v>
      </c>
      <c r="AW39" s="287">
        <v>0</v>
      </c>
      <c r="AX39" s="288">
        <v>0</v>
      </c>
      <c r="AY39" s="288">
        <v>0</v>
      </c>
      <c r="AZ39" s="288">
        <v>0</v>
      </c>
      <c r="BA39" s="288">
        <v>0</v>
      </c>
      <c r="BB39" s="288">
        <v>0</v>
      </c>
      <c r="BC39" s="289">
        <v>0</v>
      </c>
      <c r="BD39" s="290">
        <v>0</v>
      </c>
      <c r="BE39" s="284">
        <v>0</v>
      </c>
      <c r="BF39" s="288">
        <v>0</v>
      </c>
      <c r="BG39" s="285">
        <v>0</v>
      </c>
      <c r="BH39" s="287">
        <v>0</v>
      </c>
      <c r="BI39" s="288">
        <v>0</v>
      </c>
      <c r="BJ39" s="288">
        <v>0</v>
      </c>
      <c r="BK39" s="288">
        <v>0</v>
      </c>
      <c r="BL39" s="288">
        <v>0</v>
      </c>
      <c r="BM39" s="288">
        <v>0</v>
      </c>
      <c r="BN39" s="285">
        <v>0</v>
      </c>
      <c r="BO39" s="290">
        <v>0</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13</v>
      </c>
      <c r="CI39" s="288">
        <v>0</v>
      </c>
      <c r="CJ39" s="285">
        <v>13</v>
      </c>
      <c r="CK39" s="290">
        <v>13</v>
      </c>
      <c r="CL39" s="284">
        <v>0</v>
      </c>
      <c r="CM39" s="288">
        <v>0</v>
      </c>
      <c r="CN39" s="285">
        <v>0</v>
      </c>
      <c r="CO39" s="287">
        <v>0</v>
      </c>
      <c r="CP39" s="288">
        <v>0</v>
      </c>
      <c r="CQ39" s="288">
        <v>0</v>
      </c>
      <c r="CR39" s="288">
        <v>0</v>
      </c>
      <c r="CS39" s="288">
        <v>0</v>
      </c>
      <c r="CT39" s="288">
        <v>0</v>
      </c>
      <c r="CU39" s="285">
        <v>0</v>
      </c>
      <c r="CV39" s="290">
        <v>0</v>
      </c>
      <c r="CW39" s="284">
        <v>0</v>
      </c>
      <c r="CX39" s="288">
        <v>0</v>
      </c>
      <c r="CY39" s="285">
        <v>0</v>
      </c>
      <c r="CZ39" s="287">
        <v>0</v>
      </c>
      <c r="DA39" s="288">
        <v>0</v>
      </c>
      <c r="DB39" s="288">
        <v>0</v>
      </c>
      <c r="DC39" s="288">
        <v>0</v>
      </c>
      <c r="DD39" s="288">
        <v>0</v>
      </c>
      <c r="DE39" s="288">
        <v>0</v>
      </c>
      <c r="DF39" s="285">
        <v>0</v>
      </c>
      <c r="DG39" s="290">
        <v>0</v>
      </c>
    </row>
    <row r="40" spans="1:111" ht="27" customHeight="1" x14ac:dyDescent="0.2">
      <c r="B40" s="256" t="s">
        <v>127</v>
      </c>
    </row>
  </sheetData>
  <mergeCells count="43">
    <mergeCell ref="CW3:DG3"/>
    <mergeCell ref="CW4:CY4"/>
    <mergeCell ref="CZ4:DF4"/>
    <mergeCell ref="DG4:DG5"/>
    <mergeCell ref="CA3:CK3"/>
    <mergeCell ref="CL3:CV3"/>
    <mergeCell ref="CA4:CC4"/>
    <mergeCell ref="CD4:CJ4"/>
    <mergeCell ref="CK4:CK5"/>
    <mergeCell ref="CL4:CN4"/>
    <mergeCell ref="CO4:CU4"/>
    <mergeCell ref="CV4:CV5"/>
    <mergeCell ref="I1:J1"/>
    <mergeCell ref="L1:M1"/>
    <mergeCell ref="A3:A5"/>
    <mergeCell ref="B3:L3"/>
    <mergeCell ref="M3:W3"/>
    <mergeCell ref="X3:AH3"/>
    <mergeCell ref="B4:D4"/>
    <mergeCell ref="E4:K4"/>
    <mergeCell ref="L4:L5"/>
    <mergeCell ref="M4:O4"/>
    <mergeCell ref="P4:V4"/>
    <mergeCell ref="W4:W5"/>
    <mergeCell ref="X4:Z4"/>
    <mergeCell ref="AA4:AG4"/>
    <mergeCell ref="AH4:AH5"/>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8.77734375" style="1" customWidth="1"/>
    <col min="2" max="4" width="7.77734375" style="3" customWidth="1"/>
    <col min="5" max="5" width="9.109375" style="3" customWidth="1"/>
    <col min="6" max="6" width="9.44140625" style="3" customWidth="1"/>
    <col min="7" max="25" width="7.77734375" style="3" customWidth="1"/>
    <col min="26" max="34" width="7.77734375" style="1" customWidth="1"/>
    <col min="35" max="16384" width="9" style="1"/>
  </cols>
  <sheetData>
    <row r="1" spans="1:34" ht="25.5" customHeight="1" x14ac:dyDescent="0.2">
      <c r="A1" s="20" t="s">
        <v>129</v>
      </c>
      <c r="E1" s="22"/>
      <c r="G1" s="528">
        <f>第１表!F2</f>
        <v>4</v>
      </c>
      <c r="H1" s="528"/>
      <c r="I1" s="249">
        <f>第１表!G2</f>
        <v>5</v>
      </c>
      <c r="J1" s="555">
        <f>IF(I1&lt;3,I1-2+12,I1-2)</f>
        <v>3</v>
      </c>
      <c r="K1" s="555"/>
    </row>
    <row r="2" spans="1:34" ht="17.25" customHeight="1" thickBot="1" x14ac:dyDescent="0.25">
      <c r="I2" s="5"/>
      <c r="J2" s="5"/>
      <c r="K2" s="5"/>
      <c r="L2" s="5"/>
      <c r="M2" s="5"/>
      <c r="N2" s="5"/>
      <c r="O2" s="30"/>
      <c r="P2" s="30"/>
      <c r="Q2" s="30"/>
    </row>
    <row r="3" spans="1:34" ht="19.5" customHeight="1" thickBot="1" x14ac:dyDescent="0.25">
      <c r="A3" s="26"/>
      <c r="B3" s="556" t="s">
        <v>53</v>
      </c>
      <c r="C3" s="557"/>
      <c r="D3" s="557"/>
      <c r="E3" s="557"/>
      <c r="F3" s="557"/>
      <c r="G3" s="557"/>
      <c r="H3" s="557"/>
      <c r="I3" s="557"/>
      <c r="J3" s="557"/>
      <c r="K3" s="557"/>
      <c r="L3" s="558"/>
      <c r="M3" s="556" t="s">
        <v>54</v>
      </c>
      <c r="N3" s="557"/>
      <c r="O3" s="557"/>
      <c r="P3" s="557"/>
      <c r="Q3" s="557"/>
      <c r="R3" s="557"/>
      <c r="S3" s="557"/>
      <c r="T3" s="557"/>
      <c r="U3" s="557"/>
      <c r="V3" s="557"/>
      <c r="W3" s="558"/>
      <c r="X3" s="556" t="s">
        <v>55</v>
      </c>
      <c r="Y3" s="557"/>
      <c r="Z3" s="557"/>
      <c r="AA3" s="557"/>
      <c r="AB3" s="557"/>
      <c r="AC3" s="557"/>
      <c r="AD3" s="557"/>
      <c r="AE3" s="557"/>
      <c r="AF3" s="557"/>
      <c r="AG3" s="557"/>
      <c r="AH3" s="558"/>
    </row>
    <row r="4" spans="1:34" ht="30.75" customHeight="1" thickBot="1" x14ac:dyDescent="0.25">
      <c r="A4" s="26" t="s">
        <v>42</v>
      </c>
      <c r="B4" s="27" t="s">
        <v>43</v>
      </c>
      <c r="C4" s="6" t="s">
        <v>44</v>
      </c>
      <c r="D4" s="28" t="s">
        <v>45</v>
      </c>
      <c r="E4" s="29" t="s">
        <v>46</v>
      </c>
      <c r="F4" s="6" t="s">
        <v>47</v>
      </c>
      <c r="G4" s="6" t="s">
        <v>48</v>
      </c>
      <c r="H4" s="6" t="s">
        <v>49</v>
      </c>
      <c r="I4" s="6" t="s">
        <v>50</v>
      </c>
      <c r="J4" s="6" t="s">
        <v>51</v>
      </c>
      <c r="K4" s="28" t="s">
        <v>45</v>
      </c>
      <c r="L4" s="13" t="s">
        <v>52</v>
      </c>
      <c r="M4" s="27" t="s">
        <v>43</v>
      </c>
      <c r="N4" s="6" t="s">
        <v>44</v>
      </c>
      <c r="O4" s="28" t="s">
        <v>45</v>
      </c>
      <c r="P4" s="29" t="s">
        <v>46</v>
      </c>
      <c r="Q4" s="6" t="s">
        <v>47</v>
      </c>
      <c r="R4" s="6" t="s">
        <v>48</v>
      </c>
      <c r="S4" s="6" t="s">
        <v>49</v>
      </c>
      <c r="T4" s="6" t="s">
        <v>50</v>
      </c>
      <c r="U4" s="6" t="s">
        <v>51</v>
      </c>
      <c r="V4" s="28" t="s">
        <v>45</v>
      </c>
      <c r="W4" s="13" t="s">
        <v>52</v>
      </c>
      <c r="X4" s="27" t="s">
        <v>43</v>
      </c>
      <c r="Y4" s="6" t="s">
        <v>44</v>
      </c>
      <c r="Z4" s="28" t="s">
        <v>45</v>
      </c>
      <c r="AA4" s="29" t="s">
        <v>46</v>
      </c>
      <c r="AB4" s="6" t="s">
        <v>47</v>
      </c>
      <c r="AC4" s="6" t="s">
        <v>48</v>
      </c>
      <c r="AD4" s="6" t="s">
        <v>49</v>
      </c>
      <c r="AE4" s="6" t="s">
        <v>50</v>
      </c>
      <c r="AF4" s="6" t="s">
        <v>51</v>
      </c>
      <c r="AG4" s="28" t="s">
        <v>45</v>
      </c>
      <c r="AH4" s="13" t="s">
        <v>52</v>
      </c>
    </row>
    <row r="5" spans="1:34" ht="21" customHeight="1" x14ac:dyDescent="0.2">
      <c r="A5" s="14" t="s">
        <v>4</v>
      </c>
      <c r="B5" s="91">
        <v>184</v>
      </c>
      <c r="C5" s="92">
        <v>320</v>
      </c>
      <c r="D5" s="93">
        <v>504</v>
      </c>
      <c r="E5" s="94">
        <v>0</v>
      </c>
      <c r="F5" s="92">
        <v>18276</v>
      </c>
      <c r="G5" s="92">
        <v>18130</v>
      </c>
      <c r="H5" s="92">
        <v>12187</v>
      </c>
      <c r="I5" s="92">
        <v>7765</v>
      </c>
      <c r="J5" s="92">
        <v>4824</v>
      </c>
      <c r="K5" s="93">
        <v>61182</v>
      </c>
      <c r="L5" s="95">
        <v>61686</v>
      </c>
      <c r="M5" s="96">
        <v>1</v>
      </c>
      <c r="N5" s="92">
        <v>2</v>
      </c>
      <c r="O5" s="93">
        <v>3</v>
      </c>
      <c r="P5" s="94">
        <v>0</v>
      </c>
      <c r="Q5" s="92">
        <v>214</v>
      </c>
      <c r="R5" s="92">
        <v>337</v>
      </c>
      <c r="S5" s="92">
        <v>249</v>
      </c>
      <c r="T5" s="92">
        <v>173</v>
      </c>
      <c r="U5" s="92">
        <v>169</v>
      </c>
      <c r="V5" s="93">
        <v>1142</v>
      </c>
      <c r="W5" s="95">
        <v>1145</v>
      </c>
      <c r="X5" s="96">
        <v>185</v>
      </c>
      <c r="Y5" s="92">
        <v>322</v>
      </c>
      <c r="Z5" s="93">
        <v>507</v>
      </c>
      <c r="AA5" s="94">
        <v>0</v>
      </c>
      <c r="AB5" s="92">
        <v>18490</v>
      </c>
      <c r="AC5" s="92">
        <v>18467</v>
      </c>
      <c r="AD5" s="92">
        <v>12436</v>
      </c>
      <c r="AE5" s="92">
        <v>7938</v>
      </c>
      <c r="AF5" s="92">
        <v>4993</v>
      </c>
      <c r="AG5" s="93">
        <v>62324</v>
      </c>
      <c r="AH5" s="95">
        <v>62831</v>
      </c>
    </row>
    <row r="6" spans="1:34" ht="21" customHeight="1" x14ac:dyDescent="0.2">
      <c r="A6" s="18" t="s">
        <v>5</v>
      </c>
      <c r="B6" s="97">
        <v>82</v>
      </c>
      <c r="C6" s="98">
        <v>122</v>
      </c>
      <c r="D6" s="99">
        <v>204</v>
      </c>
      <c r="E6" s="100">
        <v>0</v>
      </c>
      <c r="F6" s="98">
        <v>6453</v>
      </c>
      <c r="G6" s="98">
        <v>8345</v>
      </c>
      <c r="H6" s="98">
        <v>5367</v>
      </c>
      <c r="I6" s="98">
        <v>3402</v>
      </c>
      <c r="J6" s="98">
        <v>2224</v>
      </c>
      <c r="K6" s="99">
        <v>25791</v>
      </c>
      <c r="L6" s="101">
        <v>25995</v>
      </c>
      <c r="M6" s="102">
        <v>0</v>
      </c>
      <c r="N6" s="98">
        <v>0</v>
      </c>
      <c r="O6" s="99">
        <v>0</v>
      </c>
      <c r="P6" s="100">
        <v>0</v>
      </c>
      <c r="Q6" s="98">
        <v>67</v>
      </c>
      <c r="R6" s="98">
        <v>152</v>
      </c>
      <c r="S6" s="98">
        <v>123</v>
      </c>
      <c r="T6" s="98">
        <v>75</v>
      </c>
      <c r="U6" s="98">
        <v>84</v>
      </c>
      <c r="V6" s="99">
        <v>501</v>
      </c>
      <c r="W6" s="101">
        <v>501</v>
      </c>
      <c r="X6" s="102">
        <v>82</v>
      </c>
      <c r="Y6" s="98">
        <v>122</v>
      </c>
      <c r="Z6" s="99">
        <v>204</v>
      </c>
      <c r="AA6" s="100">
        <v>0</v>
      </c>
      <c r="AB6" s="98">
        <v>6520</v>
      </c>
      <c r="AC6" s="98">
        <v>8497</v>
      </c>
      <c r="AD6" s="98">
        <v>5490</v>
      </c>
      <c r="AE6" s="98">
        <v>3477</v>
      </c>
      <c r="AF6" s="98">
        <v>2308</v>
      </c>
      <c r="AG6" s="99">
        <v>26292</v>
      </c>
      <c r="AH6" s="101">
        <v>26496</v>
      </c>
    </row>
    <row r="7" spans="1:34" ht="21" customHeight="1" x14ac:dyDescent="0.2">
      <c r="A7" s="18" t="s">
        <v>6</v>
      </c>
      <c r="B7" s="97">
        <v>22</v>
      </c>
      <c r="C7" s="98">
        <v>41</v>
      </c>
      <c r="D7" s="99">
        <v>63</v>
      </c>
      <c r="E7" s="100">
        <v>0</v>
      </c>
      <c r="F7" s="98">
        <v>3026</v>
      </c>
      <c r="G7" s="98">
        <v>2440</v>
      </c>
      <c r="H7" s="98">
        <v>1893</v>
      </c>
      <c r="I7" s="98">
        <v>1391</v>
      </c>
      <c r="J7" s="98">
        <v>864</v>
      </c>
      <c r="K7" s="99">
        <v>9614</v>
      </c>
      <c r="L7" s="101">
        <v>9677</v>
      </c>
      <c r="M7" s="102">
        <v>0</v>
      </c>
      <c r="N7" s="98">
        <v>0</v>
      </c>
      <c r="O7" s="99">
        <v>0</v>
      </c>
      <c r="P7" s="100">
        <v>0</v>
      </c>
      <c r="Q7" s="98">
        <v>34</v>
      </c>
      <c r="R7" s="98">
        <v>42</v>
      </c>
      <c r="S7" s="98">
        <v>34</v>
      </c>
      <c r="T7" s="98">
        <v>30</v>
      </c>
      <c r="U7" s="98">
        <v>30</v>
      </c>
      <c r="V7" s="99">
        <v>170</v>
      </c>
      <c r="W7" s="101">
        <v>170</v>
      </c>
      <c r="X7" s="102">
        <v>22</v>
      </c>
      <c r="Y7" s="98">
        <v>41</v>
      </c>
      <c r="Z7" s="99">
        <v>63</v>
      </c>
      <c r="AA7" s="100">
        <v>0</v>
      </c>
      <c r="AB7" s="98">
        <v>3060</v>
      </c>
      <c r="AC7" s="98">
        <v>2482</v>
      </c>
      <c r="AD7" s="98">
        <v>1927</v>
      </c>
      <c r="AE7" s="98">
        <v>1421</v>
      </c>
      <c r="AF7" s="98">
        <v>894</v>
      </c>
      <c r="AG7" s="99">
        <v>9784</v>
      </c>
      <c r="AH7" s="101">
        <v>9847</v>
      </c>
    </row>
    <row r="8" spans="1:34" ht="21" customHeight="1" x14ac:dyDescent="0.2">
      <c r="A8" s="18" t="s">
        <v>14</v>
      </c>
      <c r="B8" s="97">
        <v>15</v>
      </c>
      <c r="C8" s="98">
        <v>28</v>
      </c>
      <c r="D8" s="99">
        <v>43</v>
      </c>
      <c r="E8" s="100">
        <v>0</v>
      </c>
      <c r="F8" s="98">
        <v>1507</v>
      </c>
      <c r="G8" s="98">
        <v>1479</v>
      </c>
      <c r="H8" s="98">
        <v>1023</v>
      </c>
      <c r="I8" s="98">
        <v>600</v>
      </c>
      <c r="J8" s="98">
        <v>313</v>
      </c>
      <c r="K8" s="99">
        <v>4922</v>
      </c>
      <c r="L8" s="101">
        <v>4965</v>
      </c>
      <c r="M8" s="102">
        <v>0</v>
      </c>
      <c r="N8" s="98">
        <v>0</v>
      </c>
      <c r="O8" s="99">
        <v>0</v>
      </c>
      <c r="P8" s="100">
        <v>0</v>
      </c>
      <c r="Q8" s="98">
        <v>14</v>
      </c>
      <c r="R8" s="98">
        <v>33</v>
      </c>
      <c r="S8" s="98">
        <v>14</v>
      </c>
      <c r="T8" s="98">
        <v>12</v>
      </c>
      <c r="U8" s="98">
        <v>10</v>
      </c>
      <c r="V8" s="99">
        <v>83</v>
      </c>
      <c r="W8" s="101">
        <v>83</v>
      </c>
      <c r="X8" s="102">
        <v>15</v>
      </c>
      <c r="Y8" s="98">
        <v>28</v>
      </c>
      <c r="Z8" s="99">
        <v>43</v>
      </c>
      <c r="AA8" s="100">
        <v>0</v>
      </c>
      <c r="AB8" s="98">
        <v>1521</v>
      </c>
      <c r="AC8" s="98">
        <v>1512</v>
      </c>
      <c r="AD8" s="98">
        <v>1037</v>
      </c>
      <c r="AE8" s="98">
        <v>612</v>
      </c>
      <c r="AF8" s="98">
        <v>323</v>
      </c>
      <c r="AG8" s="99">
        <v>5005</v>
      </c>
      <c r="AH8" s="101">
        <v>5048</v>
      </c>
    </row>
    <row r="9" spans="1:34" ht="21" customHeight="1" x14ac:dyDescent="0.2">
      <c r="A9" s="18" t="s">
        <v>7</v>
      </c>
      <c r="B9" s="97">
        <v>7</v>
      </c>
      <c r="C9" s="98">
        <v>14</v>
      </c>
      <c r="D9" s="99">
        <v>21</v>
      </c>
      <c r="E9" s="100">
        <v>0</v>
      </c>
      <c r="F9" s="98">
        <v>1266</v>
      </c>
      <c r="G9" s="98">
        <v>900</v>
      </c>
      <c r="H9" s="98">
        <v>603</v>
      </c>
      <c r="I9" s="98">
        <v>326</v>
      </c>
      <c r="J9" s="98">
        <v>160</v>
      </c>
      <c r="K9" s="99">
        <v>3255</v>
      </c>
      <c r="L9" s="101">
        <v>3276</v>
      </c>
      <c r="M9" s="102">
        <v>1</v>
      </c>
      <c r="N9" s="98">
        <v>0</v>
      </c>
      <c r="O9" s="99">
        <v>1</v>
      </c>
      <c r="P9" s="100">
        <v>0</v>
      </c>
      <c r="Q9" s="98">
        <v>11</v>
      </c>
      <c r="R9" s="98">
        <v>11</v>
      </c>
      <c r="S9" s="98">
        <v>8</v>
      </c>
      <c r="T9" s="98">
        <v>5</v>
      </c>
      <c r="U9" s="98">
        <v>9</v>
      </c>
      <c r="V9" s="99">
        <v>44</v>
      </c>
      <c r="W9" s="101">
        <v>45</v>
      </c>
      <c r="X9" s="102">
        <v>8</v>
      </c>
      <c r="Y9" s="98">
        <v>14</v>
      </c>
      <c r="Z9" s="99">
        <v>22</v>
      </c>
      <c r="AA9" s="100">
        <v>0</v>
      </c>
      <c r="AB9" s="98">
        <v>1277</v>
      </c>
      <c r="AC9" s="98">
        <v>911</v>
      </c>
      <c r="AD9" s="98">
        <v>611</v>
      </c>
      <c r="AE9" s="98">
        <v>331</v>
      </c>
      <c r="AF9" s="98">
        <v>169</v>
      </c>
      <c r="AG9" s="99">
        <v>3299</v>
      </c>
      <c r="AH9" s="101">
        <v>3321</v>
      </c>
    </row>
    <row r="10" spans="1:34" ht="21" customHeight="1" x14ac:dyDescent="0.2">
      <c r="A10" s="18" t="s">
        <v>8</v>
      </c>
      <c r="B10" s="97">
        <v>7</v>
      </c>
      <c r="C10" s="98">
        <v>11</v>
      </c>
      <c r="D10" s="99">
        <v>18</v>
      </c>
      <c r="E10" s="100">
        <v>0</v>
      </c>
      <c r="F10" s="98">
        <v>750</v>
      </c>
      <c r="G10" s="98">
        <v>651</v>
      </c>
      <c r="H10" s="98">
        <v>384</v>
      </c>
      <c r="I10" s="98">
        <v>227</v>
      </c>
      <c r="J10" s="98">
        <v>122</v>
      </c>
      <c r="K10" s="99">
        <v>2134</v>
      </c>
      <c r="L10" s="101">
        <v>2152</v>
      </c>
      <c r="M10" s="102">
        <v>0</v>
      </c>
      <c r="N10" s="98">
        <v>0</v>
      </c>
      <c r="O10" s="99">
        <v>0</v>
      </c>
      <c r="P10" s="100">
        <v>0</v>
      </c>
      <c r="Q10" s="98">
        <v>17</v>
      </c>
      <c r="R10" s="98">
        <v>17</v>
      </c>
      <c r="S10" s="98">
        <v>9</v>
      </c>
      <c r="T10" s="98">
        <v>3</v>
      </c>
      <c r="U10" s="98">
        <v>5</v>
      </c>
      <c r="V10" s="99">
        <v>51</v>
      </c>
      <c r="W10" s="101">
        <v>51</v>
      </c>
      <c r="X10" s="102">
        <v>7</v>
      </c>
      <c r="Y10" s="98">
        <v>11</v>
      </c>
      <c r="Z10" s="99">
        <v>18</v>
      </c>
      <c r="AA10" s="100">
        <v>0</v>
      </c>
      <c r="AB10" s="98">
        <v>767</v>
      </c>
      <c r="AC10" s="98">
        <v>668</v>
      </c>
      <c r="AD10" s="98">
        <v>393</v>
      </c>
      <c r="AE10" s="98">
        <v>230</v>
      </c>
      <c r="AF10" s="98">
        <v>127</v>
      </c>
      <c r="AG10" s="99">
        <v>2185</v>
      </c>
      <c r="AH10" s="101">
        <v>2203</v>
      </c>
    </row>
    <row r="11" spans="1:34" ht="21" customHeight="1" x14ac:dyDescent="0.2">
      <c r="A11" s="18" t="s">
        <v>9</v>
      </c>
      <c r="B11" s="97">
        <v>5</v>
      </c>
      <c r="C11" s="98">
        <v>7</v>
      </c>
      <c r="D11" s="99">
        <v>12</v>
      </c>
      <c r="E11" s="100">
        <v>0</v>
      </c>
      <c r="F11" s="98">
        <v>473</v>
      </c>
      <c r="G11" s="98">
        <v>372</v>
      </c>
      <c r="H11" s="98">
        <v>283</v>
      </c>
      <c r="I11" s="98">
        <v>160</v>
      </c>
      <c r="J11" s="98">
        <v>84</v>
      </c>
      <c r="K11" s="99">
        <v>1372</v>
      </c>
      <c r="L11" s="101">
        <v>1384</v>
      </c>
      <c r="M11" s="102">
        <v>0</v>
      </c>
      <c r="N11" s="98">
        <v>0</v>
      </c>
      <c r="O11" s="99">
        <v>0</v>
      </c>
      <c r="P11" s="100">
        <v>0</v>
      </c>
      <c r="Q11" s="98">
        <v>11</v>
      </c>
      <c r="R11" s="98">
        <v>9</v>
      </c>
      <c r="S11" s="98">
        <v>4</v>
      </c>
      <c r="T11" s="98">
        <v>6</v>
      </c>
      <c r="U11" s="98">
        <v>1</v>
      </c>
      <c r="V11" s="99">
        <v>31</v>
      </c>
      <c r="W11" s="101">
        <v>31</v>
      </c>
      <c r="X11" s="102">
        <v>5</v>
      </c>
      <c r="Y11" s="98">
        <v>7</v>
      </c>
      <c r="Z11" s="99">
        <v>12</v>
      </c>
      <c r="AA11" s="100">
        <v>0</v>
      </c>
      <c r="AB11" s="98">
        <v>484</v>
      </c>
      <c r="AC11" s="98">
        <v>381</v>
      </c>
      <c r="AD11" s="98">
        <v>287</v>
      </c>
      <c r="AE11" s="98">
        <v>166</v>
      </c>
      <c r="AF11" s="98">
        <v>85</v>
      </c>
      <c r="AG11" s="99">
        <v>1403</v>
      </c>
      <c r="AH11" s="101">
        <v>1415</v>
      </c>
    </row>
    <row r="12" spans="1:34" ht="21" customHeight="1" x14ac:dyDescent="0.2">
      <c r="A12" s="18" t="s">
        <v>10</v>
      </c>
      <c r="B12" s="97">
        <v>8</v>
      </c>
      <c r="C12" s="98">
        <v>27</v>
      </c>
      <c r="D12" s="99">
        <v>35</v>
      </c>
      <c r="E12" s="100">
        <v>0</v>
      </c>
      <c r="F12" s="98">
        <v>834</v>
      </c>
      <c r="G12" s="98">
        <v>570</v>
      </c>
      <c r="H12" s="98">
        <v>373</v>
      </c>
      <c r="I12" s="98">
        <v>284</v>
      </c>
      <c r="J12" s="98">
        <v>244</v>
      </c>
      <c r="K12" s="99">
        <v>2305</v>
      </c>
      <c r="L12" s="101">
        <v>2340</v>
      </c>
      <c r="M12" s="102">
        <v>0</v>
      </c>
      <c r="N12" s="98">
        <v>1</v>
      </c>
      <c r="O12" s="99">
        <v>1</v>
      </c>
      <c r="P12" s="100">
        <v>0</v>
      </c>
      <c r="Q12" s="98">
        <v>10</v>
      </c>
      <c r="R12" s="98">
        <v>9</v>
      </c>
      <c r="S12" s="98">
        <v>16</v>
      </c>
      <c r="T12" s="98">
        <v>8</v>
      </c>
      <c r="U12" s="98">
        <v>6</v>
      </c>
      <c r="V12" s="99">
        <v>49</v>
      </c>
      <c r="W12" s="101">
        <v>50</v>
      </c>
      <c r="X12" s="102">
        <v>8</v>
      </c>
      <c r="Y12" s="98">
        <v>28</v>
      </c>
      <c r="Z12" s="99">
        <v>36</v>
      </c>
      <c r="AA12" s="100">
        <v>0</v>
      </c>
      <c r="AB12" s="98">
        <v>844</v>
      </c>
      <c r="AC12" s="98">
        <v>579</v>
      </c>
      <c r="AD12" s="98">
        <v>389</v>
      </c>
      <c r="AE12" s="98">
        <v>292</v>
      </c>
      <c r="AF12" s="98">
        <v>250</v>
      </c>
      <c r="AG12" s="99">
        <v>2354</v>
      </c>
      <c r="AH12" s="101">
        <v>2390</v>
      </c>
    </row>
    <row r="13" spans="1:34" ht="21" customHeight="1" x14ac:dyDescent="0.2">
      <c r="A13" s="18" t="s">
        <v>11</v>
      </c>
      <c r="B13" s="97">
        <v>3</v>
      </c>
      <c r="C13" s="98">
        <v>11</v>
      </c>
      <c r="D13" s="99">
        <v>14</v>
      </c>
      <c r="E13" s="100">
        <v>0</v>
      </c>
      <c r="F13" s="98">
        <v>663</v>
      </c>
      <c r="G13" s="98">
        <v>418</v>
      </c>
      <c r="H13" s="98">
        <v>249</v>
      </c>
      <c r="I13" s="98">
        <v>168</v>
      </c>
      <c r="J13" s="98">
        <v>75</v>
      </c>
      <c r="K13" s="99">
        <v>1573</v>
      </c>
      <c r="L13" s="101">
        <v>1587</v>
      </c>
      <c r="M13" s="102">
        <v>0</v>
      </c>
      <c r="N13" s="98">
        <v>0</v>
      </c>
      <c r="O13" s="99">
        <v>0</v>
      </c>
      <c r="P13" s="100">
        <v>0</v>
      </c>
      <c r="Q13" s="98">
        <v>10</v>
      </c>
      <c r="R13" s="98">
        <v>7</v>
      </c>
      <c r="S13" s="98">
        <v>3</v>
      </c>
      <c r="T13" s="98">
        <v>3</v>
      </c>
      <c r="U13" s="98">
        <v>3</v>
      </c>
      <c r="V13" s="99">
        <v>26</v>
      </c>
      <c r="W13" s="101">
        <v>26</v>
      </c>
      <c r="X13" s="102">
        <v>3</v>
      </c>
      <c r="Y13" s="98">
        <v>11</v>
      </c>
      <c r="Z13" s="99">
        <v>14</v>
      </c>
      <c r="AA13" s="100">
        <v>0</v>
      </c>
      <c r="AB13" s="98">
        <v>673</v>
      </c>
      <c r="AC13" s="98">
        <v>425</v>
      </c>
      <c r="AD13" s="98">
        <v>252</v>
      </c>
      <c r="AE13" s="98">
        <v>171</v>
      </c>
      <c r="AF13" s="98">
        <v>78</v>
      </c>
      <c r="AG13" s="99">
        <v>1599</v>
      </c>
      <c r="AH13" s="101">
        <v>1613</v>
      </c>
    </row>
    <row r="14" spans="1:34" ht="21" customHeight="1" x14ac:dyDescent="0.2">
      <c r="A14" s="18" t="s">
        <v>12</v>
      </c>
      <c r="B14" s="97">
        <v>1</v>
      </c>
      <c r="C14" s="98">
        <v>0</v>
      </c>
      <c r="D14" s="99">
        <v>1</v>
      </c>
      <c r="E14" s="100">
        <v>0</v>
      </c>
      <c r="F14" s="98">
        <v>487</v>
      </c>
      <c r="G14" s="98">
        <v>320</v>
      </c>
      <c r="H14" s="98">
        <v>275</v>
      </c>
      <c r="I14" s="98">
        <v>187</v>
      </c>
      <c r="J14" s="98">
        <v>127</v>
      </c>
      <c r="K14" s="99">
        <v>1396</v>
      </c>
      <c r="L14" s="101">
        <v>1397</v>
      </c>
      <c r="M14" s="102">
        <v>0</v>
      </c>
      <c r="N14" s="98">
        <v>0</v>
      </c>
      <c r="O14" s="99">
        <v>0</v>
      </c>
      <c r="P14" s="100">
        <v>0</v>
      </c>
      <c r="Q14" s="98">
        <v>6</v>
      </c>
      <c r="R14" s="98">
        <v>7</v>
      </c>
      <c r="S14" s="98">
        <v>3</v>
      </c>
      <c r="T14" s="98">
        <v>3</v>
      </c>
      <c r="U14" s="98">
        <v>4</v>
      </c>
      <c r="V14" s="99">
        <v>23</v>
      </c>
      <c r="W14" s="101">
        <v>23</v>
      </c>
      <c r="X14" s="102">
        <v>1</v>
      </c>
      <c r="Y14" s="98">
        <v>0</v>
      </c>
      <c r="Z14" s="99">
        <v>1</v>
      </c>
      <c r="AA14" s="100">
        <v>0</v>
      </c>
      <c r="AB14" s="98">
        <v>493</v>
      </c>
      <c r="AC14" s="98">
        <v>327</v>
      </c>
      <c r="AD14" s="98">
        <v>278</v>
      </c>
      <c r="AE14" s="98">
        <v>190</v>
      </c>
      <c r="AF14" s="98">
        <v>131</v>
      </c>
      <c r="AG14" s="99">
        <v>1419</v>
      </c>
      <c r="AH14" s="101">
        <v>1420</v>
      </c>
    </row>
    <row r="15" spans="1:34" ht="21" customHeight="1" x14ac:dyDescent="0.2">
      <c r="A15" s="18" t="s">
        <v>13</v>
      </c>
      <c r="B15" s="97">
        <v>1</v>
      </c>
      <c r="C15" s="98">
        <v>3</v>
      </c>
      <c r="D15" s="99">
        <v>4</v>
      </c>
      <c r="E15" s="100">
        <v>0</v>
      </c>
      <c r="F15" s="98">
        <v>151</v>
      </c>
      <c r="G15" s="98">
        <v>153</v>
      </c>
      <c r="H15" s="98">
        <v>88</v>
      </c>
      <c r="I15" s="98">
        <v>66</v>
      </c>
      <c r="J15" s="98">
        <v>30</v>
      </c>
      <c r="K15" s="99">
        <v>488</v>
      </c>
      <c r="L15" s="101">
        <v>492</v>
      </c>
      <c r="M15" s="102">
        <v>0</v>
      </c>
      <c r="N15" s="98">
        <v>0</v>
      </c>
      <c r="O15" s="99">
        <v>0</v>
      </c>
      <c r="P15" s="100">
        <v>0</v>
      </c>
      <c r="Q15" s="98">
        <v>4</v>
      </c>
      <c r="R15" s="98">
        <v>3</v>
      </c>
      <c r="S15" s="98">
        <v>2</v>
      </c>
      <c r="T15" s="98">
        <v>2</v>
      </c>
      <c r="U15" s="98">
        <v>0</v>
      </c>
      <c r="V15" s="99">
        <v>11</v>
      </c>
      <c r="W15" s="101">
        <v>11</v>
      </c>
      <c r="X15" s="102">
        <v>1</v>
      </c>
      <c r="Y15" s="98">
        <v>3</v>
      </c>
      <c r="Z15" s="99">
        <v>4</v>
      </c>
      <c r="AA15" s="100">
        <v>0</v>
      </c>
      <c r="AB15" s="98">
        <v>155</v>
      </c>
      <c r="AC15" s="98">
        <v>156</v>
      </c>
      <c r="AD15" s="98">
        <v>90</v>
      </c>
      <c r="AE15" s="98">
        <v>68</v>
      </c>
      <c r="AF15" s="98">
        <v>30</v>
      </c>
      <c r="AG15" s="99">
        <v>499</v>
      </c>
      <c r="AH15" s="101">
        <v>503</v>
      </c>
    </row>
    <row r="16" spans="1:34" ht="21" customHeight="1" x14ac:dyDescent="0.2">
      <c r="A16" s="18" t="s">
        <v>15</v>
      </c>
      <c r="B16" s="97">
        <v>5</v>
      </c>
      <c r="C16" s="98">
        <v>13</v>
      </c>
      <c r="D16" s="99">
        <v>18</v>
      </c>
      <c r="E16" s="100">
        <v>0</v>
      </c>
      <c r="F16" s="98">
        <v>217</v>
      </c>
      <c r="G16" s="98">
        <v>214</v>
      </c>
      <c r="H16" s="98">
        <v>137</v>
      </c>
      <c r="I16" s="98">
        <v>90</v>
      </c>
      <c r="J16" s="98">
        <v>42</v>
      </c>
      <c r="K16" s="99">
        <v>700</v>
      </c>
      <c r="L16" s="101">
        <v>718</v>
      </c>
      <c r="M16" s="102">
        <v>0</v>
      </c>
      <c r="N16" s="98">
        <v>1</v>
      </c>
      <c r="O16" s="99">
        <v>1</v>
      </c>
      <c r="P16" s="100">
        <v>0</v>
      </c>
      <c r="Q16" s="98">
        <v>3</v>
      </c>
      <c r="R16" s="98">
        <v>6</v>
      </c>
      <c r="S16" s="98">
        <v>2</v>
      </c>
      <c r="T16" s="98">
        <v>1</v>
      </c>
      <c r="U16" s="98">
        <v>1</v>
      </c>
      <c r="V16" s="99">
        <v>13</v>
      </c>
      <c r="W16" s="101">
        <v>14</v>
      </c>
      <c r="X16" s="102">
        <v>5</v>
      </c>
      <c r="Y16" s="98">
        <v>14</v>
      </c>
      <c r="Z16" s="99">
        <v>19</v>
      </c>
      <c r="AA16" s="100">
        <v>0</v>
      </c>
      <c r="AB16" s="98">
        <v>220</v>
      </c>
      <c r="AC16" s="98">
        <v>220</v>
      </c>
      <c r="AD16" s="98">
        <v>139</v>
      </c>
      <c r="AE16" s="98">
        <v>91</v>
      </c>
      <c r="AF16" s="98">
        <v>43</v>
      </c>
      <c r="AG16" s="99">
        <v>713</v>
      </c>
      <c r="AH16" s="101">
        <v>732</v>
      </c>
    </row>
    <row r="17" spans="1:34" ht="21" customHeight="1" x14ac:dyDescent="0.2">
      <c r="A17" s="18" t="s">
        <v>16</v>
      </c>
      <c r="B17" s="97">
        <v>2</v>
      </c>
      <c r="C17" s="98">
        <v>1</v>
      </c>
      <c r="D17" s="99">
        <v>3</v>
      </c>
      <c r="E17" s="100">
        <v>0</v>
      </c>
      <c r="F17" s="98">
        <v>207</v>
      </c>
      <c r="G17" s="98">
        <v>279</v>
      </c>
      <c r="H17" s="98">
        <v>203</v>
      </c>
      <c r="I17" s="98">
        <v>109</v>
      </c>
      <c r="J17" s="98">
        <v>76</v>
      </c>
      <c r="K17" s="99">
        <v>874</v>
      </c>
      <c r="L17" s="101">
        <v>877</v>
      </c>
      <c r="M17" s="102">
        <v>0</v>
      </c>
      <c r="N17" s="98">
        <v>0</v>
      </c>
      <c r="O17" s="99">
        <v>0</v>
      </c>
      <c r="P17" s="100">
        <v>0</v>
      </c>
      <c r="Q17" s="98">
        <v>2</v>
      </c>
      <c r="R17" s="98">
        <v>2</v>
      </c>
      <c r="S17" s="98">
        <v>5</v>
      </c>
      <c r="T17" s="98">
        <v>1</v>
      </c>
      <c r="U17" s="98">
        <v>3</v>
      </c>
      <c r="V17" s="99">
        <v>13</v>
      </c>
      <c r="W17" s="101">
        <v>13</v>
      </c>
      <c r="X17" s="102">
        <v>2</v>
      </c>
      <c r="Y17" s="98">
        <v>1</v>
      </c>
      <c r="Z17" s="99">
        <v>3</v>
      </c>
      <c r="AA17" s="100">
        <v>0</v>
      </c>
      <c r="AB17" s="98">
        <v>209</v>
      </c>
      <c r="AC17" s="98">
        <v>281</v>
      </c>
      <c r="AD17" s="98">
        <v>208</v>
      </c>
      <c r="AE17" s="98">
        <v>110</v>
      </c>
      <c r="AF17" s="98">
        <v>79</v>
      </c>
      <c r="AG17" s="99">
        <v>887</v>
      </c>
      <c r="AH17" s="101">
        <v>890</v>
      </c>
    </row>
    <row r="18" spans="1:34" ht="21" customHeight="1" x14ac:dyDescent="0.2">
      <c r="A18" s="18" t="s">
        <v>17</v>
      </c>
      <c r="B18" s="97">
        <v>1</v>
      </c>
      <c r="C18" s="98">
        <v>2</v>
      </c>
      <c r="D18" s="99">
        <v>3</v>
      </c>
      <c r="E18" s="100">
        <v>0</v>
      </c>
      <c r="F18" s="98">
        <v>325</v>
      </c>
      <c r="G18" s="98">
        <v>398</v>
      </c>
      <c r="H18" s="98">
        <v>254</v>
      </c>
      <c r="I18" s="98">
        <v>170</v>
      </c>
      <c r="J18" s="98">
        <v>139</v>
      </c>
      <c r="K18" s="99">
        <v>1286</v>
      </c>
      <c r="L18" s="101">
        <v>1289</v>
      </c>
      <c r="M18" s="102">
        <v>0</v>
      </c>
      <c r="N18" s="98">
        <v>0</v>
      </c>
      <c r="O18" s="99">
        <v>0</v>
      </c>
      <c r="P18" s="100">
        <v>0</v>
      </c>
      <c r="Q18" s="98">
        <v>1</v>
      </c>
      <c r="R18" s="98">
        <v>16</v>
      </c>
      <c r="S18" s="98">
        <v>11</v>
      </c>
      <c r="T18" s="98">
        <v>11</v>
      </c>
      <c r="U18" s="98">
        <v>4</v>
      </c>
      <c r="V18" s="99">
        <v>43</v>
      </c>
      <c r="W18" s="101">
        <v>43</v>
      </c>
      <c r="X18" s="102">
        <v>1</v>
      </c>
      <c r="Y18" s="98">
        <v>2</v>
      </c>
      <c r="Z18" s="99">
        <v>3</v>
      </c>
      <c r="AA18" s="100">
        <v>0</v>
      </c>
      <c r="AB18" s="98">
        <v>326</v>
      </c>
      <c r="AC18" s="98">
        <v>414</v>
      </c>
      <c r="AD18" s="98">
        <v>265</v>
      </c>
      <c r="AE18" s="98">
        <v>181</v>
      </c>
      <c r="AF18" s="98">
        <v>143</v>
      </c>
      <c r="AG18" s="99">
        <v>1329</v>
      </c>
      <c r="AH18" s="101">
        <v>1332</v>
      </c>
    </row>
    <row r="19" spans="1:34" ht="21" customHeight="1" x14ac:dyDescent="0.2">
      <c r="A19" s="18" t="s">
        <v>18</v>
      </c>
      <c r="B19" s="97">
        <v>8</v>
      </c>
      <c r="C19" s="98">
        <v>10</v>
      </c>
      <c r="D19" s="99">
        <v>18</v>
      </c>
      <c r="E19" s="100">
        <v>0</v>
      </c>
      <c r="F19" s="98">
        <v>412</v>
      </c>
      <c r="G19" s="98">
        <v>403</v>
      </c>
      <c r="H19" s="98">
        <v>258</v>
      </c>
      <c r="I19" s="98">
        <v>136</v>
      </c>
      <c r="J19" s="98">
        <v>82</v>
      </c>
      <c r="K19" s="99">
        <v>1291</v>
      </c>
      <c r="L19" s="101">
        <v>1309</v>
      </c>
      <c r="M19" s="102">
        <v>0</v>
      </c>
      <c r="N19" s="98">
        <v>0</v>
      </c>
      <c r="O19" s="99">
        <v>0</v>
      </c>
      <c r="P19" s="100">
        <v>0</v>
      </c>
      <c r="Q19" s="98">
        <v>9</v>
      </c>
      <c r="R19" s="98">
        <v>8</v>
      </c>
      <c r="S19" s="98">
        <v>4</v>
      </c>
      <c r="T19" s="98">
        <v>6</v>
      </c>
      <c r="U19" s="98">
        <v>5</v>
      </c>
      <c r="V19" s="99">
        <v>32</v>
      </c>
      <c r="W19" s="101">
        <v>32</v>
      </c>
      <c r="X19" s="102">
        <v>8</v>
      </c>
      <c r="Y19" s="98">
        <v>10</v>
      </c>
      <c r="Z19" s="99">
        <v>18</v>
      </c>
      <c r="AA19" s="100">
        <v>0</v>
      </c>
      <c r="AB19" s="98">
        <v>421</v>
      </c>
      <c r="AC19" s="98">
        <v>411</v>
      </c>
      <c r="AD19" s="98">
        <v>262</v>
      </c>
      <c r="AE19" s="98">
        <v>142</v>
      </c>
      <c r="AF19" s="98">
        <v>87</v>
      </c>
      <c r="AG19" s="99">
        <v>1323</v>
      </c>
      <c r="AH19" s="101">
        <v>1341</v>
      </c>
    </row>
    <row r="20" spans="1:34" ht="21" customHeight="1" x14ac:dyDescent="0.2">
      <c r="A20" s="18" t="s">
        <v>19</v>
      </c>
      <c r="B20" s="97">
        <v>0</v>
      </c>
      <c r="C20" s="98">
        <v>5</v>
      </c>
      <c r="D20" s="99">
        <v>5</v>
      </c>
      <c r="E20" s="100">
        <v>0</v>
      </c>
      <c r="F20" s="98">
        <v>192</v>
      </c>
      <c r="G20" s="98">
        <v>190</v>
      </c>
      <c r="H20" s="98">
        <v>127</v>
      </c>
      <c r="I20" s="98">
        <v>62</v>
      </c>
      <c r="J20" s="98">
        <v>55</v>
      </c>
      <c r="K20" s="99">
        <v>626</v>
      </c>
      <c r="L20" s="101">
        <v>631</v>
      </c>
      <c r="M20" s="102">
        <v>0</v>
      </c>
      <c r="N20" s="98">
        <v>0</v>
      </c>
      <c r="O20" s="99">
        <v>0</v>
      </c>
      <c r="P20" s="100">
        <v>0</v>
      </c>
      <c r="Q20" s="98">
        <v>0</v>
      </c>
      <c r="R20" s="98">
        <v>2</v>
      </c>
      <c r="S20" s="98">
        <v>0</v>
      </c>
      <c r="T20" s="98">
        <v>1</v>
      </c>
      <c r="U20" s="98">
        <v>1</v>
      </c>
      <c r="V20" s="99">
        <v>4</v>
      </c>
      <c r="W20" s="101">
        <v>4</v>
      </c>
      <c r="X20" s="102">
        <v>0</v>
      </c>
      <c r="Y20" s="98">
        <v>5</v>
      </c>
      <c r="Z20" s="99">
        <v>5</v>
      </c>
      <c r="AA20" s="100">
        <v>0</v>
      </c>
      <c r="AB20" s="98">
        <v>192</v>
      </c>
      <c r="AC20" s="98">
        <v>192</v>
      </c>
      <c r="AD20" s="98">
        <v>127</v>
      </c>
      <c r="AE20" s="98">
        <v>63</v>
      </c>
      <c r="AF20" s="98">
        <v>56</v>
      </c>
      <c r="AG20" s="99">
        <v>630</v>
      </c>
      <c r="AH20" s="101">
        <v>635</v>
      </c>
    </row>
    <row r="21" spans="1:34" ht="21" customHeight="1" x14ac:dyDescent="0.2">
      <c r="A21" s="18" t="s">
        <v>20</v>
      </c>
      <c r="B21" s="97">
        <v>1</v>
      </c>
      <c r="C21" s="98">
        <v>2</v>
      </c>
      <c r="D21" s="99">
        <v>3</v>
      </c>
      <c r="E21" s="100">
        <v>0</v>
      </c>
      <c r="F21" s="98">
        <v>205</v>
      </c>
      <c r="G21" s="98">
        <v>116</v>
      </c>
      <c r="H21" s="98">
        <v>85</v>
      </c>
      <c r="I21" s="98">
        <v>54</v>
      </c>
      <c r="J21" s="98">
        <v>15</v>
      </c>
      <c r="K21" s="99">
        <v>475</v>
      </c>
      <c r="L21" s="101">
        <v>478</v>
      </c>
      <c r="M21" s="102">
        <v>0</v>
      </c>
      <c r="N21" s="98">
        <v>0</v>
      </c>
      <c r="O21" s="99">
        <v>0</v>
      </c>
      <c r="P21" s="100">
        <v>0</v>
      </c>
      <c r="Q21" s="98">
        <v>5</v>
      </c>
      <c r="R21" s="98">
        <v>1</v>
      </c>
      <c r="S21" s="98">
        <v>1</v>
      </c>
      <c r="T21" s="98">
        <v>0</v>
      </c>
      <c r="U21" s="98">
        <v>0</v>
      </c>
      <c r="V21" s="99">
        <v>7</v>
      </c>
      <c r="W21" s="101">
        <v>7</v>
      </c>
      <c r="X21" s="102">
        <v>1</v>
      </c>
      <c r="Y21" s="98">
        <v>2</v>
      </c>
      <c r="Z21" s="99">
        <v>3</v>
      </c>
      <c r="AA21" s="100">
        <v>0</v>
      </c>
      <c r="AB21" s="98">
        <v>210</v>
      </c>
      <c r="AC21" s="98">
        <v>117</v>
      </c>
      <c r="AD21" s="98">
        <v>86</v>
      </c>
      <c r="AE21" s="98">
        <v>54</v>
      </c>
      <c r="AF21" s="98">
        <v>15</v>
      </c>
      <c r="AG21" s="99">
        <v>482</v>
      </c>
      <c r="AH21" s="101">
        <v>485</v>
      </c>
    </row>
    <row r="22" spans="1:34" ht="21" customHeight="1" x14ac:dyDescent="0.2">
      <c r="A22" s="18" t="s">
        <v>21</v>
      </c>
      <c r="B22" s="97">
        <v>1</v>
      </c>
      <c r="C22" s="98">
        <v>1</v>
      </c>
      <c r="D22" s="99">
        <v>2</v>
      </c>
      <c r="E22" s="100">
        <v>0</v>
      </c>
      <c r="F22" s="98">
        <v>207</v>
      </c>
      <c r="G22" s="98">
        <v>227</v>
      </c>
      <c r="H22" s="98">
        <v>113</v>
      </c>
      <c r="I22" s="98">
        <v>52</v>
      </c>
      <c r="J22" s="98">
        <v>32</v>
      </c>
      <c r="K22" s="99">
        <v>631</v>
      </c>
      <c r="L22" s="101">
        <v>633</v>
      </c>
      <c r="M22" s="102">
        <v>0</v>
      </c>
      <c r="N22" s="98">
        <v>0</v>
      </c>
      <c r="O22" s="99">
        <v>0</v>
      </c>
      <c r="P22" s="100">
        <v>0</v>
      </c>
      <c r="Q22" s="98">
        <v>0</v>
      </c>
      <c r="R22" s="98">
        <v>7</v>
      </c>
      <c r="S22" s="98">
        <v>3</v>
      </c>
      <c r="T22" s="98">
        <v>2</v>
      </c>
      <c r="U22" s="98">
        <v>2</v>
      </c>
      <c r="V22" s="99">
        <v>14</v>
      </c>
      <c r="W22" s="101">
        <v>14</v>
      </c>
      <c r="X22" s="102">
        <v>1</v>
      </c>
      <c r="Y22" s="98">
        <v>1</v>
      </c>
      <c r="Z22" s="99">
        <v>2</v>
      </c>
      <c r="AA22" s="100">
        <v>0</v>
      </c>
      <c r="AB22" s="98">
        <v>207</v>
      </c>
      <c r="AC22" s="98">
        <v>234</v>
      </c>
      <c r="AD22" s="98">
        <v>116</v>
      </c>
      <c r="AE22" s="98">
        <v>54</v>
      </c>
      <c r="AF22" s="98">
        <v>34</v>
      </c>
      <c r="AG22" s="99">
        <v>645</v>
      </c>
      <c r="AH22" s="101">
        <v>647</v>
      </c>
    </row>
    <row r="23" spans="1:34" ht="21" customHeight="1" x14ac:dyDescent="0.2">
      <c r="A23" s="18" t="s">
        <v>22</v>
      </c>
      <c r="B23" s="97">
        <v>3</v>
      </c>
      <c r="C23" s="98">
        <v>3</v>
      </c>
      <c r="D23" s="99">
        <v>6</v>
      </c>
      <c r="E23" s="100">
        <v>0</v>
      </c>
      <c r="F23" s="98">
        <v>168</v>
      </c>
      <c r="G23" s="98">
        <v>131</v>
      </c>
      <c r="H23" s="98">
        <v>69</v>
      </c>
      <c r="I23" s="98">
        <v>56</v>
      </c>
      <c r="J23" s="98">
        <v>21</v>
      </c>
      <c r="K23" s="99">
        <v>445</v>
      </c>
      <c r="L23" s="101">
        <v>451</v>
      </c>
      <c r="M23" s="102">
        <v>0</v>
      </c>
      <c r="N23" s="98">
        <v>0</v>
      </c>
      <c r="O23" s="99">
        <v>0</v>
      </c>
      <c r="P23" s="100">
        <v>0</v>
      </c>
      <c r="Q23" s="98">
        <v>5</v>
      </c>
      <c r="R23" s="98">
        <v>0</v>
      </c>
      <c r="S23" s="98">
        <v>2</v>
      </c>
      <c r="T23" s="98">
        <v>1</v>
      </c>
      <c r="U23" s="98">
        <v>0</v>
      </c>
      <c r="V23" s="99">
        <v>8</v>
      </c>
      <c r="W23" s="101">
        <v>8</v>
      </c>
      <c r="X23" s="102">
        <v>3</v>
      </c>
      <c r="Y23" s="98">
        <v>3</v>
      </c>
      <c r="Z23" s="99">
        <v>6</v>
      </c>
      <c r="AA23" s="100">
        <v>0</v>
      </c>
      <c r="AB23" s="98">
        <v>173</v>
      </c>
      <c r="AC23" s="98">
        <v>131</v>
      </c>
      <c r="AD23" s="98">
        <v>71</v>
      </c>
      <c r="AE23" s="98">
        <v>57</v>
      </c>
      <c r="AF23" s="98">
        <v>21</v>
      </c>
      <c r="AG23" s="99">
        <v>453</v>
      </c>
      <c r="AH23" s="101">
        <v>459</v>
      </c>
    </row>
    <row r="24" spans="1:34" ht="21" customHeight="1" x14ac:dyDescent="0.2">
      <c r="A24" s="18" t="s">
        <v>23</v>
      </c>
      <c r="B24" s="97">
        <v>0</v>
      </c>
      <c r="C24" s="98">
        <v>1</v>
      </c>
      <c r="D24" s="99">
        <v>1</v>
      </c>
      <c r="E24" s="100">
        <v>0</v>
      </c>
      <c r="F24" s="98">
        <v>88</v>
      </c>
      <c r="G24" s="98">
        <v>64</v>
      </c>
      <c r="H24" s="98">
        <v>40</v>
      </c>
      <c r="I24" s="98">
        <v>28</v>
      </c>
      <c r="J24" s="98">
        <v>10</v>
      </c>
      <c r="K24" s="99">
        <v>230</v>
      </c>
      <c r="L24" s="101">
        <v>231</v>
      </c>
      <c r="M24" s="102">
        <v>0</v>
      </c>
      <c r="N24" s="98">
        <v>0</v>
      </c>
      <c r="O24" s="99">
        <v>0</v>
      </c>
      <c r="P24" s="100">
        <v>0</v>
      </c>
      <c r="Q24" s="98">
        <v>0</v>
      </c>
      <c r="R24" s="98">
        <v>1</v>
      </c>
      <c r="S24" s="98">
        <v>0</v>
      </c>
      <c r="T24" s="98">
        <v>0</v>
      </c>
      <c r="U24" s="98">
        <v>0</v>
      </c>
      <c r="V24" s="99">
        <v>1</v>
      </c>
      <c r="W24" s="101">
        <v>1</v>
      </c>
      <c r="X24" s="102">
        <v>0</v>
      </c>
      <c r="Y24" s="98">
        <v>1</v>
      </c>
      <c r="Z24" s="99">
        <v>1</v>
      </c>
      <c r="AA24" s="100">
        <v>0</v>
      </c>
      <c r="AB24" s="98">
        <v>88</v>
      </c>
      <c r="AC24" s="98">
        <v>65</v>
      </c>
      <c r="AD24" s="98">
        <v>40</v>
      </c>
      <c r="AE24" s="98">
        <v>28</v>
      </c>
      <c r="AF24" s="98">
        <v>10</v>
      </c>
      <c r="AG24" s="99">
        <v>231</v>
      </c>
      <c r="AH24" s="101">
        <v>232</v>
      </c>
    </row>
    <row r="25" spans="1:34" ht="21" customHeight="1" x14ac:dyDescent="0.2">
      <c r="A25" s="18" t="s">
        <v>24</v>
      </c>
      <c r="B25" s="97">
        <v>6</v>
      </c>
      <c r="C25" s="98">
        <v>5</v>
      </c>
      <c r="D25" s="99">
        <v>11</v>
      </c>
      <c r="E25" s="100">
        <v>0</v>
      </c>
      <c r="F25" s="98">
        <v>77</v>
      </c>
      <c r="G25" s="98">
        <v>38</v>
      </c>
      <c r="H25" s="98">
        <v>38</v>
      </c>
      <c r="I25" s="98">
        <v>19</v>
      </c>
      <c r="J25" s="98">
        <v>13</v>
      </c>
      <c r="K25" s="99">
        <v>185</v>
      </c>
      <c r="L25" s="101">
        <v>196</v>
      </c>
      <c r="M25" s="102">
        <v>0</v>
      </c>
      <c r="N25" s="98">
        <v>0</v>
      </c>
      <c r="O25" s="99">
        <v>0</v>
      </c>
      <c r="P25" s="100">
        <v>0</v>
      </c>
      <c r="Q25" s="98">
        <v>0</v>
      </c>
      <c r="R25" s="98">
        <v>0</v>
      </c>
      <c r="S25" s="98">
        <v>0</v>
      </c>
      <c r="T25" s="98">
        <v>0</v>
      </c>
      <c r="U25" s="98">
        <v>0</v>
      </c>
      <c r="V25" s="99">
        <v>0</v>
      </c>
      <c r="W25" s="101">
        <v>0</v>
      </c>
      <c r="X25" s="102">
        <v>6</v>
      </c>
      <c r="Y25" s="98">
        <v>5</v>
      </c>
      <c r="Z25" s="99">
        <v>11</v>
      </c>
      <c r="AA25" s="100">
        <v>0</v>
      </c>
      <c r="AB25" s="98">
        <v>77</v>
      </c>
      <c r="AC25" s="98">
        <v>38</v>
      </c>
      <c r="AD25" s="98">
        <v>38</v>
      </c>
      <c r="AE25" s="98">
        <v>19</v>
      </c>
      <c r="AF25" s="98">
        <v>13</v>
      </c>
      <c r="AG25" s="99">
        <v>185</v>
      </c>
      <c r="AH25" s="101">
        <v>196</v>
      </c>
    </row>
    <row r="26" spans="1:34" ht="21" customHeight="1" x14ac:dyDescent="0.2">
      <c r="A26" s="18" t="s">
        <v>25</v>
      </c>
      <c r="B26" s="97">
        <v>0</v>
      </c>
      <c r="C26" s="98">
        <v>0</v>
      </c>
      <c r="D26" s="99">
        <v>0</v>
      </c>
      <c r="E26" s="100">
        <v>0</v>
      </c>
      <c r="F26" s="98">
        <v>96</v>
      </c>
      <c r="G26" s="98">
        <v>39</v>
      </c>
      <c r="H26" s="98">
        <v>24</v>
      </c>
      <c r="I26" s="98">
        <v>16</v>
      </c>
      <c r="J26" s="98">
        <v>4</v>
      </c>
      <c r="K26" s="99">
        <v>179</v>
      </c>
      <c r="L26" s="101">
        <v>179</v>
      </c>
      <c r="M26" s="102">
        <v>0</v>
      </c>
      <c r="N26" s="98">
        <v>0</v>
      </c>
      <c r="O26" s="99">
        <v>0</v>
      </c>
      <c r="P26" s="100">
        <v>0</v>
      </c>
      <c r="Q26" s="98">
        <v>1</v>
      </c>
      <c r="R26" s="98">
        <v>1</v>
      </c>
      <c r="S26" s="98">
        <v>1</v>
      </c>
      <c r="T26" s="98">
        <v>0</v>
      </c>
      <c r="U26" s="98">
        <v>0</v>
      </c>
      <c r="V26" s="99">
        <v>3</v>
      </c>
      <c r="W26" s="101">
        <v>3</v>
      </c>
      <c r="X26" s="102">
        <v>0</v>
      </c>
      <c r="Y26" s="98">
        <v>0</v>
      </c>
      <c r="Z26" s="99">
        <v>0</v>
      </c>
      <c r="AA26" s="100">
        <v>0</v>
      </c>
      <c r="AB26" s="98">
        <v>97</v>
      </c>
      <c r="AC26" s="98">
        <v>40</v>
      </c>
      <c r="AD26" s="98">
        <v>25</v>
      </c>
      <c r="AE26" s="98">
        <v>16</v>
      </c>
      <c r="AF26" s="98">
        <v>4</v>
      </c>
      <c r="AG26" s="99">
        <v>182</v>
      </c>
      <c r="AH26" s="101">
        <v>182</v>
      </c>
    </row>
    <row r="27" spans="1:34" ht="21" customHeight="1" x14ac:dyDescent="0.2">
      <c r="A27" s="18" t="s">
        <v>26</v>
      </c>
      <c r="B27" s="97">
        <v>2</v>
      </c>
      <c r="C27" s="98">
        <v>0</v>
      </c>
      <c r="D27" s="99">
        <v>2</v>
      </c>
      <c r="E27" s="100">
        <v>0</v>
      </c>
      <c r="F27" s="98">
        <v>61</v>
      </c>
      <c r="G27" s="98">
        <v>56</v>
      </c>
      <c r="H27" s="98">
        <v>41</v>
      </c>
      <c r="I27" s="98">
        <v>22</v>
      </c>
      <c r="J27" s="98">
        <v>20</v>
      </c>
      <c r="K27" s="99">
        <v>200</v>
      </c>
      <c r="L27" s="101">
        <v>202</v>
      </c>
      <c r="M27" s="102">
        <v>0</v>
      </c>
      <c r="N27" s="98">
        <v>0</v>
      </c>
      <c r="O27" s="99">
        <v>0</v>
      </c>
      <c r="P27" s="100">
        <v>0</v>
      </c>
      <c r="Q27" s="98">
        <v>0</v>
      </c>
      <c r="R27" s="98">
        <v>0</v>
      </c>
      <c r="S27" s="98">
        <v>0</v>
      </c>
      <c r="T27" s="98">
        <v>0</v>
      </c>
      <c r="U27" s="98">
        <v>0</v>
      </c>
      <c r="V27" s="99">
        <v>0</v>
      </c>
      <c r="W27" s="101">
        <v>0</v>
      </c>
      <c r="X27" s="102">
        <v>2</v>
      </c>
      <c r="Y27" s="98">
        <v>0</v>
      </c>
      <c r="Z27" s="99">
        <v>2</v>
      </c>
      <c r="AA27" s="100">
        <v>0</v>
      </c>
      <c r="AB27" s="98">
        <v>61</v>
      </c>
      <c r="AC27" s="98">
        <v>56</v>
      </c>
      <c r="AD27" s="98">
        <v>41</v>
      </c>
      <c r="AE27" s="98">
        <v>22</v>
      </c>
      <c r="AF27" s="98">
        <v>20</v>
      </c>
      <c r="AG27" s="99">
        <v>200</v>
      </c>
      <c r="AH27" s="101">
        <v>202</v>
      </c>
    </row>
    <row r="28" spans="1:34" ht="21" customHeight="1" x14ac:dyDescent="0.2">
      <c r="A28" s="18" t="s">
        <v>27</v>
      </c>
      <c r="B28" s="97">
        <v>0</v>
      </c>
      <c r="C28" s="98">
        <v>0</v>
      </c>
      <c r="D28" s="99">
        <v>0</v>
      </c>
      <c r="E28" s="100">
        <v>0</v>
      </c>
      <c r="F28" s="98">
        <v>51</v>
      </c>
      <c r="G28" s="98">
        <v>26</v>
      </c>
      <c r="H28" s="98">
        <v>28</v>
      </c>
      <c r="I28" s="98">
        <v>10</v>
      </c>
      <c r="J28" s="98">
        <v>7</v>
      </c>
      <c r="K28" s="99">
        <v>122</v>
      </c>
      <c r="L28" s="101">
        <v>122</v>
      </c>
      <c r="M28" s="102">
        <v>0</v>
      </c>
      <c r="N28" s="98">
        <v>0</v>
      </c>
      <c r="O28" s="99">
        <v>0</v>
      </c>
      <c r="P28" s="100">
        <v>0</v>
      </c>
      <c r="Q28" s="98">
        <v>1</v>
      </c>
      <c r="R28" s="98">
        <v>0</v>
      </c>
      <c r="S28" s="98">
        <v>1</v>
      </c>
      <c r="T28" s="98">
        <v>0</v>
      </c>
      <c r="U28" s="98">
        <v>0</v>
      </c>
      <c r="V28" s="99">
        <v>2</v>
      </c>
      <c r="W28" s="101">
        <v>2</v>
      </c>
      <c r="X28" s="102">
        <v>0</v>
      </c>
      <c r="Y28" s="98">
        <v>0</v>
      </c>
      <c r="Z28" s="99">
        <v>0</v>
      </c>
      <c r="AA28" s="100">
        <v>0</v>
      </c>
      <c r="AB28" s="98">
        <v>52</v>
      </c>
      <c r="AC28" s="98">
        <v>26</v>
      </c>
      <c r="AD28" s="98">
        <v>29</v>
      </c>
      <c r="AE28" s="98">
        <v>10</v>
      </c>
      <c r="AF28" s="98">
        <v>7</v>
      </c>
      <c r="AG28" s="99">
        <v>124</v>
      </c>
      <c r="AH28" s="101">
        <v>124</v>
      </c>
    </row>
    <row r="29" spans="1:34" ht="21" customHeight="1" x14ac:dyDescent="0.2">
      <c r="A29" s="18" t="s">
        <v>28</v>
      </c>
      <c r="B29" s="97">
        <v>0</v>
      </c>
      <c r="C29" s="98">
        <v>0</v>
      </c>
      <c r="D29" s="99">
        <v>0</v>
      </c>
      <c r="E29" s="100">
        <v>0</v>
      </c>
      <c r="F29" s="98">
        <v>23</v>
      </c>
      <c r="G29" s="98">
        <v>20</v>
      </c>
      <c r="H29" s="98">
        <v>10</v>
      </c>
      <c r="I29" s="98">
        <v>6</v>
      </c>
      <c r="J29" s="98">
        <v>4</v>
      </c>
      <c r="K29" s="99">
        <v>63</v>
      </c>
      <c r="L29" s="101">
        <v>63</v>
      </c>
      <c r="M29" s="102">
        <v>0</v>
      </c>
      <c r="N29" s="98">
        <v>0</v>
      </c>
      <c r="O29" s="99">
        <v>0</v>
      </c>
      <c r="P29" s="100">
        <v>0</v>
      </c>
      <c r="Q29" s="98">
        <v>0</v>
      </c>
      <c r="R29" s="98">
        <v>0</v>
      </c>
      <c r="S29" s="98">
        <v>0</v>
      </c>
      <c r="T29" s="98">
        <v>0</v>
      </c>
      <c r="U29" s="98">
        <v>1</v>
      </c>
      <c r="V29" s="99">
        <v>1</v>
      </c>
      <c r="W29" s="101">
        <v>1</v>
      </c>
      <c r="X29" s="102">
        <v>0</v>
      </c>
      <c r="Y29" s="98">
        <v>0</v>
      </c>
      <c r="Z29" s="99">
        <v>0</v>
      </c>
      <c r="AA29" s="100">
        <v>0</v>
      </c>
      <c r="AB29" s="98">
        <v>23</v>
      </c>
      <c r="AC29" s="98">
        <v>20</v>
      </c>
      <c r="AD29" s="98">
        <v>10</v>
      </c>
      <c r="AE29" s="98">
        <v>6</v>
      </c>
      <c r="AF29" s="98">
        <v>5</v>
      </c>
      <c r="AG29" s="99">
        <v>64</v>
      </c>
      <c r="AH29" s="101">
        <v>64</v>
      </c>
    </row>
    <row r="30" spans="1:34" ht="21" customHeight="1" x14ac:dyDescent="0.2">
      <c r="A30" s="18" t="s">
        <v>29</v>
      </c>
      <c r="B30" s="97">
        <v>1</v>
      </c>
      <c r="C30" s="98">
        <v>3</v>
      </c>
      <c r="D30" s="99">
        <v>4</v>
      </c>
      <c r="E30" s="100">
        <v>0</v>
      </c>
      <c r="F30" s="98">
        <v>24</v>
      </c>
      <c r="G30" s="98">
        <v>26</v>
      </c>
      <c r="H30" s="98">
        <v>18</v>
      </c>
      <c r="I30" s="98">
        <v>16</v>
      </c>
      <c r="J30" s="98">
        <v>7</v>
      </c>
      <c r="K30" s="99">
        <v>91</v>
      </c>
      <c r="L30" s="101">
        <v>95</v>
      </c>
      <c r="M30" s="102">
        <v>0</v>
      </c>
      <c r="N30" s="98">
        <v>0</v>
      </c>
      <c r="O30" s="99">
        <v>0</v>
      </c>
      <c r="P30" s="100">
        <v>0</v>
      </c>
      <c r="Q30" s="98">
        <v>0</v>
      </c>
      <c r="R30" s="98">
        <v>0</v>
      </c>
      <c r="S30" s="98">
        <v>0</v>
      </c>
      <c r="T30" s="98">
        <v>0</v>
      </c>
      <c r="U30" s="98">
        <v>0</v>
      </c>
      <c r="V30" s="99">
        <v>0</v>
      </c>
      <c r="W30" s="101">
        <v>0</v>
      </c>
      <c r="X30" s="102">
        <v>1</v>
      </c>
      <c r="Y30" s="98">
        <v>3</v>
      </c>
      <c r="Z30" s="99">
        <v>4</v>
      </c>
      <c r="AA30" s="100">
        <v>0</v>
      </c>
      <c r="AB30" s="98">
        <v>24</v>
      </c>
      <c r="AC30" s="98">
        <v>26</v>
      </c>
      <c r="AD30" s="98">
        <v>18</v>
      </c>
      <c r="AE30" s="98">
        <v>16</v>
      </c>
      <c r="AF30" s="98">
        <v>7</v>
      </c>
      <c r="AG30" s="99">
        <v>91</v>
      </c>
      <c r="AH30" s="101">
        <v>95</v>
      </c>
    </row>
    <row r="31" spans="1:34" ht="21" customHeight="1" x14ac:dyDescent="0.2">
      <c r="A31" s="18" t="s">
        <v>30</v>
      </c>
      <c r="B31" s="97">
        <v>1</v>
      </c>
      <c r="C31" s="98">
        <v>0</v>
      </c>
      <c r="D31" s="99">
        <v>1</v>
      </c>
      <c r="E31" s="100">
        <v>0</v>
      </c>
      <c r="F31" s="98">
        <v>31</v>
      </c>
      <c r="G31" s="98">
        <v>17</v>
      </c>
      <c r="H31" s="98">
        <v>17</v>
      </c>
      <c r="I31" s="98">
        <v>9</v>
      </c>
      <c r="J31" s="98">
        <v>4</v>
      </c>
      <c r="K31" s="99">
        <v>78</v>
      </c>
      <c r="L31" s="101">
        <v>79</v>
      </c>
      <c r="M31" s="102">
        <v>0</v>
      </c>
      <c r="N31" s="98">
        <v>0</v>
      </c>
      <c r="O31" s="99">
        <v>0</v>
      </c>
      <c r="P31" s="100">
        <v>0</v>
      </c>
      <c r="Q31" s="98">
        <v>1</v>
      </c>
      <c r="R31" s="98">
        <v>0</v>
      </c>
      <c r="S31" s="98">
        <v>0</v>
      </c>
      <c r="T31" s="98">
        <v>0</v>
      </c>
      <c r="U31" s="98">
        <v>0</v>
      </c>
      <c r="V31" s="99">
        <v>1</v>
      </c>
      <c r="W31" s="101">
        <v>1</v>
      </c>
      <c r="X31" s="102">
        <v>1</v>
      </c>
      <c r="Y31" s="98">
        <v>0</v>
      </c>
      <c r="Z31" s="99">
        <v>1</v>
      </c>
      <c r="AA31" s="100">
        <v>0</v>
      </c>
      <c r="AB31" s="98">
        <v>32</v>
      </c>
      <c r="AC31" s="98">
        <v>17</v>
      </c>
      <c r="AD31" s="98">
        <v>17</v>
      </c>
      <c r="AE31" s="98">
        <v>9</v>
      </c>
      <c r="AF31" s="98">
        <v>4</v>
      </c>
      <c r="AG31" s="99">
        <v>79</v>
      </c>
      <c r="AH31" s="101">
        <v>80</v>
      </c>
    </row>
    <row r="32" spans="1:34" ht="21" customHeight="1" x14ac:dyDescent="0.2">
      <c r="A32" s="18" t="s">
        <v>31</v>
      </c>
      <c r="B32" s="97">
        <v>0</v>
      </c>
      <c r="C32" s="98">
        <v>2</v>
      </c>
      <c r="D32" s="99">
        <v>2</v>
      </c>
      <c r="E32" s="100">
        <v>0</v>
      </c>
      <c r="F32" s="98">
        <v>40</v>
      </c>
      <c r="G32" s="98">
        <v>39</v>
      </c>
      <c r="H32" s="98">
        <v>26</v>
      </c>
      <c r="I32" s="98">
        <v>10</v>
      </c>
      <c r="J32" s="98">
        <v>6</v>
      </c>
      <c r="K32" s="99">
        <v>121</v>
      </c>
      <c r="L32" s="101">
        <v>123</v>
      </c>
      <c r="M32" s="102">
        <v>0</v>
      </c>
      <c r="N32" s="98">
        <v>0</v>
      </c>
      <c r="O32" s="99">
        <v>0</v>
      </c>
      <c r="P32" s="100">
        <v>0</v>
      </c>
      <c r="Q32" s="98">
        <v>0</v>
      </c>
      <c r="R32" s="98">
        <v>0</v>
      </c>
      <c r="S32" s="98">
        <v>0</v>
      </c>
      <c r="T32" s="98">
        <v>0</v>
      </c>
      <c r="U32" s="98">
        <v>0</v>
      </c>
      <c r="V32" s="99">
        <v>0</v>
      </c>
      <c r="W32" s="101">
        <v>0</v>
      </c>
      <c r="X32" s="102">
        <v>0</v>
      </c>
      <c r="Y32" s="98">
        <v>2</v>
      </c>
      <c r="Z32" s="99">
        <v>2</v>
      </c>
      <c r="AA32" s="100">
        <v>0</v>
      </c>
      <c r="AB32" s="98">
        <v>40</v>
      </c>
      <c r="AC32" s="98">
        <v>39</v>
      </c>
      <c r="AD32" s="98">
        <v>26</v>
      </c>
      <c r="AE32" s="98">
        <v>10</v>
      </c>
      <c r="AF32" s="98">
        <v>6</v>
      </c>
      <c r="AG32" s="99">
        <v>121</v>
      </c>
      <c r="AH32" s="101">
        <v>123</v>
      </c>
    </row>
    <row r="33" spans="1:34" ht="21" customHeight="1" x14ac:dyDescent="0.2">
      <c r="A33" s="18" t="s">
        <v>32</v>
      </c>
      <c r="B33" s="97">
        <v>0</v>
      </c>
      <c r="C33" s="98">
        <v>0</v>
      </c>
      <c r="D33" s="99">
        <v>0</v>
      </c>
      <c r="E33" s="100">
        <v>0</v>
      </c>
      <c r="F33" s="98">
        <v>47</v>
      </c>
      <c r="G33" s="98">
        <v>31</v>
      </c>
      <c r="H33" s="98">
        <v>34</v>
      </c>
      <c r="I33" s="98">
        <v>25</v>
      </c>
      <c r="J33" s="98">
        <v>11</v>
      </c>
      <c r="K33" s="99">
        <v>148</v>
      </c>
      <c r="L33" s="101">
        <v>148</v>
      </c>
      <c r="M33" s="102">
        <v>0</v>
      </c>
      <c r="N33" s="98">
        <v>0</v>
      </c>
      <c r="O33" s="99">
        <v>0</v>
      </c>
      <c r="P33" s="100">
        <v>0</v>
      </c>
      <c r="Q33" s="98">
        <v>2</v>
      </c>
      <c r="R33" s="98">
        <v>1</v>
      </c>
      <c r="S33" s="98">
        <v>0</v>
      </c>
      <c r="T33" s="98">
        <v>1</v>
      </c>
      <c r="U33" s="98">
        <v>0</v>
      </c>
      <c r="V33" s="99">
        <v>4</v>
      </c>
      <c r="W33" s="101">
        <v>4</v>
      </c>
      <c r="X33" s="102">
        <v>0</v>
      </c>
      <c r="Y33" s="98">
        <v>0</v>
      </c>
      <c r="Z33" s="99">
        <v>0</v>
      </c>
      <c r="AA33" s="100">
        <v>0</v>
      </c>
      <c r="AB33" s="98">
        <v>49</v>
      </c>
      <c r="AC33" s="98">
        <v>32</v>
      </c>
      <c r="AD33" s="98">
        <v>34</v>
      </c>
      <c r="AE33" s="98">
        <v>26</v>
      </c>
      <c r="AF33" s="98">
        <v>11</v>
      </c>
      <c r="AG33" s="99">
        <v>152</v>
      </c>
      <c r="AH33" s="101">
        <v>152</v>
      </c>
    </row>
    <row r="34" spans="1:34" ht="21" customHeight="1" x14ac:dyDescent="0.2">
      <c r="A34" s="18" t="s">
        <v>33</v>
      </c>
      <c r="B34" s="97">
        <v>0</v>
      </c>
      <c r="C34" s="98">
        <v>2</v>
      </c>
      <c r="D34" s="99">
        <v>2</v>
      </c>
      <c r="E34" s="100">
        <v>0</v>
      </c>
      <c r="F34" s="98">
        <v>41</v>
      </c>
      <c r="G34" s="98">
        <v>26</v>
      </c>
      <c r="H34" s="98">
        <v>22</v>
      </c>
      <c r="I34" s="98">
        <v>6</v>
      </c>
      <c r="J34" s="98">
        <v>5</v>
      </c>
      <c r="K34" s="99">
        <v>100</v>
      </c>
      <c r="L34" s="101">
        <v>102</v>
      </c>
      <c r="M34" s="102">
        <v>0</v>
      </c>
      <c r="N34" s="98">
        <v>0</v>
      </c>
      <c r="O34" s="99">
        <v>0</v>
      </c>
      <c r="P34" s="100">
        <v>0</v>
      </c>
      <c r="Q34" s="98">
        <v>0</v>
      </c>
      <c r="R34" s="98">
        <v>0</v>
      </c>
      <c r="S34" s="98">
        <v>0</v>
      </c>
      <c r="T34" s="98">
        <v>0</v>
      </c>
      <c r="U34" s="98">
        <v>0</v>
      </c>
      <c r="V34" s="99">
        <v>0</v>
      </c>
      <c r="W34" s="101">
        <v>0</v>
      </c>
      <c r="X34" s="102">
        <v>0</v>
      </c>
      <c r="Y34" s="98">
        <v>2</v>
      </c>
      <c r="Z34" s="99">
        <v>2</v>
      </c>
      <c r="AA34" s="100">
        <v>0</v>
      </c>
      <c r="AB34" s="98">
        <v>41</v>
      </c>
      <c r="AC34" s="98">
        <v>26</v>
      </c>
      <c r="AD34" s="98">
        <v>22</v>
      </c>
      <c r="AE34" s="98">
        <v>6</v>
      </c>
      <c r="AF34" s="98">
        <v>5</v>
      </c>
      <c r="AG34" s="99">
        <v>100</v>
      </c>
      <c r="AH34" s="101">
        <v>102</v>
      </c>
    </row>
    <row r="35" spans="1:34" ht="21" customHeight="1" x14ac:dyDescent="0.2">
      <c r="A35" s="18" t="s">
        <v>34</v>
      </c>
      <c r="B35" s="97">
        <v>2</v>
      </c>
      <c r="C35" s="98">
        <v>2</v>
      </c>
      <c r="D35" s="99">
        <v>4</v>
      </c>
      <c r="E35" s="100">
        <v>0</v>
      </c>
      <c r="F35" s="98">
        <v>31</v>
      </c>
      <c r="G35" s="98">
        <v>26</v>
      </c>
      <c r="H35" s="98">
        <v>13</v>
      </c>
      <c r="I35" s="98">
        <v>11</v>
      </c>
      <c r="J35" s="98">
        <v>4</v>
      </c>
      <c r="K35" s="99">
        <v>85</v>
      </c>
      <c r="L35" s="101">
        <v>89</v>
      </c>
      <c r="M35" s="102">
        <v>0</v>
      </c>
      <c r="N35" s="98">
        <v>0</v>
      </c>
      <c r="O35" s="99">
        <v>0</v>
      </c>
      <c r="P35" s="100">
        <v>0</v>
      </c>
      <c r="Q35" s="98">
        <v>0</v>
      </c>
      <c r="R35" s="98">
        <v>1</v>
      </c>
      <c r="S35" s="98">
        <v>1</v>
      </c>
      <c r="T35" s="98">
        <v>1</v>
      </c>
      <c r="U35" s="98">
        <v>0</v>
      </c>
      <c r="V35" s="99">
        <v>3</v>
      </c>
      <c r="W35" s="101">
        <v>3</v>
      </c>
      <c r="X35" s="102">
        <v>2</v>
      </c>
      <c r="Y35" s="98">
        <v>2</v>
      </c>
      <c r="Z35" s="99">
        <v>4</v>
      </c>
      <c r="AA35" s="100">
        <v>0</v>
      </c>
      <c r="AB35" s="98">
        <v>31</v>
      </c>
      <c r="AC35" s="98">
        <v>27</v>
      </c>
      <c r="AD35" s="98">
        <v>14</v>
      </c>
      <c r="AE35" s="98">
        <v>12</v>
      </c>
      <c r="AF35" s="98">
        <v>4</v>
      </c>
      <c r="AG35" s="99">
        <v>88</v>
      </c>
      <c r="AH35" s="101">
        <v>92</v>
      </c>
    </row>
    <row r="36" spans="1:34" ht="21" customHeight="1" x14ac:dyDescent="0.2">
      <c r="A36" s="18" t="s">
        <v>35</v>
      </c>
      <c r="B36" s="97">
        <v>0</v>
      </c>
      <c r="C36" s="98">
        <v>3</v>
      </c>
      <c r="D36" s="99">
        <v>3</v>
      </c>
      <c r="E36" s="100">
        <v>0</v>
      </c>
      <c r="F36" s="98">
        <v>31</v>
      </c>
      <c r="G36" s="98">
        <v>40</v>
      </c>
      <c r="H36" s="98">
        <v>35</v>
      </c>
      <c r="I36" s="98">
        <v>23</v>
      </c>
      <c r="J36" s="98">
        <v>9</v>
      </c>
      <c r="K36" s="99">
        <v>138</v>
      </c>
      <c r="L36" s="101">
        <v>141</v>
      </c>
      <c r="M36" s="102">
        <v>0</v>
      </c>
      <c r="N36" s="98">
        <v>0</v>
      </c>
      <c r="O36" s="99">
        <v>0</v>
      </c>
      <c r="P36" s="100">
        <v>0</v>
      </c>
      <c r="Q36" s="98">
        <v>0</v>
      </c>
      <c r="R36" s="98">
        <v>0</v>
      </c>
      <c r="S36" s="98">
        <v>0</v>
      </c>
      <c r="T36" s="98">
        <v>0</v>
      </c>
      <c r="U36" s="98">
        <v>0</v>
      </c>
      <c r="V36" s="99">
        <v>0</v>
      </c>
      <c r="W36" s="101">
        <v>0</v>
      </c>
      <c r="X36" s="102">
        <v>0</v>
      </c>
      <c r="Y36" s="98">
        <v>3</v>
      </c>
      <c r="Z36" s="99">
        <v>3</v>
      </c>
      <c r="AA36" s="100">
        <v>0</v>
      </c>
      <c r="AB36" s="98">
        <v>31</v>
      </c>
      <c r="AC36" s="98">
        <v>40</v>
      </c>
      <c r="AD36" s="98">
        <v>35</v>
      </c>
      <c r="AE36" s="98">
        <v>23</v>
      </c>
      <c r="AF36" s="98">
        <v>9</v>
      </c>
      <c r="AG36" s="99">
        <v>138</v>
      </c>
      <c r="AH36" s="101">
        <v>141</v>
      </c>
    </row>
    <row r="37" spans="1:34" ht="21" customHeight="1" x14ac:dyDescent="0.2">
      <c r="A37" s="18" t="s">
        <v>36</v>
      </c>
      <c r="B37" s="97">
        <v>0</v>
      </c>
      <c r="C37" s="98">
        <v>1</v>
      </c>
      <c r="D37" s="99">
        <v>1</v>
      </c>
      <c r="E37" s="100">
        <v>0</v>
      </c>
      <c r="F37" s="98">
        <v>72</v>
      </c>
      <c r="G37" s="98">
        <v>68</v>
      </c>
      <c r="H37" s="98">
        <v>45</v>
      </c>
      <c r="I37" s="98">
        <v>24</v>
      </c>
      <c r="J37" s="98">
        <v>13</v>
      </c>
      <c r="K37" s="99">
        <v>222</v>
      </c>
      <c r="L37" s="101">
        <v>223</v>
      </c>
      <c r="M37" s="102">
        <v>0</v>
      </c>
      <c r="N37" s="98">
        <v>0</v>
      </c>
      <c r="O37" s="99">
        <v>0</v>
      </c>
      <c r="P37" s="100">
        <v>0</v>
      </c>
      <c r="Q37" s="98">
        <v>0</v>
      </c>
      <c r="R37" s="98">
        <v>1</v>
      </c>
      <c r="S37" s="98">
        <v>2</v>
      </c>
      <c r="T37" s="98">
        <v>0</v>
      </c>
      <c r="U37" s="98">
        <v>0</v>
      </c>
      <c r="V37" s="99">
        <v>3</v>
      </c>
      <c r="W37" s="101">
        <v>3</v>
      </c>
      <c r="X37" s="102">
        <v>0</v>
      </c>
      <c r="Y37" s="98">
        <v>1</v>
      </c>
      <c r="Z37" s="99">
        <v>1</v>
      </c>
      <c r="AA37" s="100">
        <v>0</v>
      </c>
      <c r="AB37" s="98">
        <v>72</v>
      </c>
      <c r="AC37" s="98">
        <v>69</v>
      </c>
      <c r="AD37" s="98">
        <v>47</v>
      </c>
      <c r="AE37" s="98">
        <v>24</v>
      </c>
      <c r="AF37" s="98">
        <v>13</v>
      </c>
      <c r="AG37" s="99">
        <v>225</v>
      </c>
      <c r="AH37" s="101">
        <v>226</v>
      </c>
    </row>
    <row r="38" spans="1:34" ht="21" customHeight="1" thickBot="1" x14ac:dyDescent="0.25">
      <c r="A38" s="19" t="s">
        <v>37</v>
      </c>
      <c r="B38" s="103">
        <v>0</v>
      </c>
      <c r="C38" s="104">
        <v>0</v>
      </c>
      <c r="D38" s="105">
        <v>0</v>
      </c>
      <c r="E38" s="106">
        <v>0</v>
      </c>
      <c r="F38" s="104">
        <v>20</v>
      </c>
      <c r="G38" s="104">
        <v>8</v>
      </c>
      <c r="H38" s="104">
        <v>12</v>
      </c>
      <c r="I38" s="104">
        <v>0</v>
      </c>
      <c r="J38" s="104">
        <v>2</v>
      </c>
      <c r="K38" s="105">
        <v>42</v>
      </c>
      <c r="L38" s="107">
        <v>42</v>
      </c>
      <c r="M38" s="108">
        <v>0</v>
      </c>
      <c r="N38" s="104">
        <v>0</v>
      </c>
      <c r="O38" s="105">
        <v>0</v>
      </c>
      <c r="P38" s="106">
        <v>0</v>
      </c>
      <c r="Q38" s="104">
        <v>0</v>
      </c>
      <c r="R38" s="104">
        <v>0</v>
      </c>
      <c r="S38" s="104">
        <v>0</v>
      </c>
      <c r="T38" s="104">
        <v>1</v>
      </c>
      <c r="U38" s="104">
        <v>0</v>
      </c>
      <c r="V38" s="105">
        <v>1</v>
      </c>
      <c r="W38" s="107">
        <v>1</v>
      </c>
      <c r="X38" s="108">
        <v>0</v>
      </c>
      <c r="Y38" s="104">
        <v>0</v>
      </c>
      <c r="Z38" s="105">
        <v>0</v>
      </c>
      <c r="AA38" s="106">
        <v>0</v>
      </c>
      <c r="AB38" s="104">
        <v>20</v>
      </c>
      <c r="AC38" s="104">
        <v>8</v>
      </c>
      <c r="AD38" s="104">
        <v>12</v>
      </c>
      <c r="AE38" s="104">
        <v>1</v>
      </c>
      <c r="AF38" s="104">
        <v>2</v>
      </c>
      <c r="AG38" s="105">
        <v>43</v>
      </c>
      <c r="AH38" s="107">
        <v>43</v>
      </c>
    </row>
    <row r="39" spans="1:34" x14ac:dyDescent="0.2">
      <c r="Z39" s="3"/>
      <c r="AA39" s="3"/>
      <c r="AB39" s="3"/>
      <c r="AC39" s="3"/>
      <c r="AD39" s="3"/>
      <c r="AE39" s="3"/>
      <c r="AF39" s="3"/>
      <c r="AG39" s="3"/>
      <c r="AH39" s="3"/>
    </row>
  </sheetData>
  <mergeCells count="5">
    <mergeCell ref="G1:H1"/>
    <mergeCell ref="J1:K1"/>
    <mergeCell ref="B3:L3"/>
    <mergeCell ref="M3:W3"/>
    <mergeCell ref="X3:AH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8.44140625" style="256" customWidth="1"/>
    <col min="7" max="7" width="8.77734375" style="256" customWidth="1"/>
    <col min="8" max="15" width="9" style="256"/>
    <col min="16" max="16" width="7.21875" style="256" customWidth="1"/>
    <col min="17" max="26" width="9" style="256"/>
    <col min="27" max="27" width="7.6640625" style="256" customWidth="1"/>
    <col min="28" max="37" width="9" style="256"/>
    <col min="38" max="38" width="7.6640625" style="256" customWidth="1"/>
    <col min="39" max="48" width="9" style="256"/>
    <col min="49" max="49" width="7.6640625" style="256" customWidth="1"/>
    <col min="50" max="59" width="9" style="256"/>
    <col min="60" max="60" width="7.21875" style="256" customWidth="1"/>
    <col min="61" max="70" width="9" style="256"/>
    <col min="71" max="71" width="7.21875" style="256" customWidth="1"/>
    <col min="72" max="81" width="9" style="256"/>
    <col min="82" max="82" width="7.33203125" style="256" customWidth="1"/>
    <col min="83" max="92" width="9" style="256"/>
    <col min="93" max="93" width="7.44140625" style="256" customWidth="1"/>
    <col min="94" max="16384" width="9" style="256"/>
  </cols>
  <sheetData>
    <row r="1" spans="1:100" ht="22.5" customHeight="1" x14ac:dyDescent="0.2">
      <c r="A1" s="291" t="s">
        <v>124</v>
      </c>
      <c r="H1" s="528">
        <f>第１表!F2</f>
        <v>4</v>
      </c>
      <c r="I1" s="528"/>
      <c r="J1" s="248">
        <f>第１表!G2</f>
        <v>5</v>
      </c>
      <c r="K1" s="529">
        <f>IF(J1&lt;3,J1+12-2,J1-2)</f>
        <v>3</v>
      </c>
      <c r="L1" s="529"/>
    </row>
    <row r="2" spans="1:100" s="292" customFormat="1" ht="21" customHeight="1" thickBot="1" x14ac:dyDescent="0.25">
      <c r="A2" s="291" t="s">
        <v>133</v>
      </c>
    </row>
    <row r="3" spans="1:100" ht="23.25" customHeight="1" thickBot="1" x14ac:dyDescent="0.25">
      <c r="A3" s="537"/>
      <c r="B3" s="540" t="s">
        <v>114</v>
      </c>
      <c r="C3" s="541"/>
      <c r="D3" s="541"/>
      <c r="E3" s="541"/>
      <c r="F3" s="541"/>
      <c r="G3" s="541"/>
      <c r="H3" s="541"/>
      <c r="I3" s="541"/>
      <c r="J3" s="541"/>
      <c r="K3" s="541"/>
      <c r="L3" s="542"/>
      <c r="M3" s="540" t="s">
        <v>115</v>
      </c>
      <c r="N3" s="541"/>
      <c r="O3" s="541"/>
      <c r="P3" s="541"/>
      <c r="Q3" s="541"/>
      <c r="R3" s="541"/>
      <c r="S3" s="541"/>
      <c r="T3" s="541"/>
      <c r="U3" s="541"/>
      <c r="V3" s="541"/>
      <c r="W3" s="542"/>
      <c r="X3" s="540" t="s">
        <v>142</v>
      </c>
      <c r="Y3" s="541"/>
      <c r="Z3" s="541"/>
      <c r="AA3" s="541"/>
      <c r="AB3" s="541"/>
      <c r="AC3" s="541"/>
      <c r="AD3" s="541"/>
      <c r="AE3" s="541"/>
      <c r="AF3" s="541"/>
      <c r="AG3" s="541"/>
      <c r="AH3" s="542"/>
      <c r="AI3" s="540" t="s">
        <v>90</v>
      </c>
      <c r="AJ3" s="541"/>
      <c r="AK3" s="541"/>
      <c r="AL3" s="541"/>
      <c r="AM3" s="541"/>
      <c r="AN3" s="541"/>
      <c r="AO3" s="541"/>
      <c r="AP3" s="541"/>
      <c r="AQ3" s="541"/>
      <c r="AR3" s="541"/>
      <c r="AS3" s="542"/>
      <c r="AT3" s="546" t="s">
        <v>89</v>
      </c>
      <c r="AU3" s="547"/>
      <c r="AV3" s="547"/>
      <c r="AW3" s="547"/>
      <c r="AX3" s="547"/>
      <c r="AY3" s="547"/>
      <c r="AZ3" s="547"/>
      <c r="BA3" s="547"/>
      <c r="BB3" s="547"/>
      <c r="BC3" s="547"/>
      <c r="BD3" s="548"/>
      <c r="BE3" s="546" t="s">
        <v>91</v>
      </c>
      <c r="BF3" s="547"/>
      <c r="BG3" s="547"/>
      <c r="BH3" s="547"/>
      <c r="BI3" s="547"/>
      <c r="BJ3" s="547"/>
      <c r="BK3" s="547"/>
      <c r="BL3" s="547"/>
      <c r="BM3" s="547"/>
      <c r="BN3" s="547"/>
      <c r="BO3" s="548"/>
      <c r="BP3" s="546" t="s">
        <v>92</v>
      </c>
      <c r="BQ3" s="547"/>
      <c r="BR3" s="547"/>
      <c r="BS3" s="547"/>
      <c r="BT3" s="547"/>
      <c r="BU3" s="547"/>
      <c r="BV3" s="547"/>
      <c r="BW3" s="547"/>
      <c r="BX3" s="547"/>
      <c r="BY3" s="547"/>
      <c r="BZ3" s="548"/>
      <c r="CA3" s="546" t="s">
        <v>93</v>
      </c>
      <c r="CB3" s="547"/>
      <c r="CC3" s="547"/>
      <c r="CD3" s="547"/>
      <c r="CE3" s="547"/>
      <c r="CF3" s="547"/>
      <c r="CG3" s="547"/>
      <c r="CH3" s="547"/>
      <c r="CI3" s="547"/>
      <c r="CJ3" s="547"/>
      <c r="CK3" s="548"/>
      <c r="CL3" s="547" t="s">
        <v>141</v>
      </c>
      <c r="CM3" s="547"/>
      <c r="CN3" s="547"/>
      <c r="CO3" s="547"/>
      <c r="CP3" s="547"/>
      <c r="CQ3" s="547"/>
      <c r="CR3" s="547"/>
      <c r="CS3" s="547"/>
      <c r="CT3" s="547"/>
      <c r="CU3" s="547"/>
      <c r="CV3" s="548"/>
    </row>
    <row r="4" spans="1:100"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62" t="s">
        <v>61</v>
      </c>
      <c r="AU4" s="560"/>
      <c r="AV4" s="561"/>
      <c r="AW4" s="559" t="s">
        <v>62</v>
      </c>
      <c r="AX4" s="560"/>
      <c r="AY4" s="560"/>
      <c r="AZ4" s="560"/>
      <c r="BA4" s="560"/>
      <c r="BB4" s="560"/>
      <c r="BC4" s="561"/>
      <c r="BD4" s="563" t="s">
        <v>52</v>
      </c>
      <c r="BE4" s="562" t="s">
        <v>61</v>
      </c>
      <c r="BF4" s="560"/>
      <c r="BG4" s="561"/>
      <c r="BH4" s="559" t="s">
        <v>62</v>
      </c>
      <c r="BI4" s="560"/>
      <c r="BJ4" s="560"/>
      <c r="BK4" s="560"/>
      <c r="BL4" s="560"/>
      <c r="BM4" s="560"/>
      <c r="BN4" s="561"/>
      <c r="BO4" s="563" t="s">
        <v>52</v>
      </c>
      <c r="BP4" s="562" t="s">
        <v>61</v>
      </c>
      <c r="BQ4" s="560"/>
      <c r="BR4" s="561"/>
      <c r="BS4" s="559" t="s">
        <v>62</v>
      </c>
      <c r="BT4" s="560"/>
      <c r="BU4" s="560"/>
      <c r="BV4" s="560"/>
      <c r="BW4" s="560"/>
      <c r="BX4" s="560"/>
      <c r="BY4" s="561"/>
      <c r="BZ4" s="563" t="s">
        <v>52</v>
      </c>
      <c r="CA4" s="562" t="s">
        <v>61</v>
      </c>
      <c r="CB4" s="560"/>
      <c r="CC4" s="561"/>
      <c r="CD4" s="559" t="s">
        <v>62</v>
      </c>
      <c r="CE4" s="560"/>
      <c r="CF4" s="560"/>
      <c r="CG4" s="560"/>
      <c r="CH4" s="560"/>
      <c r="CI4" s="560"/>
      <c r="CJ4" s="561"/>
      <c r="CK4" s="563" t="s">
        <v>52</v>
      </c>
      <c r="CL4" s="562" t="s">
        <v>61</v>
      </c>
      <c r="CM4" s="560"/>
      <c r="CN4" s="561"/>
      <c r="CO4" s="559" t="s">
        <v>62</v>
      </c>
      <c r="CP4" s="560"/>
      <c r="CQ4" s="560"/>
      <c r="CR4" s="560"/>
      <c r="CS4" s="560"/>
      <c r="CT4" s="560"/>
      <c r="CU4" s="561"/>
      <c r="CV4" s="563" t="s">
        <v>52</v>
      </c>
    </row>
    <row r="5" spans="1:100" ht="34.5" customHeight="1" thickBot="1" x14ac:dyDescent="0.25">
      <c r="A5" s="539"/>
      <c r="B5" s="264" t="s">
        <v>43</v>
      </c>
      <c r="C5" s="266" t="s">
        <v>44</v>
      </c>
      <c r="D5" s="267" t="s">
        <v>45</v>
      </c>
      <c r="E5" s="268" t="s">
        <v>83</v>
      </c>
      <c r="F5" s="260" t="s">
        <v>47</v>
      </c>
      <c r="G5" s="260" t="s">
        <v>48</v>
      </c>
      <c r="H5" s="260" t="s">
        <v>49</v>
      </c>
      <c r="I5" s="260" t="s">
        <v>50</v>
      </c>
      <c r="J5" s="260" t="s">
        <v>51</v>
      </c>
      <c r="K5" s="269" t="s">
        <v>45</v>
      </c>
      <c r="L5" s="531"/>
      <c r="M5" s="264" t="s">
        <v>43</v>
      </c>
      <c r="N5" s="260" t="s">
        <v>44</v>
      </c>
      <c r="O5" s="266" t="s">
        <v>45</v>
      </c>
      <c r="P5" s="268" t="s">
        <v>83</v>
      </c>
      <c r="Q5" s="260" t="s">
        <v>47</v>
      </c>
      <c r="R5" s="260" t="s">
        <v>48</v>
      </c>
      <c r="S5" s="260" t="s">
        <v>49</v>
      </c>
      <c r="T5" s="260" t="s">
        <v>50</v>
      </c>
      <c r="U5" s="260" t="s">
        <v>51</v>
      </c>
      <c r="V5" s="266" t="s">
        <v>45</v>
      </c>
      <c r="W5" s="531"/>
      <c r="X5" s="264" t="s">
        <v>43</v>
      </c>
      <c r="Y5" s="260" t="s">
        <v>44</v>
      </c>
      <c r="Z5" s="266" t="s">
        <v>45</v>
      </c>
      <c r="AA5" s="268" t="s">
        <v>83</v>
      </c>
      <c r="AB5" s="260" t="s">
        <v>47</v>
      </c>
      <c r="AC5" s="260" t="s">
        <v>48</v>
      </c>
      <c r="AD5" s="260" t="s">
        <v>49</v>
      </c>
      <c r="AE5" s="260" t="s">
        <v>50</v>
      </c>
      <c r="AF5" s="260" t="s">
        <v>51</v>
      </c>
      <c r="AG5" s="266" t="s">
        <v>45</v>
      </c>
      <c r="AH5" s="531"/>
      <c r="AI5" s="341" t="s">
        <v>43</v>
      </c>
      <c r="AJ5" s="260" t="s">
        <v>44</v>
      </c>
      <c r="AK5" s="266" t="s">
        <v>45</v>
      </c>
      <c r="AL5" s="268" t="s">
        <v>83</v>
      </c>
      <c r="AM5" s="260" t="s">
        <v>47</v>
      </c>
      <c r="AN5" s="260" t="s">
        <v>48</v>
      </c>
      <c r="AO5" s="260" t="s">
        <v>49</v>
      </c>
      <c r="AP5" s="260" t="s">
        <v>50</v>
      </c>
      <c r="AQ5" s="260" t="s">
        <v>51</v>
      </c>
      <c r="AR5" s="266" t="s">
        <v>45</v>
      </c>
      <c r="AS5" s="531"/>
      <c r="AT5" s="341" t="s">
        <v>43</v>
      </c>
      <c r="AU5" s="260" t="s">
        <v>44</v>
      </c>
      <c r="AV5" s="266" t="s">
        <v>45</v>
      </c>
      <c r="AW5" s="268" t="s">
        <v>83</v>
      </c>
      <c r="AX5" s="260" t="s">
        <v>47</v>
      </c>
      <c r="AY5" s="260" t="s">
        <v>48</v>
      </c>
      <c r="AZ5" s="260" t="s">
        <v>49</v>
      </c>
      <c r="BA5" s="260" t="s">
        <v>50</v>
      </c>
      <c r="BB5" s="260" t="s">
        <v>51</v>
      </c>
      <c r="BC5" s="266" t="s">
        <v>45</v>
      </c>
      <c r="BD5" s="564"/>
      <c r="BE5" s="341" t="s">
        <v>43</v>
      </c>
      <c r="BF5" s="260" t="s">
        <v>44</v>
      </c>
      <c r="BG5" s="266" t="s">
        <v>45</v>
      </c>
      <c r="BH5" s="268" t="s">
        <v>83</v>
      </c>
      <c r="BI5" s="260" t="s">
        <v>47</v>
      </c>
      <c r="BJ5" s="260" t="s">
        <v>48</v>
      </c>
      <c r="BK5" s="260" t="s">
        <v>49</v>
      </c>
      <c r="BL5" s="260" t="s">
        <v>50</v>
      </c>
      <c r="BM5" s="260" t="s">
        <v>51</v>
      </c>
      <c r="BN5" s="266" t="s">
        <v>45</v>
      </c>
      <c r="BO5" s="564"/>
      <c r="BP5" s="341" t="s">
        <v>43</v>
      </c>
      <c r="BQ5" s="260" t="s">
        <v>44</v>
      </c>
      <c r="BR5" s="266" t="s">
        <v>45</v>
      </c>
      <c r="BS5" s="268" t="s">
        <v>83</v>
      </c>
      <c r="BT5" s="260" t="s">
        <v>47</v>
      </c>
      <c r="BU5" s="260" t="s">
        <v>48</v>
      </c>
      <c r="BV5" s="260" t="s">
        <v>49</v>
      </c>
      <c r="BW5" s="260" t="s">
        <v>50</v>
      </c>
      <c r="BX5" s="260" t="s">
        <v>51</v>
      </c>
      <c r="BY5" s="266" t="s">
        <v>45</v>
      </c>
      <c r="BZ5" s="564"/>
      <c r="CA5" s="341" t="s">
        <v>43</v>
      </c>
      <c r="CB5" s="260" t="s">
        <v>44</v>
      </c>
      <c r="CC5" s="266" t="s">
        <v>45</v>
      </c>
      <c r="CD5" s="268" t="s">
        <v>83</v>
      </c>
      <c r="CE5" s="260" t="s">
        <v>47</v>
      </c>
      <c r="CF5" s="260" t="s">
        <v>48</v>
      </c>
      <c r="CG5" s="260" t="s">
        <v>49</v>
      </c>
      <c r="CH5" s="260" t="s">
        <v>50</v>
      </c>
      <c r="CI5" s="260" t="s">
        <v>51</v>
      </c>
      <c r="CJ5" s="266" t="s">
        <v>45</v>
      </c>
      <c r="CK5" s="564"/>
      <c r="CL5" s="341" t="s">
        <v>43</v>
      </c>
      <c r="CM5" s="260" t="s">
        <v>44</v>
      </c>
      <c r="CN5" s="266" t="s">
        <v>45</v>
      </c>
      <c r="CO5" s="268" t="s">
        <v>83</v>
      </c>
      <c r="CP5" s="260" t="s">
        <v>47</v>
      </c>
      <c r="CQ5" s="260" t="s">
        <v>48</v>
      </c>
      <c r="CR5" s="260" t="s">
        <v>49</v>
      </c>
      <c r="CS5" s="260" t="s">
        <v>50</v>
      </c>
      <c r="CT5" s="260" t="s">
        <v>51</v>
      </c>
      <c r="CU5" s="266" t="s">
        <v>45</v>
      </c>
      <c r="CV5" s="564"/>
    </row>
    <row r="6" spans="1:100" ht="21" customHeight="1" x14ac:dyDescent="0.2">
      <c r="A6" s="261" t="s">
        <v>4</v>
      </c>
      <c r="B6" s="270">
        <v>0</v>
      </c>
      <c r="C6" s="271">
        <v>0</v>
      </c>
      <c r="D6" s="272">
        <v>0</v>
      </c>
      <c r="E6" s="273">
        <v>0</v>
      </c>
      <c r="F6" s="274">
        <v>326</v>
      </c>
      <c r="G6" s="274">
        <v>384</v>
      </c>
      <c r="H6" s="274">
        <v>312</v>
      </c>
      <c r="I6" s="274">
        <v>389</v>
      </c>
      <c r="J6" s="274">
        <v>332</v>
      </c>
      <c r="K6" s="275">
        <v>1743</v>
      </c>
      <c r="L6" s="276">
        <v>1743</v>
      </c>
      <c r="M6" s="270">
        <v>0</v>
      </c>
      <c r="N6" s="274">
        <v>0</v>
      </c>
      <c r="O6" s="271">
        <v>0</v>
      </c>
      <c r="P6" s="273">
        <v>0</v>
      </c>
      <c r="Q6" s="274">
        <v>207</v>
      </c>
      <c r="R6" s="274">
        <v>585</v>
      </c>
      <c r="S6" s="274">
        <v>513</v>
      </c>
      <c r="T6" s="274">
        <v>493</v>
      </c>
      <c r="U6" s="274">
        <v>401</v>
      </c>
      <c r="V6" s="271">
        <v>2199</v>
      </c>
      <c r="W6" s="276">
        <v>2199</v>
      </c>
      <c r="X6" s="270">
        <v>0</v>
      </c>
      <c r="Y6" s="274">
        <v>0</v>
      </c>
      <c r="Z6" s="271">
        <v>0</v>
      </c>
      <c r="AA6" s="273">
        <v>0</v>
      </c>
      <c r="AB6" s="274">
        <v>12885</v>
      </c>
      <c r="AC6" s="274">
        <v>11648</v>
      </c>
      <c r="AD6" s="274">
        <v>5502</v>
      </c>
      <c r="AE6" s="274">
        <v>2820</v>
      </c>
      <c r="AF6" s="274">
        <v>1315</v>
      </c>
      <c r="AG6" s="271">
        <v>34170</v>
      </c>
      <c r="AH6" s="276">
        <v>34170</v>
      </c>
      <c r="AI6" s="270">
        <v>6</v>
      </c>
      <c r="AJ6" s="274">
        <v>7</v>
      </c>
      <c r="AK6" s="271">
        <v>13</v>
      </c>
      <c r="AL6" s="273">
        <v>0</v>
      </c>
      <c r="AM6" s="274">
        <v>789</v>
      </c>
      <c r="AN6" s="274">
        <v>914</v>
      </c>
      <c r="AO6" s="274">
        <v>1039</v>
      </c>
      <c r="AP6" s="274">
        <v>545</v>
      </c>
      <c r="AQ6" s="274">
        <v>456</v>
      </c>
      <c r="AR6" s="271">
        <v>3743</v>
      </c>
      <c r="AS6" s="276">
        <v>3756</v>
      </c>
      <c r="AT6" s="270">
        <v>178</v>
      </c>
      <c r="AU6" s="274">
        <v>273</v>
      </c>
      <c r="AV6" s="271">
        <v>451</v>
      </c>
      <c r="AW6" s="273">
        <v>0</v>
      </c>
      <c r="AX6" s="274">
        <v>1460</v>
      </c>
      <c r="AY6" s="274">
        <v>1547</v>
      </c>
      <c r="AZ6" s="274">
        <v>1307</v>
      </c>
      <c r="BA6" s="274">
        <v>940</v>
      </c>
      <c r="BB6" s="274">
        <v>483</v>
      </c>
      <c r="BC6" s="271">
        <v>5737</v>
      </c>
      <c r="BD6" s="276">
        <v>6188</v>
      </c>
      <c r="BE6" s="270">
        <v>0</v>
      </c>
      <c r="BF6" s="274">
        <v>43</v>
      </c>
      <c r="BG6" s="271">
        <v>43</v>
      </c>
      <c r="BH6" s="273">
        <v>0</v>
      </c>
      <c r="BI6" s="274">
        <v>2692</v>
      </c>
      <c r="BJ6" s="274">
        <v>3282</v>
      </c>
      <c r="BK6" s="274">
        <v>3418</v>
      </c>
      <c r="BL6" s="274">
        <v>2219</v>
      </c>
      <c r="BM6" s="274">
        <v>1496</v>
      </c>
      <c r="BN6" s="275">
        <v>13107</v>
      </c>
      <c r="BO6" s="276">
        <v>13150</v>
      </c>
      <c r="BP6" s="270">
        <v>0</v>
      </c>
      <c r="BQ6" s="274">
        <v>0</v>
      </c>
      <c r="BR6" s="271">
        <v>0</v>
      </c>
      <c r="BS6" s="273">
        <v>0</v>
      </c>
      <c r="BT6" s="274">
        <v>35</v>
      </c>
      <c r="BU6" s="274">
        <v>58</v>
      </c>
      <c r="BV6" s="274">
        <v>58</v>
      </c>
      <c r="BW6" s="274">
        <v>66</v>
      </c>
      <c r="BX6" s="274">
        <v>51</v>
      </c>
      <c r="BY6" s="271">
        <v>268</v>
      </c>
      <c r="BZ6" s="276">
        <v>268</v>
      </c>
      <c r="CA6" s="270">
        <v>0</v>
      </c>
      <c r="CB6" s="274">
        <v>0</v>
      </c>
      <c r="CC6" s="271">
        <v>0</v>
      </c>
      <c r="CD6" s="273">
        <v>0</v>
      </c>
      <c r="CE6" s="274">
        <v>14</v>
      </c>
      <c r="CF6" s="274">
        <v>28</v>
      </c>
      <c r="CG6" s="274">
        <v>246</v>
      </c>
      <c r="CH6" s="274">
        <v>310</v>
      </c>
      <c r="CI6" s="274">
        <v>200</v>
      </c>
      <c r="CJ6" s="271">
        <v>798</v>
      </c>
      <c r="CK6" s="276">
        <v>798</v>
      </c>
      <c r="CL6" s="270">
        <v>0</v>
      </c>
      <c r="CM6" s="274">
        <v>0</v>
      </c>
      <c r="CN6" s="271">
        <v>0</v>
      </c>
      <c r="CO6" s="273">
        <v>0</v>
      </c>
      <c r="CP6" s="274">
        <v>192</v>
      </c>
      <c r="CQ6" s="274">
        <v>259</v>
      </c>
      <c r="CR6" s="274">
        <v>293</v>
      </c>
      <c r="CS6" s="274">
        <v>324</v>
      </c>
      <c r="CT6" s="274">
        <v>388</v>
      </c>
      <c r="CU6" s="271">
        <v>1456</v>
      </c>
      <c r="CV6" s="276">
        <v>1456</v>
      </c>
    </row>
    <row r="7" spans="1:100" ht="21" customHeight="1" x14ac:dyDescent="0.2">
      <c r="A7" s="262" t="s">
        <v>5</v>
      </c>
      <c r="B7" s="277">
        <v>0</v>
      </c>
      <c r="C7" s="278">
        <v>0</v>
      </c>
      <c r="D7" s="279">
        <v>0</v>
      </c>
      <c r="E7" s="280">
        <v>0</v>
      </c>
      <c r="F7" s="281">
        <v>128</v>
      </c>
      <c r="G7" s="281">
        <v>188</v>
      </c>
      <c r="H7" s="281">
        <v>165</v>
      </c>
      <c r="I7" s="281">
        <v>181</v>
      </c>
      <c r="J7" s="281">
        <v>157</v>
      </c>
      <c r="K7" s="282">
        <v>819</v>
      </c>
      <c r="L7" s="283">
        <v>819</v>
      </c>
      <c r="M7" s="277">
        <v>0</v>
      </c>
      <c r="N7" s="281">
        <v>0</v>
      </c>
      <c r="O7" s="278">
        <v>0</v>
      </c>
      <c r="P7" s="280">
        <v>0</v>
      </c>
      <c r="Q7" s="281">
        <v>115</v>
      </c>
      <c r="R7" s="281">
        <v>459</v>
      </c>
      <c r="S7" s="281">
        <v>376</v>
      </c>
      <c r="T7" s="281">
        <v>350</v>
      </c>
      <c r="U7" s="281">
        <v>296</v>
      </c>
      <c r="V7" s="278">
        <v>1596</v>
      </c>
      <c r="W7" s="283">
        <v>1596</v>
      </c>
      <c r="X7" s="277">
        <v>0</v>
      </c>
      <c r="Y7" s="281">
        <v>0</v>
      </c>
      <c r="Z7" s="278">
        <v>0</v>
      </c>
      <c r="AA7" s="280">
        <v>0</v>
      </c>
      <c r="AB7" s="281">
        <v>4294</v>
      </c>
      <c r="AC7" s="281">
        <v>5399</v>
      </c>
      <c r="AD7" s="281">
        <v>2475</v>
      </c>
      <c r="AE7" s="281">
        <v>1260</v>
      </c>
      <c r="AF7" s="281">
        <v>582</v>
      </c>
      <c r="AG7" s="278">
        <v>14010</v>
      </c>
      <c r="AH7" s="283">
        <v>14010</v>
      </c>
      <c r="AI7" s="277">
        <v>2</v>
      </c>
      <c r="AJ7" s="281">
        <v>1</v>
      </c>
      <c r="AK7" s="278">
        <v>3</v>
      </c>
      <c r="AL7" s="280">
        <v>0</v>
      </c>
      <c r="AM7" s="281">
        <v>366</v>
      </c>
      <c r="AN7" s="281">
        <v>450</v>
      </c>
      <c r="AO7" s="281">
        <v>514</v>
      </c>
      <c r="AP7" s="281">
        <v>294</v>
      </c>
      <c r="AQ7" s="281">
        <v>274</v>
      </c>
      <c r="AR7" s="278">
        <v>1898</v>
      </c>
      <c r="AS7" s="283">
        <v>1901</v>
      </c>
      <c r="AT7" s="277">
        <v>80</v>
      </c>
      <c r="AU7" s="281">
        <v>108</v>
      </c>
      <c r="AV7" s="278">
        <v>188</v>
      </c>
      <c r="AW7" s="280">
        <v>0</v>
      </c>
      <c r="AX7" s="281">
        <v>515</v>
      </c>
      <c r="AY7" s="281">
        <v>631</v>
      </c>
      <c r="AZ7" s="281">
        <v>576</v>
      </c>
      <c r="BA7" s="281">
        <v>428</v>
      </c>
      <c r="BB7" s="281">
        <v>229</v>
      </c>
      <c r="BC7" s="278">
        <v>2379</v>
      </c>
      <c r="BD7" s="283">
        <v>2567</v>
      </c>
      <c r="BE7" s="277">
        <v>0</v>
      </c>
      <c r="BF7" s="281">
        <v>13</v>
      </c>
      <c r="BG7" s="278">
        <v>13</v>
      </c>
      <c r="BH7" s="280">
        <v>0</v>
      </c>
      <c r="BI7" s="281">
        <v>1143</v>
      </c>
      <c r="BJ7" s="281">
        <v>1464</v>
      </c>
      <c r="BK7" s="281">
        <v>1429</v>
      </c>
      <c r="BL7" s="281">
        <v>931</v>
      </c>
      <c r="BM7" s="281">
        <v>659</v>
      </c>
      <c r="BN7" s="282">
        <v>5626</v>
      </c>
      <c r="BO7" s="283">
        <v>5639</v>
      </c>
      <c r="BP7" s="277">
        <v>0</v>
      </c>
      <c r="BQ7" s="281">
        <v>0</v>
      </c>
      <c r="BR7" s="278">
        <v>0</v>
      </c>
      <c r="BS7" s="280">
        <v>0</v>
      </c>
      <c r="BT7" s="281">
        <v>1</v>
      </c>
      <c r="BU7" s="281">
        <v>1</v>
      </c>
      <c r="BV7" s="281">
        <v>2</v>
      </c>
      <c r="BW7" s="281">
        <v>3</v>
      </c>
      <c r="BX7" s="281">
        <v>5</v>
      </c>
      <c r="BY7" s="278">
        <v>12</v>
      </c>
      <c r="BZ7" s="283">
        <v>12</v>
      </c>
      <c r="CA7" s="277">
        <v>0</v>
      </c>
      <c r="CB7" s="281">
        <v>0</v>
      </c>
      <c r="CC7" s="278">
        <v>0</v>
      </c>
      <c r="CD7" s="280">
        <v>0</v>
      </c>
      <c r="CE7" s="281">
        <v>4</v>
      </c>
      <c r="CF7" s="281">
        <v>6</v>
      </c>
      <c r="CG7" s="281">
        <v>22</v>
      </c>
      <c r="CH7" s="281">
        <v>30</v>
      </c>
      <c r="CI7" s="281">
        <v>21</v>
      </c>
      <c r="CJ7" s="278">
        <v>83</v>
      </c>
      <c r="CK7" s="283">
        <v>83</v>
      </c>
      <c r="CL7" s="277">
        <v>0</v>
      </c>
      <c r="CM7" s="281">
        <v>0</v>
      </c>
      <c r="CN7" s="278">
        <v>0</v>
      </c>
      <c r="CO7" s="280">
        <v>0</v>
      </c>
      <c r="CP7" s="281">
        <v>33</v>
      </c>
      <c r="CQ7" s="281">
        <v>53</v>
      </c>
      <c r="CR7" s="281">
        <v>76</v>
      </c>
      <c r="CS7" s="281">
        <v>91</v>
      </c>
      <c r="CT7" s="281">
        <v>153</v>
      </c>
      <c r="CU7" s="278">
        <v>406</v>
      </c>
      <c r="CV7" s="283">
        <v>406</v>
      </c>
    </row>
    <row r="8" spans="1:100" ht="21" customHeight="1" x14ac:dyDescent="0.2">
      <c r="A8" s="262" t="s">
        <v>6</v>
      </c>
      <c r="B8" s="277">
        <v>0</v>
      </c>
      <c r="C8" s="278">
        <v>0</v>
      </c>
      <c r="D8" s="279">
        <v>0</v>
      </c>
      <c r="E8" s="280">
        <v>0</v>
      </c>
      <c r="F8" s="281">
        <v>79</v>
      </c>
      <c r="G8" s="281">
        <v>84</v>
      </c>
      <c r="H8" s="281">
        <v>68</v>
      </c>
      <c r="I8" s="281">
        <v>105</v>
      </c>
      <c r="J8" s="281">
        <v>106</v>
      </c>
      <c r="K8" s="282">
        <v>442</v>
      </c>
      <c r="L8" s="283">
        <v>442</v>
      </c>
      <c r="M8" s="277">
        <v>0</v>
      </c>
      <c r="N8" s="281">
        <v>0</v>
      </c>
      <c r="O8" s="278">
        <v>0</v>
      </c>
      <c r="P8" s="280">
        <v>0</v>
      </c>
      <c r="Q8" s="281">
        <v>65</v>
      </c>
      <c r="R8" s="281">
        <v>93</v>
      </c>
      <c r="S8" s="281">
        <v>102</v>
      </c>
      <c r="T8" s="281">
        <v>115</v>
      </c>
      <c r="U8" s="281">
        <v>87</v>
      </c>
      <c r="V8" s="278">
        <v>462</v>
      </c>
      <c r="W8" s="283">
        <v>462</v>
      </c>
      <c r="X8" s="277">
        <v>0</v>
      </c>
      <c r="Y8" s="281">
        <v>0</v>
      </c>
      <c r="Z8" s="278">
        <v>0</v>
      </c>
      <c r="AA8" s="280">
        <v>0</v>
      </c>
      <c r="AB8" s="281">
        <v>1932</v>
      </c>
      <c r="AC8" s="281">
        <v>1264</v>
      </c>
      <c r="AD8" s="281">
        <v>688</v>
      </c>
      <c r="AE8" s="281">
        <v>412</v>
      </c>
      <c r="AF8" s="281">
        <v>218</v>
      </c>
      <c r="AG8" s="278">
        <v>4514</v>
      </c>
      <c r="AH8" s="283">
        <v>4514</v>
      </c>
      <c r="AI8" s="277">
        <v>2</v>
      </c>
      <c r="AJ8" s="281">
        <v>1</v>
      </c>
      <c r="AK8" s="278">
        <v>3</v>
      </c>
      <c r="AL8" s="280">
        <v>0</v>
      </c>
      <c r="AM8" s="281">
        <v>171</v>
      </c>
      <c r="AN8" s="281">
        <v>195</v>
      </c>
      <c r="AO8" s="281">
        <v>228</v>
      </c>
      <c r="AP8" s="281">
        <v>131</v>
      </c>
      <c r="AQ8" s="281">
        <v>78</v>
      </c>
      <c r="AR8" s="278">
        <v>803</v>
      </c>
      <c r="AS8" s="283">
        <v>806</v>
      </c>
      <c r="AT8" s="277">
        <v>20</v>
      </c>
      <c r="AU8" s="281">
        <v>33</v>
      </c>
      <c r="AV8" s="278">
        <v>53</v>
      </c>
      <c r="AW8" s="280">
        <v>0</v>
      </c>
      <c r="AX8" s="281">
        <v>244</v>
      </c>
      <c r="AY8" s="281">
        <v>224</v>
      </c>
      <c r="AZ8" s="281">
        <v>181</v>
      </c>
      <c r="BA8" s="281">
        <v>133</v>
      </c>
      <c r="BB8" s="281">
        <v>57</v>
      </c>
      <c r="BC8" s="278">
        <v>839</v>
      </c>
      <c r="BD8" s="283">
        <v>892</v>
      </c>
      <c r="BE8" s="277">
        <v>0</v>
      </c>
      <c r="BF8" s="281">
        <v>7</v>
      </c>
      <c r="BG8" s="278">
        <v>7</v>
      </c>
      <c r="BH8" s="280">
        <v>0</v>
      </c>
      <c r="BI8" s="281">
        <v>484</v>
      </c>
      <c r="BJ8" s="281">
        <v>554</v>
      </c>
      <c r="BK8" s="281">
        <v>579</v>
      </c>
      <c r="BL8" s="281">
        <v>388</v>
      </c>
      <c r="BM8" s="281">
        <v>250</v>
      </c>
      <c r="BN8" s="282">
        <v>2255</v>
      </c>
      <c r="BO8" s="283">
        <v>2262</v>
      </c>
      <c r="BP8" s="277">
        <v>0</v>
      </c>
      <c r="BQ8" s="281">
        <v>0</v>
      </c>
      <c r="BR8" s="278">
        <v>0</v>
      </c>
      <c r="BS8" s="280">
        <v>0</v>
      </c>
      <c r="BT8" s="281">
        <v>0</v>
      </c>
      <c r="BU8" s="281">
        <v>0</v>
      </c>
      <c r="BV8" s="281">
        <v>0</v>
      </c>
      <c r="BW8" s="281">
        <v>0</v>
      </c>
      <c r="BX8" s="281">
        <v>0</v>
      </c>
      <c r="BY8" s="278">
        <v>0</v>
      </c>
      <c r="BZ8" s="283">
        <v>0</v>
      </c>
      <c r="CA8" s="277">
        <v>0</v>
      </c>
      <c r="CB8" s="281">
        <v>0</v>
      </c>
      <c r="CC8" s="278">
        <v>0</v>
      </c>
      <c r="CD8" s="280">
        <v>0</v>
      </c>
      <c r="CE8" s="281">
        <v>5</v>
      </c>
      <c r="CF8" s="281">
        <v>4</v>
      </c>
      <c r="CG8" s="281">
        <v>71</v>
      </c>
      <c r="CH8" s="281">
        <v>96</v>
      </c>
      <c r="CI8" s="281">
        <v>63</v>
      </c>
      <c r="CJ8" s="278">
        <v>239</v>
      </c>
      <c r="CK8" s="283">
        <v>239</v>
      </c>
      <c r="CL8" s="277">
        <v>0</v>
      </c>
      <c r="CM8" s="281">
        <v>0</v>
      </c>
      <c r="CN8" s="278">
        <v>0</v>
      </c>
      <c r="CO8" s="280">
        <v>0</v>
      </c>
      <c r="CP8" s="281">
        <v>53</v>
      </c>
      <c r="CQ8" s="281">
        <v>86</v>
      </c>
      <c r="CR8" s="281">
        <v>74</v>
      </c>
      <c r="CS8" s="281">
        <v>82</v>
      </c>
      <c r="CT8" s="281">
        <v>82</v>
      </c>
      <c r="CU8" s="278">
        <v>377</v>
      </c>
      <c r="CV8" s="283">
        <v>377</v>
      </c>
    </row>
    <row r="9" spans="1:100" ht="21" customHeight="1" x14ac:dyDescent="0.2">
      <c r="A9" s="262" t="s">
        <v>14</v>
      </c>
      <c r="B9" s="277">
        <v>0</v>
      </c>
      <c r="C9" s="278">
        <v>0</v>
      </c>
      <c r="D9" s="279">
        <v>0</v>
      </c>
      <c r="E9" s="280">
        <v>0</v>
      </c>
      <c r="F9" s="281">
        <v>18</v>
      </c>
      <c r="G9" s="281">
        <v>16</v>
      </c>
      <c r="H9" s="281">
        <v>15</v>
      </c>
      <c r="I9" s="281">
        <v>17</v>
      </c>
      <c r="J9" s="281">
        <v>17</v>
      </c>
      <c r="K9" s="282">
        <v>83</v>
      </c>
      <c r="L9" s="283">
        <v>83</v>
      </c>
      <c r="M9" s="277">
        <v>0</v>
      </c>
      <c r="N9" s="281">
        <v>0</v>
      </c>
      <c r="O9" s="278">
        <v>0</v>
      </c>
      <c r="P9" s="280">
        <v>0</v>
      </c>
      <c r="Q9" s="281">
        <v>2</v>
      </c>
      <c r="R9" s="281">
        <v>3</v>
      </c>
      <c r="S9" s="281">
        <v>3</v>
      </c>
      <c r="T9" s="281">
        <v>3</v>
      </c>
      <c r="U9" s="281">
        <v>2</v>
      </c>
      <c r="V9" s="278">
        <v>13</v>
      </c>
      <c r="W9" s="283">
        <v>13</v>
      </c>
      <c r="X9" s="277">
        <v>0</v>
      </c>
      <c r="Y9" s="281">
        <v>0</v>
      </c>
      <c r="Z9" s="278">
        <v>0</v>
      </c>
      <c r="AA9" s="280">
        <v>0</v>
      </c>
      <c r="AB9" s="281">
        <v>1089</v>
      </c>
      <c r="AC9" s="281">
        <v>1038</v>
      </c>
      <c r="AD9" s="281">
        <v>529</v>
      </c>
      <c r="AE9" s="281">
        <v>255</v>
      </c>
      <c r="AF9" s="281">
        <v>107</v>
      </c>
      <c r="AG9" s="278">
        <v>3018</v>
      </c>
      <c r="AH9" s="283">
        <v>3018</v>
      </c>
      <c r="AI9" s="277">
        <v>0</v>
      </c>
      <c r="AJ9" s="281">
        <v>0</v>
      </c>
      <c r="AK9" s="278">
        <v>0</v>
      </c>
      <c r="AL9" s="280">
        <v>0</v>
      </c>
      <c r="AM9" s="281">
        <v>18</v>
      </c>
      <c r="AN9" s="281">
        <v>25</v>
      </c>
      <c r="AO9" s="281">
        <v>38</v>
      </c>
      <c r="AP9" s="281">
        <v>17</v>
      </c>
      <c r="AQ9" s="281">
        <v>18</v>
      </c>
      <c r="AR9" s="278">
        <v>116</v>
      </c>
      <c r="AS9" s="283">
        <v>116</v>
      </c>
      <c r="AT9" s="277">
        <v>15</v>
      </c>
      <c r="AU9" s="281">
        <v>25</v>
      </c>
      <c r="AV9" s="278">
        <v>40</v>
      </c>
      <c r="AW9" s="280">
        <v>0</v>
      </c>
      <c r="AX9" s="281">
        <v>132</v>
      </c>
      <c r="AY9" s="281">
        <v>136</v>
      </c>
      <c r="AZ9" s="281">
        <v>105</v>
      </c>
      <c r="BA9" s="281">
        <v>78</v>
      </c>
      <c r="BB9" s="281">
        <v>23</v>
      </c>
      <c r="BC9" s="278">
        <v>474</v>
      </c>
      <c r="BD9" s="283">
        <v>514</v>
      </c>
      <c r="BE9" s="277">
        <v>0</v>
      </c>
      <c r="BF9" s="281">
        <v>3</v>
      </c>
      <c r="BG9" s="278">
        <v>3</v>
      </c>
      <c r="BH9" s="280">
        <v>0</v>
      </c>
      <c r="BI9" s="281">
        <v>265</v>
      </c>
      <c r="BJ9" s="281">
        <v>291</v>
      </c>
      <c r="BK9" s="281">
        <v>327</v>
      </c>
      <c r="BL9" s="281">
        <v>200</v>
      </c>
      <c r="BM9" s="281">
        <v>141</v>
      </c>
      <c r="BN9" s="282">
        <v>1224</v>
      </c>
      <c r="BO9" s="283">
        <v>1227</v>
      </c>
      <c r="BP9" s="277">
        <v>0</v>
      </c>
      <c r="BQ9" s="281">
        <v>0</v>
      </c>
      <c r="BR9" s="278">
        <v>0</v>
      </c>
      <c r="BS9" s="280">
        <v>0</v>
      </c>
      <c r="BT9" s="281">
        <v>0</v>
      </c>
      <c r="BU9" s="281">
        <v>0</v>
      </c>
      <c r="BV9" s="281">
        <v>0</v>
      </c>
      <c r="BW9" s="281">
        <v>0</v>
      </c>
      <c r="BX9" s="281">
        <v>0</v>
      </c>
      <c r="BY9" s="278">
        <v>0</v>
      </c>
      <c r="BZ9" s="283">
        <v>0</v>
      </c>
      <c r="CA9" s="277">
        <v>0</v>
      </c>
      <c r="CB9" s="281">
        <v>0</v>
      </c>
      <c r="CC9" s="278">
        <v>0</v>
      </c>
      <c r="CD9" s="280">
        <v>0</v>
      </c>
      <c r="CE9" s="281">
        <v>0</v>
      </c>
      <c r="CF9" s="281">
        <v>2</v>
      </c>
      <c r="CG9" s="281">
        <v>16</v>
      </c>
      <c r="CH9" s="281">
        <v>31</v>
      </c>
      <c r="CI9" s="281">
        <v>6</v>
      </c>
      <c r="CJ9" s="278">
        <v>55</v>
      </c>
      <c r="CK9" s="283">
        <v>55</v>
      </c>
      <c r="CL9" s="277">
        <v>0</v>
      </c>
      <c r="CM9" s="281">
        <v>0</v>
      </c>
      <c r="CN9" s="278">
        <v>0</v>
      </c>
      <c r="CO9" s="280">
        <v>0</v>
      </c>
      <c r="CP9" s="281">
        <v>9</v>
      </c>
      <c r="CQ9" s="281">
        <v>10</v>
      </c>
      <c r="CR9" s="281">
        <v>12</v>
      </c>
      <c r="CS9" s="281">
        <v>18</v>
      </c>
      <c r="CT9" s="281">
        <v>12</v>
      </c>
      <c r="CU9" s="278">
        <v>61</v>
      </c>
      <c r="CV9" s="283">
        <v>61</v>
      </c>
    </row>
    <row r="10" spans="1:100" ht="21" customHeight="1" x14ac:dyDescent="0.2">
      <c r="A10" s="262" t="s">
        <v>7</v>
      </c>
      <c r="B10" s="277">
        <v>0</v>
      </c>
      <c r="C10" s="278">
        <v>0</v>
      </c>
      <c r="D10" s="279">
        <v>0</v>
      </c>
      <c r="E10" s="280">
        <v>0</v>
      </c>
      <c r="F10" s="281">
        <v>4</v>
      </c>
      <c r="G10" s="281">
        <v>10</v>
      </c>
      <c r="H10" s="281">
        <v>7</v>
      </c>
      <c r="I10" s="281">
        <v>7</v>
      </c>
      <c r="J10" s="281">
        <v>7</v>
      </c>
      <c r="K10" s="282">
        <v>35</v>
      </c>
      <c r="L10" s="283">
        <v>35</v>
      </c>
      <c r="M10" s="277">
        <v>0</v>
      </c>
      <c r="N10" s="281">
        <v>0</v>
      </c>
      <c r="O10" s="278">
        <v>0</v>
      </c>
      <c r="P10" s="280">
        <v>0</v>
      </c>
      <c r="Q10" s="281">
        <v>0</v>
      </c>
      <c r="R10" s="281">
        <v>0</v>
      </c>
      <c r="S10" s="281">
        <v>0</v>
      </c>
      <c r="T10" s="281">
        <v>0</v>
      </c>
      <c r="U10" s="281">
        <v>0</v>
      </c>
      <c r="V10" s="278">
        <v>0</v>
      </c>
      <c r="W10" s="283">
        <v>0</v>
      </c>
      <c r="X10" s="277">
        <v>0</v>
      </c>
      <c r="Y10" s="281">
        <v>0</v>
      </c>
      <c r="Z10" s="278">
        <v>0</v>
      </c>
      <c r="AA10" s="280">
        <v>0</v>
      </c>
      <c r="AB10" s="281">
        <v>1012</v>
      </c>
      <c r="AC10" s="281">
        <v>617</v>
      </c>
      <c r="AD10" s="281">
        <v>288</v>
      </c>
      <c r="AE10" s="281">
        <v>143</v>
      </c>
      <c r="AF10" s="281">
        <v>49</v>
      </c>
      <c r="AG10" s="278">
        <v>2109</v>
      </c>
      <c r="AH10" s="283">
        <v>2109</v>
      </c>
      <c r="AI10" s="277">
        <v>1</v>
      </c>
      <c r="AJ10" s="281">
        <v>0</v>
      </c>
      <c r="AK10" s="278">
        <v>1</v>
      </c>
      <c r="AL10" s="280">
        <v>0</v>
      </c>
      <c r="AM10" s="281">
        <v>83</v>
      </c>
      <c r="AN10" s="281">
        <v>95</v>
      </c>
      <c r="AO10" s="281">
        <v>96</v>
      </c>
      <c r="AP10" s="281">
        <v>32</v>
      </c>
      <c r="AQ10" s="281">
        <v>15</v>
      </c>
      <c r="AR10" s="278">
        <v>321</v>
      </c>
      <c r="AS10" s="283">
        <v>322</v>
      </c>
      <c r="AT10" s="277">
        <v>7</v>
      </c>
      <c r="AU10" s="281">
        <v>13</v>
      </c>
      <c r="AV10" s="278">
        <v>20</v>
      </c>
      <c r="AW10" s="280">
        <v>0</v>
      </c>
      <c r="AX10" s="281">
        <v>61</v>
      </c>
      <c r="AY10" s="281">
        <v>48</v>
      </c>
      <c r="AZ10" s="281">
        <v>30</v>
      </c>
      <c r="BA10" s="281">
        <v>15</v>
      </c>
      <c r="BB10" s="281">
        <v>6</v>
      </c>
      <c r="BC10" s="278">
        <v>160</v>
      </c>
      <c r="BD10" s="283">
        <v>180</v>
      </c>
      <c r="BE10" s="277">
        <v>0</v>
      </c>
      <c r="BF10" s="281">
        <v>1</v>
      </c>
      <c r="BG10" s="278">
        <v>1</v>
      </c>
      <c r="BH10" s="280">
        <v>0</v>
      </c>
      <c r="BI10" s="281">
        <v>122</v>
      </c>
      <c r="BJ10" s="281">
        <v>150</v>
      </c>
      <c r="BK10" s="281">
        <v>188</v>
      </c>
      <c r="BL10" s="281">
        <v>131</v>
      </c>
      <c r="BM10" s="281">
        <v>72</v>
      </c>
      <c r="BN10" s="282">
        <v>663</v>
      </c>
      <c r="BO10" s="283">
        <v>664</v>
      </c>
      <c r="BP10" s="277">
        <v>0</v>
      </c>
      <c r="BQ10" s="281">
        <v>0</v>
      </c>
      <c r="BR10" s="278">
        <v>0</v>
      </c>
      <c r="BS10" s="280">
        <v>0</v>
      </c>
      <c r="BT10" s="281">
        <v>0</v>
      </c>
      <c r="BU10" s="281">
        <v>0</v>
      </c>
      <c r="BV10" s="281">
        <v>0</v>
      </c>
      <c r="BW10" s="281">
        <v>0</v>
      </c>
      <c r="BX10" s="281">
        <v>0</v>
      </c>
      <c r="BY10" s="278">
        <v>0</v>
      </c>
      <c r="BZ10" s="283">
        <v>0</v>
      </c>
      <c r="CA10" s="277">
        <v>0</v>
      </c>
      <c r="CB10" s="281">
        <v>0</v>
      </c>
      <c r="CC10" s="278">
        <v>0</v>
      </c>
      <c r="CD10" s="280">
        <v>0</v>
      </c>
      <c r="CE10" s="281">
        <v>0</v>
      </c>
      <c r="CF10" s="281">
        <v>0</v>
      </c>
      <c r="CG10" s="281">
        <v>0</v>
      </c>
      <c r="CH10" s="281">
        <v>0</v>
      </c>
      <c r="CI10" s="281">
        <v>0</v>
      </c>
      <c r="CJ10" s="278">
        <v>0</v>
      </c>
      <c r="CK10" s="283">
        <v>0</v>
      </c>
      <c r="CL10" s="277">
        <v>0</v>
      </c>
      <c r="CM10" s="281">
        <v>0</v>
      </c>
      <c r="CN10" s="278">
        <v>0</v>
      </c>
      <c r="CO10" s="280">
        <v>0</v>
      </c>
      <c r="CP10" s="281">
        <v>8</v>
      </c>
      <c r="CQ10" s="281">
        <v>11</v>
      </c>
      <c r="CR10" s="281">
        <v>10</v>
      </c>
      <c r="CS10" s="281">
        <v>10</v>
      </c>
      <c r="CT10" s="281">
        <v>22</v>
      </c>
      <c r="CU10" s="278">
        <v>61</v>
      </c>
      <c r="CV10" s="283">
        <v>61</v>
      </c>
    </row>
    <row r="11" spans="1:100" ht="21" customHeight="1" x14ac:dyDescent="0.2">
      <c r="A11" s="262" t="s">
        <v>8</v>
      </c>
      <c r="B11" s="277">
        <v>0</v>
      </c>
      <c r="C11" s="278">
        <v>0</v>
      </c>
      <c r="D11" s="279">
        <v>0</v>
      </c>
      <c r="E11" s="280">
        <v>0</v>
      </c>
      <c r="F11" s="281">
        <v>4</v>
      </c>
      <c r="G11" s="281">
        <v>8</v>
      </c>
      <c r="H11" s="281">
        <v>4</v>
      </c>
      <c r="I11" s="281">
        <v>6</v>
      </c>
      <c r="J11" s="281">
        <v>2</v>
      </c>
      <c r="K11" s="282">
        <v>24</v>
      </c>
      <c r="L11" s="283">
        <v>24</v>
      </c>
      <c r="M11" s="277">
        <v>0</v>
      </c>
      <c r="N11" s="281">
        <v>0</v>
      </c>
      <c r="O11" s="278">
        <v>0</v>
      </c>
      <c r="P11" s="280">
        <v>0</v>
      </c>
      <c r="Q11" s="281">
        <v>1</v>
      </c>
      <c r="R11" s="281">
        <v>2</v>
      </c>
      <c r="S11" s="281">
        <v>1</v>
      </c>
      <c r="T11" s="281">
        <v>3</v>
      </c>
      <c r="U11" s="281">
        <v>3</v>
      </c>
      <c r="V11" s="278">
        <v>10</v>
      </c>
      <c r="W11" s="283">
        <v>10</v>
      </c>
      <c r="X11" s="277">
        <v>0</v>
      </c>
      <c r="Y11" s="281">
        <v>0</v>
      </c>
      <c r="Z11" s="278">
        <v>0</v>
      </c>
      <c r="AA11" s="280">
        <v>0</v>
      </c>
      <c r="AB11" s="281">
        <v>579</v>
      </c>
      <c r="AC11" s="281">
        <v>492</v>
      </c>
      <c r="AD11" s="281">
        <v>212</v>
      </c>
      <c r="AE11" s="281">
        <v>98</v>
      </c>
      <c r="AF11" s="281">
        <v>53</v>
      </c>
      <c r="AG11" s="278">
        <v>1434</v>
      </c>
      <c r="AH11" s="283">
        <v>1434</v>
      </c>
      <c r="AI11" s="277">
        <v>0</v>
      </c>
      <c r="AJ11" s="281">
        <v>0</v>
      </c>
      <c r="AK11" s="278">
        <v>0</v>
      </c>
      <c r="AL11" s="280">
        <v>0</v>
      </c>
      <c r="AM11" s="281">
        <v>12</v>
      </c>
      <c r="AN11" s="281">
        <v>11</v>
      </c>
      <c r="AO11" s="281">
        <v>8</v>
      </c>
      <c r="AP11" s="281">
        <v>5</v>
      </c>
      <c r="AQ11" s="281">
        <v>4</v>
      </c>
      <c r="AR11" s="278">
        <v>40</v>
      </c>
      <c r="AS11" s="283">
        <v>40</v>
      </c>
      <c r="AT11" s="277">
        <v>7</v>
      </c>
      <c r="AU11" s="281">
        <v>11</v>
      </c>
      <c r="AV11" s="278">
        <v>18</v>
      </c>
      <c r="AW11" s="280">
        <v>0</v>
      </c>
      <c r="AX11" s="281">
        <v>88</v>
      </c>
      <c r="AY11" s="281">
        <v>58</v>
      </c>
      <c r="AZ11" s="281">
        <v>45</v>
      </c>
      <c r="BA11" s="281">
        <v>19</v>
      </c>
      <c r="BB11" s="281">
        <v>9</v>
      </c>
      <c r="BC11" s="278">
        <v>219</v>
      </c>
      <c r="BD11" s="283">
        <v>237</v>
      </c>
      <c r="BE11" s="277">
        <v>0</v>
      </c>
      <c r="BF11" s="281">
        <v>0</v>
      </c>
      <c r="BG11" s="278">
        <v>0</v>
      </c>
      <c r="BH11" s="280">
        <v>0</v>
      </c>
      <c r="BI11" s="281">
        <v>67</v>
      </c>
      <c r="BJ11" s="281">
        <v>75</v>
      </c>
      <c r="BK11" s="281">
        <v>84</v>
      </c>
      <c r="BL11" s="281">
        <v>60</v>
      </c>
      <c r="BM11" s="281">
        <v>32</v>
      </c>
      <c r="BN11" s="282">
        <v>318</v>
      </c>
      <c r="BO11" s="283">
        <v>318</v>
      </c>
      <c r="BP11" s="277">
        <v>0</v>
      </c>
      <c r="BQ11" s="281">
        <v>0</v>
      </c>
      <c r="BR11" s="278">
        <v>0</v>
      </c>
      <c r="BS11" s="280">
        <v>0</v>
      </c>
      <c r="BT11" s="281">
        <v>3</v>
      </c>
      <c r="BU11" s="281">
        <v>11</v>
      </c>
      <c r="BV11" s="281">
        <v>11</v>
      </c>
      <c r="BW11" s="281">
        <v>15</v>
      </c>
      <c r="BX11" s="281">
        <v>3</v>
      </c>
      <c r="BY11" s="278">
        <v>43</v>
      </c>
      <c r="BZ11" s="283">
        <v>43</v>
      </c>
      <c r="CA11" s="277">
        <v>0</v>
      </c>
      <c r="CB11" s="281">
        <v>0</v>
      </c>
      <c r="CC11" s="278">
        <v>0</v>
      </c>
      <c r="CD11" s="280">
        <v>0</v>
      </c>
      <c r="CE11" s="281">
        <v>0</v>
      </c>
      <c r="CF11" s="281">
        <v>3</v>
      </c>
      <c r="CG11" s="281">
        <v>18</v>
      </c>
      <c r="CH11" s="281">
        <v>17</v>
      </c>
      <c r="CI11" s="281">
        <v>12</v>
      </c>
      <c r="CJ11" s="278">
        <v>50</v>
      </c>
      <c r="CK11" s="283">
        <v>50</v>
      </c>
      <c r="CL11" s="277">
        <v>0</v>
      </c>
      <c r="CM11" s="281">
        <v>0</v>
      </c>
      <c r="CN11" s="278">
        <v>0</v>
      </c>
      <c r="CO11" s="280">
        <v>0</v>
      </c>
      <c r="CP11" s="281">
        <v>17</v>
      </c>
      <c r="CQ11" s="281">
        <v>13</v>
      </c>
      <c r="CR11" s="281">
        <v>13</v>
      </c>
      <c r="CS11" s="281">
        <v>11</v>
      </c>
      <c r="CT11" s="281">
        <v>10</v>
      </c>
      <c r="CU11" s="278">
        <v>64</v>
      </c>
      <c r="CV11" s="283">
        <v>64</v>
      </c>
    </row>
    <row r="12" spans="1:100" ht="21" customHeight="1" x14ac:dyDescent="0.2">
      <c r="A12" s="262" t="s">
        <v>9</v>
      </c>
      <c r="B12" s="277">
        <v>0</v>
      </c>
      <c r="C12" s="278">
        <v>0</v>
      </c>
      <c r="D12" s="279">
        <v>0</v>
      </c>
      <c r="E12" s="280">
        <v>0</v>
      </c>
      <c r="F12" s="281">
        <v>2</v>
      </c>
      <c r="G12" s="281">
        <v>6</v>
      </c>
      <c r="H12" s="281">
        <v>2</v>
      </c>
      <c r="I12" s="281">
        <v>8</v>
      </c>
      <c r="J12" s="281">
        <v>5</v>
      </c>
      <c r="K12" s="282">
        <v>23</v>
      </c>
      <c r="L12" s="283">
        <v>23</v>
      </c>
      <c r="M12" s="277">
        <v>0</v>
      </c>
      <c r="N12" s="281">
        <v>0</v>
      </c>
      <c r="O12" s="278">
        <v>0</v>
      </c>
      <c r="P12" s="280">
        <v>0</v>
      </c>
      <c r="Q12" s="281">
        <v>0</v>
      </c>
      <c r="R12" s="281">
        <v>0</v>
      </c>
      <c r="S12" s="281">
        <v>0</v>
      </c>
      <c r="T12" s="281">
        <v>0</v>
      </c>
      <c r="U12" s="281">
        <v>0</v>
      </c>
      <c r="V12" s="278">
        <v>0</v>
      </c>
      <c r="W12" s="283">
        <v>0</v>
      </c>
      <c r="X12" s="277">
        <v>0</v>
      </c>
      <c r="Y12" s="281">
        <v>0</v>
      </c>
      <c r="Z12" s="278">
        <v>0</v>
      </c>
      <c r="AA12" s="280">
        <v>0</v>
      </c>
      <c r="AB12" s="281">
        <v>399</v>
      </c>
      <c r="AC12" s="281">
        <v>279</v>
      </c>
      <c r="AD12" s="281">
        <v>150</v>
      </c>
      <c r="AE12" s="281">
        <v>76</v>
      </c>
      <c r="AF12" s="281">
        <v>29</v>
      </c>
      <c r="AG12" s="278">
        <v>933</v>
      </c>
      <c r="AH12" s="283">
        <v>933</v>
      </c>
      <c r="AI12" s="277">
        <v>0</v>
      </c>
      <c r="AJ12" s="281">
        <v>0</v>
      </c>
      <c r="AK12" s="278">
        <v>0</v>
      </c>
      <c r="AL12" s="280">
        <v>0</v>
      </c>
      <c r="AM12" s="281">
        <v>8</v>
      </c>
      <c r="AN12" s="281">
        <v>5</v>
      </c>
      <c r="AO12" s="281">
        <v>6</v>
      </c>
      <c r="AP12" s="281">
        <v>5</v>
      </c>
      <c r="AQ12" s="281">
        <v>4</v>
      </c>
      <c r="AR12" s="278">
        <v>28</v>
      </c>
      <c r="AS12" s="283">
        <v>28</v>
      </c>
      <c r="AT12" s="277">
        <v>5</v>
      </c>
      <c r="AU12" s="281">
        <v>6</v>
      </c>
      <c r="AV12" s="278">
        <v>11</v>
      </c>
      <c r="AW12" s="280">
        <v>0</v>
      </c>
      <c r="AX12" s="281">
        <v>38</v>
      </c>
      <c r="AY12" s="281">
        <v>32</v>
      </c>
      <c r="AZ12" s="281">
        <v>21</v>
      </c>
      <c r="BA12" s="281">
        <v>21</v>
      </c>
      <c r="BB12" s="281">
        <v>6</v>
      </c>
      <c r="BC12" s="278">
        <v>118</v>
      </c>
      <c r="BD12" s="283">
        <v>129</v>
      </c>
      <c r="BE12" s="277">
        <v>0</v>
      </c>
      <c r="BF12" s="281">
        <v>1</v>
      </c>
      <c r="BG12" s="278">
        <v>1</v>
      </c>
      <c r="BH12" s="280">
        <v>0</v>
      </c>
      <c r="BI12" s="281">
        <v>29</v>
      </c>
      <c r="BJ12" s="281">
        <v>50</v>
      </c>
      <c r="BK12" s="281">
        <v>95</v>
      </c>
      <c r="BL12" s="281">
        <v>43</v>
      </c>
      <c r="BM12" s="281">
        <v>27</v>
      </c>
      <c r="BN12" s="282">
        <v>244</v>
      </c>
      <c r="BO12" s="283">
        <v>245</v>
      </c>
      <c r="BP12" s="277">
        <v>0</v>
      </c>
      <c r="BQ12" s="281">
        <v>0</v>
      </c>
      <c r="BR12" s="278">
        <v>0</v>
      </c>
      <c r="BS12" s="280">
        <v>0</v>
      </c>
      <c r="BT12" s="281">
        <v>4</v>
      </c>
      <c r="BU12" s="281">
        <v>8</v>
      </c>
      <c r="BV12" s="281">
        <v>5</v>
      </c>
      <c r="BW12" s="281">
        <v>4</v>
      </c>
      <c r="BX12" s="281">
        <v>5</v>
      </c>
      <c r="BY12" s="278">
        <v>26</v>
      </c>
      <c r="BZ12" s="283">
        <v>26</v>
      </c>
      <c r="CA12" s="277">
        <v>0</v>
      </c>
      <c r="CB12" s="281">
        <v>0</v>
      </c>
      <c r="CC12" s="278">
        <v>0</v>
      </c>
      <c r="CD12" s="280">
        <v>0</v>
      </c>
      <c r="CE12" s="281">
        <v>0</v>
      </c>
      <c r="CF12" s="281">
        <v>0</v>
      </c>
      <c r="CG12" s="281">
        <v>0</v>
      </c>
      <c r="CH12" s="281">
        <v>1</v>
      </c>
      <c r="CI12" s="281">
        <v>0</v>
      </c>
      <c r="CJ12" s="278">
        <v>1</v>
      </c>
      <c r="CK12" s="283">
        <v>1</v>
      </c>
      <c r="CL12" s="277">
        <v>0</v>
      </c>
      <c r="CM12" s="281">
        <v>0</v>
      </c>
      <c r="CN12" s="278">
        <v>0</v>
      </c>
      <c r="CO12" s="280">
        <v>0</v>
      </c>
      <c r="CP12" s="281">
        <v>6</v>
      </c>
      <c r="CQ12" s="281">
        <v>3</v>
      </c>
      <c r="CR12" s="281">
        <v>10</v>
      </c>
      <c r="CS12" s="281">
        <v>12</v>
      </c>
      <c r="CT12" s="281">
        <v>10</v>
      </c>
      <c r="CU12" s="278">
        <v>41</v>
      </c>
      <c r="CV12" s="283">
        <v>41</v>
      </c>
    </row>
    <row r="13" spans="1:100" ht="21" customHeight="1" x14ac:dyDescent="0.2">
      <c r="A13" s="262" t="s">
        <v>10</v>
      </c>
      <c r="B13" s="277">
        <v>0</v>
      </c>
      <c r="C13" s="278">
        <v>0</v>
      </c>
      <c r="D13" s="279">
        <v>0</v>
      </c>
      <c r="E13" s="280">
        <v>0</v>
      </c>
      <c r="F13" s="281">
        <v>25</v>
      </c>
      <c r="G13" s="281">
        <v>12</v>
      </c>
      <c r="H13" s="281">
        <v>11</v>
      </c>
      <c r="I13" s="281">
        <v>17</v>
      </c>
      <c r="J13" s="281">
        <v>9</v>
      </c>
      <c r="K13" s="282">
        <v>74</v>
      </c>
      <c r="L13" s="283">
        <v>74</v>
      </c>
      <c r="M13" s="277">
        <v>0</v>
      </c>
      <c r="N13" s="281">
        <v>0</v>
      </c>
      <c r="O13" s="278">
        <v>0</v>
      </c>
      <c r="P13" s="280">
        <v>0</v>
      </c>
      <c r="Q13" s="281">
        <v>11</v>
      </c>
      <c r="R13" s="281">
        <v>14</v>
      </c>
      <c r="S13" s="281">
        <v>13</v>
      </c>
      <c r="T13" s="281">
        <v>9</v>
      </c>
      <c r="U13" s="281">
        <v>8</v>
      </c>
      <c r="V13" s="278">
        <v>55</v>
      </c>
      <c r="W13" s="283">
        <v>55</v>
      </c>
      <c r="X13" s="277">
        <v>0</v>
      </c>
      <c r="Y13" s="281">
        <v>0</v>
      </c>
      <c r="Z13" s="278">
        <v>0</v>
      </c>
      <c r="AA13" s="280">
        <v>0</v>
      </c>
      <c r="AB13" s="281">
        <v>524</v>
      </c>
      <c r="AC13" s="281">
        <v>259</v>
      </c>
      <c r="AD13" s="281">
        <v>115</v>
      </c>
      <c r="AE13" s="281">
        <v>56</v>
      </c>
      <c r="AF13" s="281">
        <v>30</v>
      </c>
      <c r="AG13" s="278">
        <v>984</v>
      </c>
      <c r="AH13" s="283">
        <v>984</v>
      </c>
      <c r="AI13" s="277">
        <v>0</v>
      </c>
      <c r="AJ13" s="281">
        <v>1</v>
      </c>
      <c r="AK13" s="278">
        <v>1</v>
      </c>
      <c r="AL13" s="280">
        <v>0</v>
      </c>
      <c r="AM13" s="281">
        <v>19</v>
      </c>
      <c r="AN13" s="281">
        <v>19</v>
      </c>
      <c r="AO13" s="281">
        <v>21</v>
      </c>
      <c r="AP13" s="281">
        <v>9</v>
      </c>
      <c r="AQ13" s="281">
        <v>8</v>
      </c>
      <c r="AR13" s="278">
        <v>76</v>
      </c>
      <c r="AS13" s="283">
        <v>77</v>
      </c>
      <c r="AT13" s="277">
        <v>8</v>
      </c>
      <c r="AU13" s="281">
        <v>23</v>
      </c>
      <c r="AV13" s="278">
        <v>31</v>
      </c>
      <c r="AW13" s="280">
        <v>0</v>
      </c>
      <c r="AX13" s="281">
        <v>92</v>
      </c>
      <c r="AY13" s="281">
        <v>84</v>
      </c>
      <c r="AZ13" s="281">
        <v>80</v>
      </c>
      <c r="BA13" s="281">
        <v>55</v>
      </c>
      <c r="BB13" s="281">
        <v>39</v>
      </c>
      <c r="BC13" s="278">
        <v>350</v>
      </c>
      <c r="BD13" s="283">
        <v>381</v>
      </c>
      <c r="BE13" s="277">
        <v>0</v>
      </c>
      <c r="BF13" s="281">
        <v>4</v>
      </c>
      <c r="BG13" s="278">
        <v>4</v>
      </c>
      <c r="BH13" s="280">
        <v>0</v>
      </c>
      <c r="BI13" s="281">
        <v>133</v>
      </c>
      <c r="BJ13" s="281">
        <v>139</v>
      </c>
      <c r="BK13" s="281">
        <v>77</v>
      </c>
      <c r="BL13" s="281">
        <v>79</v>
      </c>
      <c r="BM13" s="281">
        <v>81</v>
      </c>
      <c r="BN13" s="282">
        <v>509</v>
      </c>
      <c r="BO13" s="283">
        <v>513</v>
      </c>
      <c r="BP13" s="277">
        <v>0</v>
      </c>
      <c r="BQ13" s="281">
        <v>0</v>
      </c>
      <c r="BR13" s="278">
        <v>0</v>
      </c>
      <c r="BS13" s="280">
        <v>0</v>
      </c>
      <c r="BT13" s="281">
        <v>26</v>
      </c>
      <c r="BU13" s="281">
        <v>30</v>
      </c>
      <c r="BV13" s="281">
        <v>34</v>
      </c>
      <c r="BW13" s="281">
        <v>24</v>
      </c>
      <c r="BX13" s="281">
        <v>31</v>
      </c>
      <c r="BY13" s="278">
        <v>145</v>
      </c>
      <c r="BZ13" s="283">
        <v>145</v>
      </c>
      <c r="CA13" s="277">
        <v>0</v>
      </c>
      <c r="CB13" s="281">
        <v>0</v>
      </c>
      <c r="CC13" s="278">
        <v>0</v>
      </c>
      <c r="CD13" s="280">
        <v>0</v>
      </c>
      <c r="CE13" s="281">
        <v>1</v>
      </c>
      <c r="CF13" s="281">
        <v>0</v>
      </c>
      <c r="CG13" s="281">
        <v>4</v>
      </c>
      <c r="CH13" s="281">
        <v>17</v>
      </c>
      <c r="CI13" s="281">
        <v>21</v>
      </c>
      <c r="CJ13" s="278">
        <v>43</v>
      </c>
      <c r="CK13" s="283">
        <v>43</v>
      </c>
      <c r="CL13" s="277">
        <v>0</v>
      </c>
      <c r="CM13" s="281">
        <v>0</v>
      </c>
      <c r="CN13" s="278">
        <v>0</v>
      </c>
      <c r="CO13" s="280">
        <v>0</v>
      </c>
      <c r="CP13" s="281">
        <v>18</v>
      </c>
      <c r="CQ13" s="281">
        <v>28</v>
      </c>
      <c r="CR13" s="281">
        <v>41</v>
      </c>
      <c r="CS13" s="281">
        <v>27</v>
      </c>
      <c r="CT13" s="281">
        <v>25</v>
      </c>
      <c r="CU13" s="278">
        <v>139</v>
      </c>
      <c r="CV13" s="283">
        <v>139</v>
      </c>
    </row>
    <row r="14" spans="1:100" ht="21" customHeight="1" x14ac:dyDescent="0.2">
      <c r="A14" s="262" t="s">
        <v>11</v>
      </c>
      <c r="B14" s="277">
        <v>0</v>
      </c>
      <c r="C14" s="278">
        <v>0</v>
      </c>
      <c r="D14" s="279">
        <v>0</v>
      </c>
      <c r="E14" s="280">
        <v>0</v>
      </c>
      <c r="F14" s="281">
        <v>9</v>
      </c>
      <c r="G14" s="281">
        <v>8</v>
      </c>
      <c r="H14" s="281">
        <v>6</v>
      </c>
      <c r="I14" s="281">
        <v>7</v>
      </c>
      <c r="J14" s="281">
        <v>6</v>
      </c>
      <c r="K14" s="282">
        <v>36</v>
      </c>
      <c r="L14" s="283">
        <v>36</v>
      </c>
      <c r="M14" s="277">
        <v>0</v>
      </c>
      <c r="N14" s="281">
        <v>0</v>
      </c>
      <c r="O14" s="278">
        <v>0</v>
      </c>
      <c r="P14" s="280">
        <v>0</v>
      </c>
      <c r="Q14" s="281">
        <v>11</v>
      </c>
      <c r="R14" s="281">
        <v>11</v>
      </c>
      <c r="S14" s="281">
        <v>9</v>
      </c>
      <c r="T14" s="281">
        <v>10</v>
      </c>
      <c r="U14" s="281">
        <v>5</v>
      </c>
      <c r="V14" s="278">
        <v>46</v>
      </c>
      <c r="W14" s="283">
        <v>46</v>
      </c>
      <c r="X14" s="277">
        <v>0</v>
      </c>
      <c r="Y14" s="281">
        <v>0</v>
      </c>
      <c r="Z14" s="278">
        <v>0</v>
      </c>
      <c r="AA14" s="280">
        <v>0</v>
      </c>
      <c r="AB14" s="281">
        <v>531</v>
      </c>
      <c r="AC14" s="281">
        <v>274</v>
      </c>
      <c r="AD14" s="281">
        <v>142</v>
      </c>
      <c r="AE14" s="281">
        <v>74</v>
      </c>
      <c r="AF14" s="281">
        <v>27</v>
      </c>
      <c r="AG14" s="278">
        <v>1048</v>
      </c>
      <c r="AH14" s="283">
        <v>1048</v>
      </c>
      <c r="AI14" s="277">
        <v>0</v>
      </c>
      <c r="AJ14" s="281">
        <v>2</v>
      </c>
      <c r="AK14" s="278">
        <v>2</v>
      </c>
      <c r="AL14" s="280">
        <v>0</v>
      </c>
      <c r="AM14" s="281">
        <v>21</v>
      </c>
      <c r="AN14" s="281">
        <v>12</v>
      </c>
      <c r="AO14" s="281">
        <v>13</v>
      </c>
      <c r="AP14" s="281">
        <v>1</v>
      </c>
      <c r="AQ14" s="281">
        <v>3</v>
      </c>
      <c r="AR14" s="278">
        <v>50</v>
      </c>
      <c r="AS14" s="283">
        <v>52</v>
      </c>
      <c r="AT14" s="277">
        <v>3</v>
      </c>
      <c r="AU14" s="281">
        <v>4</v>
      </c>
      <c r="AV14" s="278">
        <v>7</v>
      </c>
      <c r="AW14" s="280">
        <v>0</v>
      </c>
      <c r="AX14" s="281">
        <v>41</v>
      </c>
      <c r="AY14" s="281">
        <v>47</v>
      </c>
      <c r="AZ14" s="281">
        <v>27</v>
      </c>
      <c r="BA14" s="281">
        <v>21</v>
      </c>
      <c r="BB14" s="281">
        <v>8</v>
      </c>
      <c r="BC14" s="278">
        <v>144</v>
      </c>
      <c r="BD14" s="283">
        <v>151</v>
      </c>
      <c r="BE14" s="277">
        <v>0</v>
      </c>
      <c r="BF14" s="281">
        <v>5</v>
      </c>
      <c r="BG14" s="278">
        <v>5</v>
      </c>
      <c r="BH14" s="280">
        <v>0</v>
      </c>
      <c r="BI14" s="281">
        <v>64</v>
      </c>
      <c r="BJ14" s="281">
        <v>78</v>
      </c>
      <c r="BK14" s="281">
        <v>62</v>
      </c>
      <c r="BL14" s="281">
        <v>54</v>
      </c>
      <c r="BM14" s="281">
        <v>27</v>
      </c>
      <c r="BN14" s="282">
        <v>285</v>
      </c>
      <c r="BO14" s="283">
        <v>290</v>
      </c>
      <c r="BP14" s="277">
        <v>0</v>
      </c>
      <c r="BQ14" s="281">
        <v>0</v>
      </c>
      <c r="BR14" s="278">
        <v>0</v>
      </c>
      <c r="BS14" s="280">
        <v>0</v>
      </c>
      <c r="BT14" s="281">
        <v>0</v>
      </c>
      <c r="BU14" s="281">
        <v>0</v>
      </c>
      <c r="BV14" s="281">
        <v>0</v>
      </c>
      <c r="BW14" s="281">
        <v>0</v>
      </c>
      <c r="BX14" s="281">
        <v>0</v>
      </c>
      <c r="BY14" s="278">
        <v>0</v>
      </c>
      <c r="BZ14" s="283">
        <v>0</v>
      </c>
      <c r="CA14" s="277">
        <v>0</v>
      </c>
      <c r="CB14" s="281">
        <v>0</v>
      </c>
      <c r="CC14" s="278">
        <v>0</v>
      </c>
      <c r="CD14" s="280">
        <v>0</v>
      </c>
      <c r="CE14" s="281">
        <v>0</v>
      </c>
      <c r="CF14" s="281">
        <v>1</v>
      </c>
      <c r="CG14" s="281">
        <v>1</v>
      </c>
      <c r="CH14" s="281">
        <v>0</v>
      </c>
      <c r="CI14" s="281">
        <v>0</v>
      </c>
      <c r="CJ14" s="278">
        <v>2</v>
      </c>
      <c r="CK14" s="283">
        <v>2</v>
      </c>
      <c r="CL14" s="277">
        <v>0</v>
      </c>
      <c r="CM14" s="281">
        <v>0</v>
      </c>
      <c r="CN14" s="278">
        <v>0</v>
      </c>
      <c r="CO14" s="280">
        <v>0</v>
      </c>
      <c r="CP14" s="281">
        <v>5</v>
      </c>
      <c r="CQ14" s="281">
        <v>4</v>
      </c>
      <c r="CR14" s="281">
        <v>2</v>
      </c>
      <c r="CS14" s="281">
        <v>5</v>
      </c>
      <c r="CT14" s="281">
        <v>5</v>
      </c>
      <c r="CU14" s="278">
        <v>21</v>
      </c>
      <c r="CV14" s="283">
        <v>21</v>
      </c>
    </row>
    <row r="15" spans="1:100" ht="21" customHeight="1" x14ac:dyDescent="0.2">
      <c r="A15" s="262" t="s">
        <v>12</v>
      </c>
      <c r="B15" s="277">
        <v>0</v>
      </c>
      <c r="C15" s="278">
        <v>0</v>
      </c>
      <c r="D15" s="279">
        <v>0</v>
      </c>
      <c r="E15" s="280">
        <v>0</v>
      </c>
      <c r="F15" s="281">
        <v>14</v>
      </c>
      <c r="G15" s="281">
        <v>4</v>
      </c>
      <c r="H15" s="281">
        <v>3</v>
      </c>
      <c r="I15" s="281">
        <v>5</v>
      </c>
      <c r="J15" s="281">
        <v>1</v>
      </c>
      <c r="K15" s="282">
        <v>27</v>
      </c>
      <c r="L15" s="283">
        <v>27</v>
      </c>
      <c r="M15" s="277">
        <v>0</v>
      </c>
      <c r="N15" s="281">
        <v>0</v>
      </c>
      <c r="O15" s="278">
        <v>0</v>
      </c>
      <c r="P15" s="280">
        <v>0</v>
      </c>
      <c r="Q15" s="281">
        <v>0</v>
      </c>
      <c r="R15" s="281">
        <v>0</v>
      </c>
      <c r="S15" s="281">
        <v>0</v>
      </c>
      <c r="T15" s="281">
        <v>0</v>
      </c>
      <c r="U15" s="281">
        <v>0</v>
      </c>
      <c r="V15" s="278">
        <v>0</v>
      </c>
      <c r="W15" s="283">
        <v>0</v>
      </c>
      <c r="X15" s="277">
        <v>0</v>
      </c>
      <c r="Y15" s="281">
        <v>0</v>
      </c>
      <c r="Z15" s="278">
        <v>0</v>
      </c>
      <c r="AA15" s="280">
        <v>0</v>
      </c>
      <c r="AB15" s="281">
        <v>394</v>
      </c>
      <c r="AC15" s="281">
        <v>230</v>
      </c>
      <c r="AD15" s="281">
        <v>147</v>
      </c>
      <c r="AE15" s="281">
        <v>61</v>
      </c>
      <c r="AF15" s="281">
        <v>40</v>
      </c>
      <c r="AG15" s="278">
        <v>872</v>
      </c>
      <c r="AH15" s="283">
        <v>872</v>
      </c>
      <c r="AI15" s="277">
        <v>0</v>
      </c>
      <c r="AJ15" s="281">
        <v>0</v>
      </c>
      <c r="AK15" s="278">
        <v>0</v>
      </c>
      <c r="AL15" s="280">
        <v>0</v>
      </c>
      <c r="AM15" s="281">
        <v>6</v>
      </c>
      <c r="AN15" s="281">
        <v>6</v>
      </c>
      <c r="AO15" s="281">
        <v>0</v>
      </c>
      <c r="AP15" s="281">
        <v>0</v>
      </c>
      <c r="AQ15" s="281">
        <v>1</v>
      </c>
      <c r="AR15" s="278">
        <v>13</v>
      </c>
      <c r="AS15" s="283">
        <v>13</v>
      </c>
      <c r="AT15" s="277">
        <v>1</v>
      </c>
      <c r="AU15" s="281">
        <v>0</v>
      </c>
      <c r="AV15" s="278">
        <v>1</v>
      </c>
      <c r="AW15" s="280">
        <v>0</v>
      </c>
      <c r="AX15" s="281">
        <v>24</v>
      </c>
      <c r="AY15" s="281">
        <v>30</v>
      </c>
      <c r="AZ15" s="281">
        <v>46</v>
      </c>
      <c r="BA15" s="281">
        <v>41</v>
      </c>
      <c r="BB15" s="281">
        <v>28</v>
      </c>
      <c r="BC15" s="278">
        <v>169</v>
      </c>
      <c r="BD15" s="283">
        <v>170</v>
      </c>
      <c r="BE15" s="277">
        <v>0</v>
      </c>
      <c r="BF15" s="281">
        <v>0</v>
      </c>
      <c r="BG15" s="278">
        <v>0</v>
      </c>
      <c r="BH15" s="280">
        <v>0</v>
      </c>
      <c r="BI15" s="281">
        <v>44</v>
      </c>
      <c r="BJ15" s="281">
        <v>41</v>
      </c>
      <c r="BK15" s="281">
        <v>49</v>
      </c>
      <c r="BL15" s="281">
        <v>36</v>
      </c>
      <c r="BM15" s="281">
        <v>34</v>
      </c>
      <c r="BN15" s="282">
        <v>204</v>
      </c>
      <c r="BO15" s="283">
        <v>204</v>
      </c>
      <c r="BP15" s="277">
        <v>0</v>
      </c>
      <c r="BQ15" s="281">
        <v>0</v>
      </c>
      <c r="BR15" s="278">
        <v>0</v>
      </c>
      <c r="BS15" s="280">
        <v>0</v>
      </c>
      <c r="BT15" s="281">
        <v>1</v>
      </c>
      <c r="BU15" s="281">
        <v>8</v>
      </c>
      <c r="BV15" s="281">
        <v>2</v>
      </c>
      <c r="BW15" s="281">
        <v>11</v>
      </c>
      <c r="BX15" s="281">
        <v>3</v>
      </c>
      <c r="BY15" s="278">
        <v>25</v>
      </c>
      <c r="BZ15" s="283">
        <v>25</v>
      </c>
      <c r="CA15" s="277">
        <v>0</v>
      </c>
      <c r="CB15" s="281">
        <v>0</v>
      </c>
      <c r="CC15" s="278">
        <v>0</v>
      </c>
      <c r="CD15" s="280">
        <v>0</v>
      </c>
      <c r="CE15" s="281">
        <v>1</v>
      </c>
      <c r="CF15" s="281">
        <v>0</v>
      </c>
      <c r="CG15" s="281">
        <v>14</v>
      </c>
      <c r="CH15" s="281">
        <v>9</v>
      </c>
      <c r="CI15" s="281">
        <v>5</v>
      </c>
      <c r="CJ15" s="278">
        <v>29</v>
      </c>
      <c r="CK15" s="283">
        <v>29</v>
      </c>
      <c r="CL15" s="277">
        <v>0</v>
      </c>
      <c r="CM15" s="281">
        <v>0</v>
      </c>
      <c r="CN15" s="278">
        <v>0</v>
      </c>
      <c r="CO15" s="280">
        <v>0</v>
      </c>
      <c r="CP15" s="281">
        <v>16</v>
      </c>
      <c r="CQ15" s="281">
        <v>11</v>
      </c>
      <c r="CR15" s="281">
        <v>19</v>
      </c>
      <c r="CS15" s="281">
        <v>27</v>
      </c>
      <c r="CT15" s="281">
        <v>19</v>
      </c>
      <c r="CU15" s="278">
        <v>92</v>
      </c>
      <c r="CV15" s="283">
        <v>92</v>
      </c>
    </row>
    <row r="16" spans="1:100" ht="21" customHeight="1" x14ac:dyDescent="0.2">
      <c r="A16" s="262" t="s">
        <v>13</v>
      </c>
      <c r="B16" s="277">
        <v>0</v>
      </c>
      <c r="C16" s="278">
        <v>0</v>
      </c>
      <c r="D16" s="279">
        <v>0</v>
      </c>
      <c r="E16" s="280">
        <v>0</v>
      </c>
      <c r="F16" s="281">
        <v>1</v>
      </c>
      <c r="G16" s="281">
        <v>1</v>
      </c>
      <c r="H16" s="281">
        <v>1</v>
      </c>
      <c r="I16" s="281">
        <v>0</v>
      </c>
      <c r="J16" s="281">
        <v>0</v>
      </c>
      <c r="K16" s="282">
        <v>3</v>
      </c>
      <c r="L16" s="283">
        <v>3</v>
      </c>
      <c r="M16" s="277">
        <v>0</v>
      </c>
      <c r="N16" s="281">
        <v>0</v>
      </c>
      <c r="O16" s="278">
        <v>0</v>
      </c>
      <c r="P16" s="280">
        <v>0</v>
      </c>
      <c r="Q16" s="281">
        <v>0</v>
      </c>
      <c r="R16" s="281">
        <v>0</v>
      </c>
      <c r="S16" s="281">
        <v>0</v>
      </c>
      <c r="T16" s="281">
        <v>0</v>
      </c>
      <c r="U16" s="281">
        <v>0</v>
      </c>
      <c r="V16" s="278">
        <v>0</v>
      </c>
      <c r="W16" s="283">
        <v>0</v>
      </c>
      <c r="X16" s="277">
        <v>0</v>
      </c>
      <c r="Y16" s="281">
        <v>0</v>
      </c>
      <c r="Z16" s="278">
        <v>0</v>
      </c>
      <c r="AA16" s="280">
        <v>0</v>
      </c>
      <c r="AB16" s="281">
        <v>125</v>
      </c>
      <c r="AC16" s="281">
        <v>124</v>
      </c>
      <c r="AD16" s="281">
        <v>49</v>
      </c>
      <c r="AE16" s="281">
        <v>37</v>
      </c>
      <c r="AF16" s="281">
        <v>12</v>
      </c>
      <c r="AG16" s="278">
        <v>347</v>
      </c>
      <c r="AH16" s="283">
        <v>347</v>
      </c>
      <c r="AI16" s="277">
        <v>0</v>
      </c>
      <c r="AJ16" s="281">
        <v>0</v>
      </c>
      <c r="AK16" s="278">
        <v>0</v>
      </c>
      <c r="AL16" s="280">
        <v>0</v>
      </c>
      <c r="AM16" s="281">
        <v>2</v>
      </c>
      <c r="AN16" s="281">
        <v>2</v>
      </c>
      <c r="AO16" s="281">
        <v>8</v>
      </c>
      <c r="AP16" s="281">
        <v>8</v>
      </c>
      <c r="AQ16" s="281">
        <v>4</v>
      </c>
      <c r="AR16" s="278">
        <v>24</v>
      </c>
      <c r="AS16" s="283">
        <v>24</v>
      </c>
      <c r="AT16" s="277">
        <v>1</v>
      </c>
      <c r="AU16" s="281">
        <v>3</v>
      </c>
      <c r="AV16" s="278">
        <v>4</v>
      </c>
      <c r="AW16" s="280">
        <v>0</v>
      </c>
      <c r="AX16" s="281">
        <v>15</v>
      </c>
      <c r="AY16" s="281">
        <v>14</v>
      </c>
      <c r="AZ16" s="281">
        <v>2</v>
      </c>
      <c r="BA16" s="281">
        <v>2</v>
      </c>
      <c r="BB16" s="281">
        <v>1</v>
      </c>
      <c r="BC16" s="278">
        <v>34</v>
      </c>
      <c r="BD16" s="283">
        <v>38</v>
      </c>
      <c r="BE16" s="277">
        <v>0</v>
      </c>
      <c r="BF16" s="281">
        <v>0</v>
      </c>
      <c r="BG16" s="278">
        <v>0</v>
      </c>
      <c r="BH16" s="280">
        <v>0</v>
      </c>
      <c r="BI16" s="281">
        <v>12</v>
      </c>
      <c r="BJ16" s="281">
        <v>15</v>
      </c>
      <c r="BK16" s="281">
        <v>27</v>
      </c>
      <c r="BL16" s="281">
        <v>14</v>
      </c>
      <c r="BM16" s="281">
        <v>9</v>
      </c>
      <c r="BN16" s="282">
        <v>77</v>
      </c>
      <c r="BO16" s="283">
        <v>77</v>
      </c>
      <c r="BP16" s="277">
        <v>0</v>
      </c>
      <c r="BQ16" s="281">
        <v>0</v>
      </c>
      <c r="BR16" s="278">
        <v>0</v>
      </c>
      <c r="BS16" s="280">
        <v>0</v>
      </c>
      <c r="BT16" s="281">
        <v>0</v>
      </c>
      <c r="BU16" s="281">
        <v>0</v>
      </c>
      <c r="BV16" s="281">
        <v>4</v>
      </c>
      <c r="BW16" s="281">
        <v>9</v>
      </c>
      <c r="BX16" s="281">
        <v>4</v>
      </c>
      <c r="BY16" s="278">
        <v>17</v>
      </c>
      <c r="BZ16" s="283">
        <v>17</v>
      </c>
      <c r="CA16" s="277">
        <v>0</v>
      </c>
      <c r="CB16" s="281">
        <v>0</v>
      </c>
      <c r="CC16" s="278">
        <v>0</v>
      </c>
      <c r="CD16" s="280">
        <v>0</v>
      </c>
      <c r="CE16" s="281">
        <v>0</v>
      </c>
      <c r="CF16" s="281">
        <v>0</v>
      </c>
      <c r="CG16" s="281">
        <v>0</v>
      </c>
      <c r="CH16" s="281">
        <v>0</v>
      </c>
      <c r="CI16" s="281">
        <v>0</v>
      </c>
      <c r="CJ16" s="278">
        <v>0</v>
      </c>
      <c r="CK16" s="283">
        <v>0</v>
      </c>
      <c r="CL16" s="277">
        <v>0</v>
      </c>
      <c r="CM16" s="281">
        <v>0</v>
      </c>
      <c r="CN16" s="278">
        <v>0</v>
      </c>
      <c r="CO16" s="280">
        <v>0</v>
      </c>
      <c r="CP16" s="281">
        <v>0</v>
      </c>
      <c r="CQ16" s="281">
        <v>0</v>
      </c>
      <c r="CR16" s="281">
        <v>0</v>
      </c>
      <c r="CS16" s="281">
        <v>0</v>
      </c>
      <c r="CT16" s="281">
        <v>0</v>
      </c>
      <c r="CU16" s="278">
        <v>0</v>
      </c>
      <c r="CV16" s="283">
        <v>0</v>
      </c>
    </row>
    <row r="17" spans="1:100" ht="21" customHeight="1" x14ac:dyDescent="0.2">
      <c r="A17" s="262" t="s">
        <v>15</v>
      </c>
      <c r="B17" s="277">
        <v>0</v>
      </c>
      <c r="C17" s="278">
        <v>0</v>
      </c>
      <c r="D17" s="279">
        <v>0</v>
      </c>
      <c r="E17" s="280">
        <v>0</v>
      </c>
      <c r="F17" s="281">
        <v>4</v>
      </c>
      <c r="G17" s="281">
        <v>1</v>
      </c>
      <c r="H17" s="281">
        <v>3</v>
      </c>
      <c r="I17" s="281">
        <v>4</v>
      </c>
      <c r="J17" s="281">
        <v>8</v>
      </c>
      <c r="K17" s="282">
        <v>20</v>
      </c>
      <c r="L17" s="283">
        <v>20</v>
      </c>
      <c r="M17" s="277">
        <v>0</v>
      </c>
      <c r="N17" s="281">
        <v>0</v>
      </c>
      <c r="O17" s="278">
        <v>0</v>
      </c>
      <c r="P17" s="280">
        <v>0</v>
      </c>
      <c r="Q17" s="281">
        <v>0</v>
      </c>
      <c r="R17" s="281">
        <v>0</v>
      </c>
      <c r="S17" s="281">
        <v>0</v>
      </c>
      <c r="T17" s="281">
        <v>0</v>
      </c>
      <c r="U17" s="281">
        <v>0</v>
      </c>
      <c r="V17" s="278">
        <v>0</v>
      </c>
      <c r="W17" s="283">
        <v>0</v>
      </c>
      <c r="X17" s="277">
        <v>0</v>
      </c>
      <c r="Y17" s="281">
        <v>0</v>
      </c>
      <c r="Z17" s="278">
        <v>0</v>
      </c>
      <c r="AA17" s="280">
        <v>0</v>
      </c>
      <c r="AB17" s="281">
        <v>152</v>
      </c>
      <c r="AC17" s="281">
        <v>162</v>
      </c>
      <c r="AD17" s="281">
        <v>63</v>
      </c>
      <c r="AE17" s="281">
        <v>34</v>
      </c>
      <c r="AF17" s="281">
        <v>11</v>
      </c>
      <c r="AG17" s="278">
        <v>422</v>
      </c>
      <c r="AH17" s="283">
        <v>422</v>
      </c>
      <c r="AI17" s="277">
        <v>0</v>
      </c>
      <c r="AJ17" s="281">
        <v>0</v>
      </c>
      <c r="AK17" s="278">
        <v>0</v>
      </c>
      <c r="AL17" s="280">
        <v>0</v>
      </c>
      <c r="AM17" s="281">
        <v>4</v>
      </c>
      <c r="AN17" s="281">
        <v>6</v>
      </c>
      <c r="AO17" s="281">
        <v>9</v>
      </c>
      <c r="AP17" s="281">
        <v>2</v>
      </c>
      <c r="AQ17" s="281">
        <v>1</v>
      </c>
      <c r="AR17" s="278">
        <v>22</v>
      </c>
      <c r="AS17" s="283">
        <v>22</v>
      </c>
      <c r="AT17" s="277">
        <v>5</v>
      </c>
      <c r="AU17" s="281">
        <v>12</v>
      </c>
      <c r="AV17" s="278">
        <v>17</v>
      </c>
      <c r="AW17" s="280">
        <v>0</v>
      </c>
      <c r="AX17" s="281">
        <v>18</v>
      </c>
      <c r="AY17" s="281">
        <v>22</v>
      </c>
      <c r="AZ17" s="281">
        <v>14</v>
      </c>
      <c r="BA17" s="281">
        <v>12</v>
      </c>
      <c r="BB17" s="281">
        <v>4</v>
      </c>
      <c r="BC17" s="278">
        <v>70</v>
      </c>
      <c r="BD17" s="283">
        <v>87</v>
      </c>
      <c r="BE17" s="277">
        <v>0</v>
      </c>
      <c r="BF17" s="281">
        <v>2</v>
      </c>
      <c r="BG17" s="278">
        <v>2</v>
      </c>
      <c r="BH17" s="280">
        <v>0</v>
      </c>
      <c r="BI17" s="281">
        <v>43</v>
      </c>
      <c r="BJ17" s="281">
        <v>31</v>
      </c>
      <c r="BK17" s="281">
        <v>39</v>
      </c>
      <c r="BL17" s="281">
        <v>30</v>
      </c>
      <c r="BM17" s="281">
        <v>14</v>
      </c>
      <c r="BN17" s="282">
        <v>157</v>
      </c>
      <c r="BO17" s="283">
        <v>159</v>
      </c>
      <c r="BP17" s="277">
        <v>0</v>
      </c>
      <c r="BQ17" s="281">
        <v>0</v>
      </c>
      <c r="BR17" s="278">
        <v>0</v>
      </c>
      <c r="BS17" s="280">
        <v>0</v>
      </c>
      <c r="BT17" s="281">
        <v>0</v>
      </c>
      <c r="BU17" s="281">
        <v>0</v>
      </c>
      <c r="BV17" s="281">
        <v>0</v>
      </c>
      <c r="BW17" s="281">
        <v>0</v>
      </c>
      <c r="BX17" s="281">
        <v>0</v>
      </c>
      <c r="BY17" s="278">
        <v>0</v>
      </c>
      <c r="BZ17" s="283">
        <v>0</v>
      </c>
      <c r="CA17" s="277">
        <v>0</v>
      </c>
      <c r="CB17" s="281">
        <v>0</v>
      </c>
      <c r="CC17" s="278">
        <v>0</v>
      </c>
      <c r="CD17" s="280">
        <v>0</v>
      </c>
      <c r="CE17" s="281">
        <v>0</v>
      </c>
      <c r="CF17" s="281">
        <v>0</v>
      </c>
      <c r="CG17" s="281">
        <v>15</v>
      </c>
      <c r="CH17" s="281">
        <v>10</v>
      </c>
      <c r="CI17" s="281">
        <v>5</v>
      </c>
      <c r="CJ17" s="278">
        <v>30</v>
      </c>
      <c r="CK17" s="283">
        <v>30</v>
      </c>
      <c r="CL17" s="277">
        <v>0</v>
      </c>
      <c r="CM17" s="281">
        <v>0</v>
      </c>
      <c r="CN17" s="278">
        <v>0</v>
      </c>
      <c r="CO17" s="280">
        <v>0</v>
      </c>
      <c r="CP17" s="281">
        <v>0</v>
      </c>
      <c r="CQ17" s="281">
        <v>0</v>
      </c>
      <c r="CR17" s="281">
        <v>0</v>
      </c>
      <c r="CS17" s="281">
        <v>0</v>
      </c>
      <c r="CT17" s="281">
        <v>0</v>
      </c>
      <c r="CU17" s="278">
        <v>0</v>
      </c>
      <c r="CV17" s="283">
        <v>0</v>
      </c>
    </row>
    <row r="18" spans="1:100" ht="21" customHeight="1" x14ac:dyDescent="0.2">
      <c r="A18" s="262" t="s">
        <v>16</v>
      </c>
      <c r="B18" s="277">
        <v>0</v>
      </c>
      <c r="C18" s="278">
        <v>0</v>
      </c>
      <c r="D18" s="279">
        <v>0</v>
      </c>
      <c r="E18" s="280">
        <v>0</v>
      </c>
      <c r="F18" s="281">
        <v>9</v>
      </c>
      <c r="G18" s="281">
        <v>17</v>
      </c>
      <c r="H18" s="281">
        <v>9</v>
      </c>
      <c r="I18" s="281">
        <v>14</v>
      </c>
      <c r="J18" s="281">
        <v>7</v>
      </c>
      <c r="K18" s="282">
        <v>56</v>
      </c>
      <c r="L18" s="283">
        <v>56</v>
      </c>
      <c r="M18" s="277">
        <v>0</v>
      </c>
      <c r="N18" s="281">
        <v>0</v>
      </c>
      <c r="O18" s="278">
        <v>0</v>
      </c>
      <c r="P18" s="280">
        <v>0</v>
      </c>
      <c r="Q18" s="281">
        <v>0</v>
      </c>
      <c r="R18" s="281">
        <v>0</v>
      </c>
      <c r="S18" s="281">
        <v>5</v>
      </c>
      <c r="T18" s="281">
        <v>2</v>
      </c>
      <c r="U18" s="281">
        <v>0</v>
      </c>
      <c r="V18" s="278">
        <v>7</v>
      </c>
      <c r="W18" s="283">
        <v>7</v>
      </c>
      <c r="X18" s="277">
        <v>0</v>
      </c>
      <c r="Y18" s="281">
        <v>0</v>
      </c>
      <c r="Z18" s="278">
        <v>0</v>
      </c>
      <c r="AA18" s="280">
        <v>0</v>
      </c>
      <c r="AB18" s="281">
        <v>168</v>
      </c>
      <c r="AC18" s="281">
        <v>182</v>
      </c>
      <c r="AD18" s="281">
        <v>95</v>
      </c>
      <c r="AE18" s="281">
        <v>39</v>
      </c>
      <c r="AF18" s="281">
        <v>19</v>
      </c>
      <c r="AG18" s="278">
        <v>503</v>
      </c>
      <c r="AH18" s="283">
        <v>503</v>
      </c>
      <c r="AI18" s="277">
        <v>0</v>
      </c>
      <c r="AJ18" s="281">
        <v>0</v>
      </c>
      <c r="AK18" s="278">
        <v>0</v>
      </c>
      <c r="AL18" s="280">
        <v>0</v>
      </c>
      <c r="AM18" s="281">
        <v>4</v>
      </c>
      <c r="AN18" s="281">
        <v>11</v>
      </c>
      <c r="AO18" s="281">
        <v>10</v>
      </c>
      <c r="AP18" s="281">
        <v>2</v>
      </c>
      <c r="AQ18" s="281">
        <v>5</v>
      </c>
      <c r="AR18" s="278">
        <v>32</v>
      </c>
      <c r="AS18" s="283">
        <v>32</v>
      </c>
      <c r="AT18" s="277">
        <v>2</v>
      </c>
      <c r="AU18" s="281">
        <v>1</v>
      </c>
      <c r="AV18" s="278">
        <v>3</v>
      </c>
      <c r="AW18" s="280">
        <v>0</v>
      </c>
      <c r="AX18" s="281">
        <v>9</v>
      </c>
      <c r="AY18" s="281">
        <v>18</v>
      </c>
      <c r="AZ18" s="281">
        <v>18</v>
      </c>
      <c r="BA18" s="281">
        <v>14</v>
      </c>
      <c r="BB18" s="281">
        <v>12</v>
      </c>
      <c r="BC18" s="278">
        <v>71</v>
      </c>
      <c r="BD18" s="283">
        <v>74</v>
      </c>
      <c r="BE18" s="277">
        <v>0</v>
      </c>
      <c r="BF18" s="281">
        <v>0</v>
      </c>
      <c r="BG18" s="278">
        <v>0</v>
      </c>
      <c r="BH18" s="280">
        <v>0</v>
      </c>
      <c r="BI18" s="281">
        <v>18</v>
      </c>
      <c r="BJ18" s="281">
        <v>49</v>
      </c>
      <c r="BK18" s="281">
        <v>61</v>
      </c>
      <c r="BL18" s="281">
        <v>33</v>
      </c>
      <c r="BM18" s="281">
        <v>26</v>
      </c>
      <c r="BN18" s="282">
        <v>187</v>
      </c>
      <c r="BO18" s="283">
        <v>187</v>
      </c>
      <c r="BP18" s="277">
        <v>0</v>
      </c>
      <c r="BQ18" s="281">
        <v>0</v>
      </c>
      <c r="BR18" s="278">
        <v>0</v>
      </c>
      <c r="BS18" s="280">
        <v>0</v>
      </c>
      <c r="BT18" s="281">
        <v>0</v>
      </c>
      <c r="BU18" s="281">
        <v>0</v>
      </c>
      <c r="BV18" s="281">
        <v>0</v>
      </c>
      <c r="BW18" s="281">
        <v>0</v>
      </c>
      <c r="BX18" s="281">
        <v>0</v>
      </c>
      <c r="BY18" s="278">
        <v>0</v>
      </c>
      <c r="BZ18" s="283">
        <v>0</v>
      </c>
      <c r="CA18" s="277">
        <v>0</v>
      </c>
      <c r="CB18" s="281">
        <v>0</v>
      </c>
      <c r="CC18" s="278">
        <v>0</v>
      </c>
      <c r="CD18" s="280">
        <v>0</v>
      </c>
      <c r="CE18" s="281">
        <v>1</v>
      </c>
      <c r="CF18" s="281">
        <v>2</v>
      </c>
      <c r="CG18" s="281">
        <v>9</v>
      </c>
      <c r="CH18" s="281">
        <v>9</v>
      </c>
      <c r="CI18" s="281">
        <v>9</v>
      </c>
      <c r="CJ18" s="278">
        <v>30</v>
      </c>
      <c r="CK18" s="283">
        <v>30</v>
      </c>
      <c r="CL18" s="277">
        <v>0</v>
      </c>
      <c r="CM18" s="281">
        <v>0</v>
      </c>
      <c r="CN18" s="278">
        <v>0</v>
      </c>
      <c r="CO18" s="280">
        <v>0</v>
      </c>
      <c r="CP18" s="281">
        <v>1</v>
      </c>
      <c r="CQ18" s="281">
        <v>5</v>
      </c>
      <c r="CR18" s="281">
        <v>5</v>
      </c>
      <c r="CS18" s="281">
        <v>1</v>
      </c>
      <c r="CT18" s="281">
        <v>3</v>
      </c>
      <c r="CU18" s="278">
        <v>15</v>
      </c>
      <c r="CV18" s="283">
        <v>15</v>
      </c>
    </row>
    <row r="19" spans="1:100" ht="21" customHeight="1" x14ac:dyDescent="0.2">
      <c r="A19" s="262" t="s">
        <v>17</v>
      </c>
      <c r="B19" s="277">
        <v>0</v>
      </c>
      <c r="C19" s="278">
        <v>0</v>
      </c>
      <c r="D19" s="279">
        <v>0</v>
      </c>
      <c r="E19" s="280">
        <v>0</v>
      </c>
      <c r="F19" s="281">
        <v>1</v>
      </c>
      <c r="G19" s="281">
        <v>3</v>
      </c>
      <c r="H19" s="281">
        <v>1</v>
      </c>
      <c r="I19" s="281">
        <v>4</v>
      </c>
      <c r="J19" s="281">
        <v>0</v>
      </c>
      <c r="K19" s="282">
        <v>9</v>
      </c>
      <c r="L19" s="283">
        <v>9</v>
      </c>
      <c r="M19" s="277">
        <v>0</v>
      </c>
      <c r="N19" s="281">
        <v>0</v>
      </c>
      <c r="O19" s="278">
        <v>0</v>
      </c>
      <c r="P19" s="280">
        <v>0</v>
      </c>
      <c r="Q19" s="281">
        <v>0</v>
      </c>
      <c r="R19" s="281">
        <v>0</v>
      </c>
      <c r="S19" s="281">
        <v>0</v>
      </c>
      <c r="T19" s="281">
        <v>0</v>
      </c>
      <c r="U19" s="281">
        <v>0</v>
      </c>
      <c r="V19" s="278">
        <v>0</v>
      </c>
      <c r="W19" s="283">
        <v>0</v>
      </c>
      <c r="X19" s="277">
        <v>0</v>
      </c>
      <c r="Y19" s="281">
        <v>0</v>
      </c>
      <c r="Z19" s="278">
        <v>0</v>
      </c>
      <c r="AA19" s="280">
        <v>0</v>
      </c>
      <c r="AB19" s="281">
        <v>249</v>
      </c>
      <c r="AC19" s="281">
        <v>287</v>
      </c>
      <c r="AD19" s="281">
        <v>127</v>
      </c>
      <c r="AE19" s="281">
        <v>75</v>
      </c>
      <c r="AF19" s="281">
        <v>53</v>
      </c>
      <c r="AG19" s="278">
        <v>791</v>
      </c>
      <c r="AH19" s="283">
        <v>791</v>
      </c>
      <c r="AI19" s="277">
        <v>0</v>
      </c>
      <c r="AJ19" s="281">
        <v>2</v>
      </c>
      <c r="AK19" s="278">
        <v>2</v>
      </c>
      <c r="AL19" s="280">
        <v>0</v>
      </c>
      <c r="AM19" s="281">
        <v>17</v>
      </c>
      <c r="AN19" s="281">
        <v>22</v>
      </c>
      <c r="AO19" s="281">
        <v>22</v>
      </c>
      <c r="AP19" s="281">
        <v>11</v>
      </c>
      <c r="AQ19" s="281">
        <v>7</v>
      </c>
      <c r="AR19" s="278">
        <v>79</v>
      </c>
      <c r="AS19" s="283">
        <v>81</v>
      </c>
      <c r="AT19" s="277">
        <v>1</v>
      </c>
      <c r="AU19" s="281">
        <v>0</v>
      </c>
      <c r="AV19" s="278">
        <v>1</v>
      </c>
      <c r="AW19" s="280">
        <v>0</v>
      </c>
      <c r="AX19" s="281">
        <v>12</v>
      </c>
      <c r="AY19" s="281">
        <v>33</v>
      </c>
      <c r="AZ19" s="281">
        <v>28</v>
      </c>
      <c r="BA19" s="281">
        <v>28</v>
      </c>
      <c r="BB19" s="281">
        <v>13</v>
      </c>
      <c r="BC19" s="278">
        <v>114</v>
      </c>
      <c r="BD19" s="283">
        <v>115</v>
      </c>
      <c r="BE19" s="277">
        <v>0</v>
      </c>
      <c r="BF19" s="281">
        <v>0</v>
      </c>
      <c r="BG19" s="278">
        <v>0</v>
      </c>
      <c r="BH19" s="280">
        <v>0</v>
      </c>
      <c r="BI19" s="281">
        <v>47</v>
      </c>
      <c r="BJ19" s="281">
        <v>68</v>
      </c>
      <c r="BK19" s="281">
        <v>54</v>
      </c>
      <c r="BL19" s="281">
        <v>35</v>
      </c>
      <c r="BM19" s="281">
        <v>20</v>
      </c>
      <c r="BN19" s="282">
        <v>224</v>
      </c>
      <c r="BO19" s="283">
        <v>224</v>
      </c>
      <c r="BP19" s="277">
        <v>0</v>
      </c>
      <c r="BQ19" s="281">
        <v>0</v>
      </c>
      <c r="BR19" s="278">
        <v>0</v>
      </c>
      <c r="BS19" s="280">
        <v>0</v>
      </c>
      <c r="BT19" s="281">
        <v>0</v>
      </c>
      <c r="BU19" s="281">
        <v>0</v>
      </c>
      <c r="BV19" s="281">
        <v>0</v>
      </c>
      <c r="BW19" s="281">
        <v>0</v>
      </c>
      <c r="BX19" s="281">
        <v>0</v>
      </c>
      <c r="BY19" s="278">
        <v>0</v>
      </c>
      <c r="BZ19" s="283">
        <v>0</v>
      </c>
      <c r="CA19" s="277">
        <v>0</v>
      </c>
      <c r="CB19" s="281">
        <v>0</v>
      </c>
      <c r="CC19" s="278">
        <v>0</v>
      </c>
      <c r="CD19" s="280">
        <v>0</v>
      </c>
      <c r="CE19" s="281">
        <v>1</v>
      </c>
      <c r="CF19" s="281">
        <v>3</v>
      </c>
      <c r="CG19" s="281">
        <v>34</v>
      </c>
      <c r="CH19" s="281">
        <v>26</v>
      </c>
      <c r="CI19" s="281">
        <v>41</v>
      </c>
      <c r="CJ19" s="278">
        <v>105</v>
      </c>
      <c r="CK19" s="283">
        <v>105</v>
      </c>
      <c r="CL19" s="277">
        <v>0</v>
      </c>
      <c r="CM19" s="281">
        <v>0</v>
      </c>
      <c r="CN19" s="278">
        <v>0</v>
      </c>
      <c r="CO19" s="280">
        <v>0</v>
      </c>
      <c r="CP19" s="281">
        <v>5</v>
      </c>
      <c r="CQ19" s="281">
        <v>0</v>
      </c>
      <c r="CR19" s="281">
        <v>1</v>
      </c>
      <c r="CS19" s="281">
        <v>5</v>
      </c>
      <c r="CT19" s="281">
        <v>9</v>
      </c>
      <c r="CU19" s="278">
        <v>20</v>
      </c>
      <c r="CV19" s="283">
        <v>20</v>
      </c>
    </row>
    <row r="20" spans="1:100" ht="21" customHeight="1" x14ac:dyDescent="0.2">
      <c r="A20" s="262" t="s">
        <v>18</v>
      </c>
      <c r="B20" s="277">
        <v>0</v>
      </c>
      <c r="C20" s="278">
        <v>0</v>
      </c>
      <c r="D20" s="279">
        <v>0</v>
      </c>
      <c r="E20" s="280">
        <v>0</v>
      </c>
      <c r="F20" s="281">
        <v>2</v>
      </c>
      <c r="G20" s="281">
        <v>1</v>
      </c>
      <c r="H20" s="281">
        <v>3</v>
      </c>
      <c r="I20" s="281">
        <v>1</v>
      </c>
      <c r="J20" s="281">
        <v>2</v>
      </c>
      <c r="K20" s="282">
        <v>9</v>
      </c>
      <c r="L20" s="283">
        <v>9</v>
      </c>
      <c r="M20" s="277">
        <v>0</v>
      </c>
      <c r="N20" s="281">
        <v>0</v>
      </c>
      <c r="O20" s="278">
        <v>0</v>
      </c>
      <c r="P20" s="280">
        <v>0</v>
      </c>
      <c r="Q20" s="281">
        <v>0</v>
      </c>
      <c r="R20" s="281">
        <v>0</v>
      </c>
      <c r="S20" s="281">
        <v>0</v>
      </c>
      <c r="T20" s="281">
        <v>0</v>
      </c>
      <c r="U20" s="281">
        <v>0</v>
      </c>
      <c r="V20" s="278">
        <v>0</v>
      </c>
      <c r="W20" s="283">
        <v>0</v>
      </c>
      <c r="X20" s="277">
        <v>0</v>
      </c>
      <c r="Y20" s="281">
        <v>0</v>
      </c>
      <c r="Z20" s="278">
        <v>0</v>
      </c>
      <c r="AA20" s="280">
        <v>0</v>
      </c>
      <c r="AB20" s="281">
        <v>310</v>
      </c>
      <c r="AC20" s="281">
        <v>245</v>
      </c>
      <c r="AD20" s="281">
        <v>91</v>
      </c>
      <c r="AE20" s="281">
        <v>34</v>
      </c>
      <c r="AF20" s="281">
        <v>10</v>
      </c>
      <c r="AG20" s="278">
        <v>690</v>
      </c>
      <c r="AH20" s="283">
        <v>690</v>
      </c>
      <c r="AI20" s="277">
        <v>0</v>
      </c>
      <c r="AJ20" s="281">
        <v>0</v>
      </c>
      <c r="AK20" s="278">
        <v>0</v>
      </c>
      <c r="AL20" s="280">
        <v>0</v>
      </c>
      <c r="AM20" s="281">
        <v>10</v>
      </c>
      <c r="AN20" s="281">
        <v>7</v>
      </c>
      <c r="AO20" s="281">
        <v>17</v>
      </c>
      <c r="AP20" s="281">
        <v>11</v>
      </c>
      <c r="AQ20" s="281">
        <v>17</v>
      </c>
      <c r="AR20" s="278">
        <v>62</v>
      </c>
      <c r="AS20" s="283">
        <v>62</v>
      </c>
      <c r="AT20" s="277">
        <v>8</v>
      </c>
      <c r="AU20" s="281">
        <v>7</v>
      </c>
      <c r="AV20" s="278">
        <v>15</v>
      </c>
      <c r="AW20" s="280">
        <v>0</v>
      </c>
      <c r="AX20" s="281">
        <v>43</v>
      </c>
      <c r="AY20" s="281">
        <v>60</v>
      </c>
      <c r="AZ20" s="281">
        <v>32</v>
      </c>
      <c r="BA20" s="281">
        <v>19</v>
      </c>
      <c r="BB20" s="281">
        <v>8</v>
      </c>
      <c r="BC20" s="278">
        <v>162</v>
      </c>
      <c r="BD20" s="283">
        <v>177</v>
      </c>
      <c r="BE20" s="277">
        <v>0</v>
      </c>
      <c r="BF20" s="281">
        <v>3</v>
      </c>
      <c r="BG20" s="278">
        <v>3</v>
      </c>
      <c r="BH20" s="280">
        <v>0</v>
      </c>
      <c r="BI20" s="281">
        <v>50</v>
      </c>
      <c r="BJ20" s="281">
        <v>90</v>
      </c>
      <c r="BK20" s="281">
        <v>99</v>
      </c>
      <c r="BL20" s="281">
        <v>41</v>
      </c>
      <c r="BM20" s="281">
        <v>27</v>
      </c>
      <c r="BN20" s="282">
        <v>307</v>
      </c>
      <c r="BO20" s="283">
        <v>310</v>
      </c>
      <c r="BP20" s="277">
        <v>0</v>
      </c>
      <c r="BQ20" s="281">
        <v>0</v>
      </c>
      <c r="BR20" s="278">
        <v>0</v>
      </c>
      <c r="BS20" s="280">
        <v>0</v>
      </c>
      <c r="BT20" s="281">
        <v>0</v>
      </c>
      <c r="BU20" s="281">
        <v>0</v>
      </c>
      <c r="BV20" s="281">
        <v>0</v>
      </c>
      <c r="BW20" s="281">
        <v>0</v>
      </c>
      <c r="BX20" s="281">
        <v>0</v>
      </c>
      <c r="BY20" s="278">
        <v>0</v>
      </c>
      <c r="BZ20" s="283">
        <v>0</v>
      </c>
      <c r="CA20" s="277">
        <v>0</v>
      </c>
      <c r="CB20" s="281">
        <v>0</v>
      </c>
      <c r="CC20" s="278">
        <v>0</v>
      </c>
      <c r="CD20" s="280">
        <v>0</v>
      </c>
      <c r="CE20" s="281">
        <v>0</v>
      </c>
      <c r="CF20" s="281">
        <v>2</v>
      </c>
      <c r="CG20" s="281">
        <v>7</v>
      </c>
      <c r="CH20" s="281">
        <v>17</v>
      </c>
      <c r="CI20" s="281">
        <v>2</v>
      </c>
      <c r="CJ20" s="278">
        <v>28</v>
      </c>
      <c r="CK20" s="283">
        <v>28</v>
      </c>
      <c r="CL20" s="277">
        <v>0</v>
      </c>
      <c r="CM20" s="281">
        <v>0</v>
      </c>
      <c r="CN20" s="278">
        <v>0</v>
      </c>
      <c r="CO20" s="280">
        <v>0</v>
      </c>
      <c r="CP20" s="281">
        <v>8</v>
      </c>
      <c r="CQ20" s="281">
        <v>9</v>
      </c>
      <c r="CR20" s="281">
        <v>16</v>
      </c>
      <c r="CS20" s="281">
        <v>22</v>
      </c>
      <c r="CT20" s="281">
        <v>21</v>
      </c>
      <c r="CU20" s="278">
        <v>76</v>
      </c>
      <c r="CV20" s="283">
        <v>76</v>
      </c>
    </row>
    <row r="21" spans="1:100" ht="21" customHeight="1" x14ac:dyDescent="0.2">
      <c r="A21" s="262" t="s">
        <v>19</v>
      </c>
      <c r="B21" s="277">
        <v>0</v>
      </c>
      <c r="C21" s="278">
        <v>0</v>
      </c>
      <c r="D21" s="279">
        <v>0</v>
      </c>
      <c r="E21" s="280">
        <v>0</v>
      </c>
      <c r="F21" s="281">
        <v>14</v>
      </c>
      <c r="G21" s="281">
        <v>7</v>
      </c>
      <c r="H21" s="281">
        <v>1</v>
      </c>
      <c r="I21" s="281">
        <v>7</v>
      </c>
      <c r="J21" s="281">
        <v>1</v>
      </c>
      <c r="K21" s="282">
        <v>30</v>
      </c>
      <c r="L21" s="283">
        <v>30</v>
      </c>
      <c r="M21" s="277">
        <v>0</v>
      </c>
      <c r="N21" s="281">
        <v>0</v>
      </c>
      <c r="O21" s="278">
        <v>0</v>
      </c>
      <c r="P21" s="280">
        <v>0</v>
      </c>
      <c r="Q21" s="281">
        <v>2</v>
      </c>
      <c r="R21" s="281">
        <v>3</v>
      </c>
      <c r="S21" s="281">
        <v>4</v>
      </c>
      <c r="T21" s="281">
        <v>1</v>
      </c>
      <c r="U21" s="281">
        <v>0</v>
      </c>
      <c r="V21" s="278">
        <v>10</v>
      </c>
      <c r="W21" s="283">
        <v>10</v>
      </c>
      <c r="X21" s="277">
        <v>0</v>
      </c>
      <c r="Y21" s="281">
        <v>0</v>
      </c>
      <c r="Z21" s="278">
        <v>0</v>
      </c>
      <c r="AA21" s="280">
        <v>0</v>
      </c>
      <c r="AB21" s="281">
        <v>130</v>
      </c>
      <c r="AC21" s="281">
        <v>108</v>
      </c>
      <c r="AD21" s="281">
        <v>51</v>
      </c>
      <c r="AE21" s="281">
        <v>17</v>
      </c>
      <c r="AF21" s="281">
        <v>12</v>
      </c>
      <c r="AG21" s="278">
        <v>318</v>
      </c>
      <c r="AH21" s="283">
        <v>318</v>
      </c>
      <c r="AI21" s="277">
        <v>0</v>
      </c>
      <c r="AJ21" s="281">
        <v>0</v>
      </c>
      <c r="AK21" s="278">
        <v>0</v>
      </c>
      <c r="AL21" s="280">
        <v>0</v>
      </c>
      <c r="AM21" s="281">
        <v>14</v>
      </c>
      <c r="AN21" s="281">
        <v>23</v>
      </c>
      <c r="AO21" s="281">
        <v>16</v>
      </c>
      <c r="AP21" s="281">
        <v>2</v>
      </c>
      <c r="AQ21" s="281">
        <v>3</v>
      </c>
      <c r="AR21" s="278">
        <v>58</v>
      </c>
      <c r="AS21" s="283">
        <v>58</v>
      </c>
      <c r="AT21" s="277">
        <v>0</v>
      </c>
      <c r="AU21" s="281">
        <v>4</v>
      </c>
      <c r="AV21" s="278">
        <v>4</v>
      </c>
      <c r="AW21" s="280">
        <v>0</v>
      </c>
      <c r="AX21" s="281">
        <v>20</v>
      </c>
      <c r="AY21" s="281">
        <v>31</v>
      </c>
      <c r="AZ21" s="281">
        <v>25</v>
      </c>
      <c r="BA21" s="281">
        <v>16</v>
      </c>
      <c r="BB21" s="281">
        <v>16</v>
      </c>
      <c r="BC21" s="278">
        <v>108</v>
      </c>
      <c r="BD21" s="283">
        <v>112</v>
      </c>
      <c r="BE21" s="277">
        <v>0</v>
      </c>
      <c r="BF21" s="281">
        <v>1</v>
      </c>
      <c r="BG21" s="278">
        <v>1</v>
      </c>
      <c r="BH21" s="280">
        <v>0</v>
      </c>
      <c r="BI21" s="281">
        <v>10</v>
      </c>
      <c r="BJ21" s="281">
        <v>19</v>
      </c>
      <c r="BK21" s="281">
        <v>27</v>
      </c>
      <c r="BL21" s="281">
        <v>15</v>
      </c>
      <c r="BM21" s="281">
        <v>13</v>
      </c>
      <c r="BN21" s="282">
        <v>84</v>
      </c>
      <c r="BO21" s="283">
        <v>85</v>
      </c>
      <c r="BP21" s="277">
        <v>0</v>
      </c>
      <c r="BQ21" s="281">
        <v>0</v>
      </c>
      <c r="BR21" s="278">
        <v>0</v>
      </c>
      <c r="BS21" s="280">
        <v>0</v>
      </c>
      <c r="BT21" s="281">
        <v>0</v>
      </c>
      <c r="BU21" s="281">
        <v>0</v>
      </c>
      <c r="BV21" s="281">
        <v>0</v>
      </c>
      <c r="BW21" s="281">
        <v>0</v>
      </c>
      <c r="BX21" s="281">
        <v>0</v>
      </c>
      <c r="BY21" s="278">
        <v>0</v>
      </c>
      <c r="BZ21" s="283">
        <v>0</v>
      </c>
      <c r="CA21" s="277">
        <v>0</v>
      </c>
      <c r="CB21" s="281">
        <v>0</v>
      </c>
      <c r="CC21" s="278">
        <v>0</v>
      </c>
      <c r="CD21" s="280">
        <v>0</v>
      </c>
      <c r="CE21" s="281">
        <v>0</v>
      </c>
      <c r="CF21" s="281">
        <v>0</v>
      </c>
      <c r="CG21" s="281">
        <v>0</v>
      </c>
      <c r="CH21" s="281">
        <v>0</v>
      </c>
      <c r="CI21" s="281">
        <v>0</v>
      </c>
      <c r="CJ21" s="278">
        <v>0</v>
      </c>
      <c r="CK21" s="283">
        <v>0</v>
      </c>
      <c r="CL21" s="277">
        <v>0</v>
      </c>
      <c r="CM21" s="281">
        <v>0</v>
      </c>
      <c r="CN21" s="278">
        <v>0</v>
      </c>
      <c r="CO21" s="280">
        <v>0</v>
      </c>
      <c r="CP21" s="281">
        <v>2</v>
      </c>
      <c r="CQ21" s="281">
        <v>1</v>
      </c>
      <c r="CR21" s="281">
        <v>1</v>
      </c>
      <c r="CS21" s="281">
        <v>3</v>
      </c>
      <c r="CT21" s="281">
        <v>10</v>
      </c>
      <c r="CU21" s="278">
        <v>17</v>
      </c>
      <c r="CV21" s="283">
        <v>17</v>
      </c>
    </row>
    <row r="22" spans="1:100" ht="21" customHeight="1" x14ac:dyDescent="0.2">
      <c r="A22" s="262" t="s">
        <v>20</v>
      </c>
      <c r="B22" s="277">
        <v>0</v>
      </c>
      <c r="C22" s="278">
        <v>0</v>
      </c>
      <c r="D22" s="279">
        <v>0</v>
      </c>
      <c r="E22" s="280">
        <v>0</v>
      </c>
      <c r="F22" s="281">
        <v>1</v>
      </c>
      <c r="G22" s="281">
        <v>0</v>
      </c>
      <c r="H22" s="281">
        <v>0</v>
      </c>
      <c r="I22" s="281">
        <v>0</v>
      </c>
      <c r="J22" s="281">
        <v>0</v>
      </c>
      <c r="K22" s="282">
        <v>1</v>
      </c>
      <c r="L22" s="283">
        <v>1</v>
      </c>
      <c r="M22" s="277">
        <v>0</v>
      </c>
      <c r="N22" s="281">
        <v>0</v>
      </c>
      <c r="O22" s="278">
        <v>0</v>
      </c>
      <c r="P22" s="280">
        <v>0</v>
      </c>
      <c r="Q22" s="281">
        <v>0</v>
      </c>
      <c r="R22" s="281">
        <v>0</v>
      </c>
      <c r="S22" s="281">
        <v>0</v>
      </c>
      <c r="T22" s="281">
        <v>0</v>
      </c>
      <c r="U22" s="281">
        <v>0</v>
      </c>
      <c r="V22" s="278">
        <v>0</v>
      </c>
      <c r="W22" s="283">
        <v>0</v>
      </c>
      <c r="X22" s="277">
        <v>0</v>
      </c>
      <c r="Y22" s="281">
        <v>0</v>
      </c>
      <c r="Z22" s="278">
        <v>0</v>
      </c>
      <c r="AA22" s="280">
        <v>0</v>
      </c>
      <c r="AB22" s="281">
        <v>175</v>
      </c>
      <c r="AC22" s="281">
        <v>79</v>
      </c>
      <c r="AD22" s="281">
        <v>41</v>
      </c>
      <c r="AE22" s="281">
        <v>23</v>
      </c>
      <c r="AF22" s="281">
        <v>8</v>
      </c>
      <c r="AG22" s="278">
        <v>326</v>
      </c>
      <c r="AH22" s="283">
        <v>326</v>
      </c>
      <c r="AI22" s="277">
        <v>0</v>
      </c>
      <c r="AJ22" s="281">
        <v>0</v>
      </c>
      <c r="AK22" s="278">
        <v>0</v>
      </c>
      <c r="AL22" s="280">
        <v>0</v>
      </c>
      <c r="AM22" s="281">
        <v>0</v>
      </c>
      <c r="AN22" s="281">
        <v>3</v>
      </c>
      <c r="AO22" s="281">
        <v>4</v>
      </c>
      <c r="AP22" s="281">
        <v>4</v>
      </c>
      <c r="AQ22" s="281">
        <v>3</v>
      </c>
      <c r="AR22" s="278">
        <v>14</v>
      </c>
      <c r="AS22" s="283">
        <v>14</v>
      </c>
      <c r="AT22" s="277">
        <v>1</v>
      </c>
      <c r="AU22" s="281">
        <v>2</v>
      </c>
      <c r="AV22" s="278">
        <v>3</v>
      </c>
      <c r="AW22" s="280">
        <v>0</v>
      </c>
      <c r="AX22" s="281">
        <v>11</v>
      </c>
      <c r="AY22" s="281">
        <v>11</v>
      </c>
      <c r="AZ22" s="281">
        <v>5</v>
      </c>
      <c r="BA22" s="281">
        <v>4</v>
      </c>
      <c r="BB22" s="281">
        <v>0</v>
      </c>
      <c r="BC22" s="278">
        <v>31</v>
      </c>
      <c r="BD22" s="283">
        <v>34</v>
      </c>
      <c r="BE22" s="277">
        <v>0</v>
      </c>
      <c r="BF22" s="281">
        <v>0</v>
      </c>
      <c r="BG22" s="278">
        <v>0</v>
      </c>
      <c r="BH22" s="280">
        <v>0</v>
      </c>
      <c r="BI22" s="281">
        <v>23</v>
      </c>
      <c r="BJ22" s="281">
        <v>25</v>
      </c>
      <c r="BK22" s="281">
        <v>36</v>
      </c>
      <c r="BL22" s="281">
        <v>24</v>
      </c>
      <c r="BM22" s="281">
        <v>6</v>
      </c>
      <c r="BN22" s="282">
        <v>114</v>
      </c>
      <c r="BO22" s="283">
        <v>114</v>
      </c>
      <c r="BP22" s="277">
        <v>0</v>
      </c>
      <c r="BQ22" s="281">
        <v>0</v>
      </c>
      <c r="BR22" s="278">
        <v>0</v>
      </c>
      <c r="BS22" s="280">
        <v>0</v>
      </c>
      <c r="BT22" s="281">
        <v>0</v>
      </c>
      <c r="BU22" s="281">
        <v>0</v>
      </c>
      <c r="BV22" s="281">
        <v>0</v>
      </c>
      <c r="BW22" s="281">
        <v>0</v>
      </c>
      <c r="BX22" s="281">
        <v>0</v>
      </c>
      <c r="BY22" s="278">
        <v>0</v>
      </c>
      <c r="BZ22" s="283">
        <v>0</v>
      </c>
      <c r="CA22" s="277">
        <v>0</v>
      </c>
      <c r="CB22" s="281">
        <v>0</v>
      </c>
      <c r="CC22" s="278">
        <v>0</v>
      </c>
      <c r="CD22" s="280">
        <v>0</v>
      </c>
      <c r="CE22" s="281">
        <v>0</v>
      </c>
      <c r="CF22" s="281">
        <v>0</v>
      </c>
      <c r="CG22" s="281">
        <v>0</v>
      </c>
      <c r="CH22" s="281">
        <v>0</v>
      </c>
      <c r="CI22" s="281">
        <v>0</v>
      </c>
      <c r="CJ22" s="278">
        <v>0</v>
      </c>
      <c r="CK22" s="283">
        <v>0</v>
      </c>
      <c r="CL22" s="277">
        <v>0</v>
      </c>
      <c r="CM22" s="281">
        <v>0</v>
      </c>
      <c r="CN22" s="278">
        <v>0</v>
      </c>
      <c r="CO22" s="280">
        <v>0</v>
      </c>
      <c r="CP22" s="281">
        <v>0</v>
      </c>
      <c r="CQ22" s="281">
        <v>0</v>
      </c>
      <c r="CR22" s="281">
        <v>0</v>
      </c>
      <c r="CS22" s="281">
        <v>0</v>
      </c>
      <c r="CT22" s="281">
        <v>0</v>
      </c>
      <c r="CU22" s="278">
        <v>0</v>
      </c>
      <c r="CV22" s="283">
        <v>0</v>
      </c>
    </row>
    <row r="23" spans="1:100" ht="21" customHeight="1" x14ac:dyDescent="0.2">
      <c r="A23" s="262" t="s">
        <v>21</v>
      </c>
      <c r="B23" s="277">
        <v>0</v>
      </c>
      <c r="C23" s="278">
        <v>0</v>
      </c>
      <c r="D23" s="279">
        <v>0</v>
      </c>
      <c r="E23" s="280">
        <v>0</v>
      </c>
      <c r="F23" s="281">
        <v>0</v>
      </c>
      <c r="G23" s="281">
        <v>4</v>
      </c>
      <c r="H23" s="281">
        <v>2</v>
      </c>
      <c r="I23" s="281">
        <v>2</v>
      </c>
      <c r="J23" s="281">
        <v>2</v>
      </c>
      <c r="K23" s="282">
        <v>10</v>
      </c>
      <c r="L23" s="283">
        <v>10</v>
      </c>
      <c r="M23" s="277">
        <v>0</v>
      </c>
      <c r="N23" s="281">
        <v>0</v>
      </c>
      <c r="O23" s="278">
        <v>0</v>
      </c>
      <c r="P23" s="280">
        <v>0</v>
      </c>
      <c r="Q23" s="281">
        <v>0</v>
      </c>
      <c r="R23" s="281">
        <v>0</v>
      </c>
      <c r="S23" s="281">
        <v>0</v>
      </c>
      <c r="T23" s="281">
        <v>0</v>
      </c>
      <c r="U23" s="281">
        <v>0</v>
      </c>
      <c r="V23" s="278">
        <v>0</v>
      </c>
      <c r="W23" s="283">
        <v>0</v>
      </c>
      <c r="X23" s="277">
        <v>0</v>
      </c>
      <c r="Y23" s="281">
        <v>0</v>
      </c>
      <c r="Z23" s="278">
        <v>0</v>
      </c>
      <c r="AA23" s="280">
        <v>0</v>
      </c>
      <c r="AB23" s="281">
        <v>173</v>
      </c>
      <c r="AC23" s="281">
        <v>188</v>
      </c>
      <c r="AD23" s="281">
        <v>64</v>
      </c>
      <c r="AE23" s="281">
        <v>31</v>
      </c>
      <c r="AF23" s="281">
        <v>11</v>
      </c>
      <c r="AG23" s="278">
        <v>467</v>
      </c>
      <c r="AH23" s="283">
        <v>467</v>
      </c>
      <c r="AI23" s="277">
        <v>0</v>
      </c>
      <c r="AJ23" s="281">
        <v>0</v>
      </c>
      <c r="AK23" s="278">
        <v>0</v>
      </c>
      <c r="AL23" s="280">
        <v>0</v>
      </c>
      <c r="AM23" s="281">
        <v>0</v>
      </c>
      <c r="AN23" s="281">
        <v>0</v>
      </c>
      <c r="AO23" s="281">
        <v>0</v>
      </c>
      <c r="AP23" s="281">
        <v>0</v>
      </c>
      <c r="AQ23" s="281">
        <v>0</v>
      </c>
      <c r="AR23" s="278">
        <v>0</v>
      </c>
      <c r="AS23" s="283">
        <v>0</v>
      </c>
      <c r="AT23" s="277">
        <v>1</v>
      </c>
      <c r="AU23" s="281">
        <v>1</v>
      </c>
      <c r="AV23" s="278">
        <v>2</v>
      </c>
      <c r="AW23" s="280">
        <v>0</v>
      </c>
      <c r="AX23" s="281">
        <v>10</v>
      </c>
      <c r="AY23" s="281">
        <v>8</v>
      </c>
      <c r="AZ23" s="281">
        <v>18</v>
      </c>
      <c r="BA23" s="281">
        <v>6</v>
      </c>
      <c r="BB23" s="281">
        <v>6</v>
      </c>
      <c r="BC23" s="278">
        <v>48</v>
      </c>
      <c r="BD23" s="283">
        <v>50</v>
      </c>
      <c r="BE23" s="277">
        <v>0</v>
      </c>
      <c r="BF23" s="281">
        <v>0</v>
      </c>
      <c r="BG23" s="278">
        <v>0</v>
      </c>
      <c r="BH23" s="280">
        <v>0</v>
      </c>
      <c r="BI23" s="281">
        <v>20</v>
      </c>
      <c r="BJ23" s="281">
        <v>27</v>
      </c>
      <c r="BK23" s="281">
        <v>27</v>
      </c>
      <c r="BL23" s="281">
        <v>13</v>
      </c>
      <c r="BM23" s="281">
        <v>11</v>
      </c>
      <c r="BN23" s="282">
        <v>98</v>
      </c>
      <c r="BO23" s="283">
        <v>98</v>
      </c>
      <c r="BP23" s="277">
        <v>0</v>
      </c>
      <c r="BQ23" s="281">
        <v>0</v>
      </c>
      <c r="BR23" s="278">
        <v>0</v>
      </c>
      <c r="BS23" s="280">
        <v>0</v>
      </c>
      <c r="BT23" s="281">
        <v>0</v>
      </c>
      <c r="BU23" s="281">
        <v>0</v>
      </c>
      <c r="BV23" s="281">
        <v>0</v>
      </c>
      <c r="BW23" s="281">
        <v>0</v>
      </c>
      <c r="BX23" s="281">
        <v>0</v>
      </c>
      <c r="BY23" s="278">
        <v>0</v>
      </c>
      <c r="BZ23" s="283">
        <v>0</v>
      </c>
      <c r="CA23" s="277">
        <v>0</v>
      </c>
      <c r="CB23" s="281">
        <v>0</v>
      </c>
      <c r="CC23" s="278">
        <v>0</v>
      </c>
      <c r="CD23" s="280">
        <v>0</v>
      </c>
      <c r="CE23" s="281">
        <v>0</v>
      </c>
      <c r="CF23" s="281">
        <v>0</v>
      </c>
      <c r="CG23" s="281">
        <v>0</v>
      </c>
      <c r="CH23" s="281">
        <v>0</v>
      </c>
      <c r="CI23" s="281">
        <v>0</v>
      </c>
      <c r="CJ23" s="278">
        <v>0</v>
      </c>
      <c r="CK23" s="283">
        <v>0</v>
      </c>
      <c r="CL23" s="277">
        <v>0</v>
      </c>
      <c r="CM23" s="281">
        <v>0</v>
      </c>
      <c r="CN23" s="278">
        <v>0</v>
      </c>
      <c r="CO23" s="280">
        <v>0</v>
      </c>
      <c r="CP23" s="281">
        <v>1</v>
      </c>
      <c r="CQ23" s="281">
        <v>4</v>
      </c>
      <c r="CR23" s="281">
        <v>2</v>
      </c>
      <c r="CS23" s="281">
        <v>2</v>
      </c>
      <c r="CT23" s="281">
        <v>5</v>
      </c>
      <c r="CU23" s="278">
        <v>14</v>
      </c>
      <c r="CV23" s="283">
        <v>14</v>
      </c>
    </row>
    <row r="24" spans="1:100" ht="21" customHeight="1" x14ac:dyDescent="0.2">
      <c r="A24" s="262" t="s">
        <v>22</v>
      </c>
      <c r="B24" s="277">
        <v>0</v>
      </c>
      <c r="C24" s="278">
        <v>0</v>
      </c>
      <c r="D24" s="279">
        <v>0</v>
      </c>
      <c r="E24" s="280">
        <v>0</v>
      </c>
      <c r="F24" s="281">
        <v>4</v>
      </c>
      <c r="G24" s="281">
        <v>6</v>
      </c>
      <c r="H24" s="281">
        <v>4</v>
      </c>
      <c r="I24" s="281">
        <v>0</v>
      </c>
      <c r="J24" s="281">
        <v>0</v>
      </c>
      <c r="K24" s="282">
        <v>14</v>
      </c>
      <c r="L24" s="283">
        <v>14</v>
      </c>
      <c r="M24" s="277">
        <v>0</v>
      </c>
      <c r="N24" s="281">
        <v>0</v>
      </c>
      <c r="O24" s="278">
        <v>0</v>
      </c>
      <c r="P24" s="280">
        <v>0</v>
      </c>
      <c r="Q24" s="281">
        <v>0</v>
      </c>
      <c r="R24" s="281">
        <v>0</v>
      </c>
      <c r="S24" s="281">
        <v>0</v>
      </c>
      <c r="T24" s="281">
        <v>0</v>
      </c>
      <c r="U24" s="281">
        <v>0</v>
      </c>
      <c r="V24" s="278">
        <v>0</v>
      </c>
      <c r="W24" s="283">
        <v>0</v>
      </c>
      <c r="X24" s="277">
        <v>0</v>
      </c>
      <c r="Y24" s="281">
        <v>0</v>
      </c>
      <c r="Z24" s="278">
        <v>0</v>
      </c>
      <c r="AA24" s="280">
        <v>0</v>
      </c>
      <c r="AB24" s="281">
        <v>127</v>
      </c>
      <c r="AC24" s="281">
        <v>89</v>
      </c>
      <c r="AD24" s="281">
        <v>31</v>
      </c>
      <c r="AE24" s="281">
        <v>17</v>
      </c>
      <c r="AF24" s="281">
        <v>4</v>
      </c>
      <c r="AG24" s="278">
        <v>268</v>
      </c>
      <c r="AH24" s="283">
        <v>268</v>
      </c>
      <c r="AI24" s="277">
        <v>0</v>
      </c>
      <c r="AJ24" s="281">
        <v>0</v>
      </c>
      <c r="AK24" s="278">
        <v>0</v>
      </c>
      <c r="AL24" s="280">
        <v>0</v>
      </c>
      <c r="AM24" s="281">
        <v>6</v>
      </c>
      <c r="AN24" s="281">
        <v>6</v>
      </c>
      <c r="AO24" s="281">
        <v>3</v>
      </c>
      <c r="AP24" s="281">
        <v>2</v>
      </c>
      <c r="AQ24" s="281">
        <v>2</v>
      </c>
      <c r="AR24" s="278">
        <v>19</v>
      </c>
      <c r="AS24" s="283">
        <v>19</v>
      </c>
      <c r="AT24" s="277">
        <v>2</v>
      </c>
      <c r="AU24" s="281">
        <v>4</v>
      </c>
      <c r="AV24" s="278">
        <v>6</v>
      </c>
      <c r="AW24" s="280">
        <v>0</v>
      </c>
      <c r="AX24" s="281">
        <v>18</v>
      </c>
      <c r="AY24" s="281">
        <v>11</v>
      </c>
      <c r="AZ24" s="281">
        <v>12</v>
      </c>
      <c r="BA24" s="281">
        <v>8</v>
      </c>
      <c r="BB24" s="281">
        <v>5</v>
      </c>
      <c r="BC24" s="278">
        <v>54</v>
      </c>
      <c r="BD24" s="283">
        <v>60</v>
      </c>
      <c r="BE24" s="277">
        <v>0</v>
      </c>
      <c r="BF24" s="281">
        <v>0</v>
      </c>
      <c r="BG24" s="278">
        <v>0</v>
      </c>
      <c r="BH24" s="280">
        <v>0</v>
      </c>
      <c r="BI24" s="281">
        <v>13</v>
      </c>
      <c r="BJ24" s="281">
        <v>17</v>
      </c>
      <c r="BK24" s="281">
        <v>13</v>
      </c>
      <c r="BL24" s="281">
        <v>7</v>
      </c>
      <c r="BM24" s="281">
        <v>2</v>
      </c>
      <c r="BN24" s="282">
        <v>52</v>
      </c>
      <c r="BO24" s="283">
        <v>52</v>
      </c>
      <c r="BP24" s="277">
        <v>0</v>
      </c>
      <c r="BQ24" s="281">
        <v>0</v>
      </c>
      <c r="BR24" s="278">
        <v>0</v>
      </c>
      <c r="BS24" s="280">
        <v>0</v>
      </c>
      <c r="BT24" s="281">
        <v>0</v>
      </c>
      <c r="BU24" s="281">
        <v>0</v>
      </c>
      <c r="BV24" s="281">
        <v>0</v>
      </c>
      <c r="BW24" s="281">
        <v>0</v>
      </c>
      <c r="BX24" s="281">
        <v>0</v>
      </c>
      <c r="BY24" s="278">
        <v>0</v>
      </c>
      <c r="BZ24" s="283">
        <v>0</v>
      </c>
      <c r="CA24" s="277">
        <v>0</v>
      </c>
      <c r="CB24" s="281">
        <v>0</v>
      </c>
      <c r="CC24" s="278">
        <v>0</v>
      </c>
      <c r="CD24" s="280">
        <v>0</v>
      </c>
      <c r="CE24" s="281">
        <v>0</v>
      </c>
      <c r="CF24" s="281">
        <v>0</v>
      </c>
      <c r="CG24" s="281">
        <v>4</v>
      </c>
      <c r="CH24" s="281">
        <v>20</v>
      </c>
      <c r="CI24" s="281">
        <v>6</v>
      </c>
      <c r="CJ24" s="278">
        <v>30</v>
      </c>
      <c r="CK24" s="283">
        <v>30</v>
      </c>
      <c r="CL24" s="277">
        <v>0</v>
      </c>
      <c r="CM24" s="281">
        <v>0</v>
      </c>
      <c r="CN24" s="278">
        <v>0</v>
      </c>
      <c r="CO24" s="280">
        <v>0</v>
      </c>
      <c r="CP24" s="281">
        <v>0</v>
      </c>
      <c r="CQ24" s="281">
        <v>0</v>
      </c>
      <c r="CR24" s="281">
        <v>0</v>
      </c>
      <c r="CS24" s="281">
        <v>0</v>
      </c>
      <c r="CT24" s="281">
        <v>0</v>
      </c>
      <c r="CU24" s="278">
        <v>0</v>
      </c>
      <c r="CV24" s="283">
        <v>0</v>
      </c>
    </row>
    <row r="25" spans="1:100" ht="21" customHeight="1" x14ac:dyDescent="0.2">
      <c r="A25" s="262" t="s">
        <v>23</v>
      </c>
      <c r="B25" s="277">
        <v>0</v>
      </c>
      <c r="C25" s="278">
        <v>0</v>
      </c>
      <c r="D25" s="279">
        <v>0</v>
      </c>
      <c r="E25" s="280">
        <v>0</v>
      </c>
      <c r="F25" s="281">
        <v>1</v>
      </c>
      <c r="G25" s="281">
        <v>1</v>
      </c>
      <c r="H25" s="281">
        <v>0</v>
      </c>
      <c r="I25" s="281">
        <v>0</v>
      </c>
      <c r="J25" s="281">
        <v>1</v>
      </c>
      <c r="K25" s="282">
        <v>3</v>
      </c>
      <c r="L25" s="283">
        <v>3</v>
      </c>
      <c r="M25" s="277">
        <v>0</v>
      </c>
      <c r="N25" s="281">
        <v>0</v>
      </c>
      <c r="O25" s="278">
        <v>0</v>
      </c>
      <c r="P25" s="280">
        <v>0</v>
      </c>
      <c r="Q25" s="281">
        <v>0</v>
      </c>
      <c r="R25" s="281">
        <v>0</v>
      </c>
      <c r="S25" s="281">
        <v>0</v>
      </c>
      <c r="T25" s="281">
        <v>0</v>
      </c>
      <c r="U25" s="281">
        <v>0</v>
      </c>
      <c r="V25" s="278">
        <v>0</v>
      </c>
      <c r="W25" s="283">
        <v>0</v>
      </c>
      <c r="X25" s="277">
        <v>0</v>
      </c>
      <c r="Y25" s="281">
        <v>0</v>
      </c>
      <c r="Z25" s="278">
        <v>0</v>
      </c>
      <c r="AA25" s="280">
        <v>0</v>
      </c>
      <c r="AB25" s="281">
        <v>53</v>
      </c>
      <c r="AC25" s="281">
        <v>43</v>
      </c>
      <c r="AD25" s="281">
        <v>15</v>
      </c>
      <c r="AE25" s="281">
        <v>11</v>
      </c>
      <c r="AF25" s="281">
        <v>1</v>
      </c>
      <c r="AG25" s="278">
        <v>123</v>
      </c>
      <c r="AH25" s="283">
        <v>123</v>
      </c>
      <c r="AI25" s="277">
        <v>0</v>
      </c>
      <c r="AJ25" s="281">
        <v>0</v>
      </c>
      <c r="AK25" s="278">
        <v>0</v>
      </c>
      <c r="AL25" s="280">
        <v>0</v>
      </c>
      <c r="AM25" s="281">
        <v>0</v>
      </c>
      <c r="AN25" s="281">
        <v>0</v>
      </c>
      <c r="AO25" s="281">
        <v>1</v>
      </c>
      <c r="AP25" s="281">
        <v>1</v>
      </c>
      <c r="AQ25" s="281">
        <v>0</v>
      </c>
      <c r="AR25" s="278">
        <v>2</v>
      </c>
      <c r="AS25" s="283">
        <v>2</v>
      </c>
      <c r="AT25" s="277">
        <v>0</v>
      </c>
      <c r="AU25" s="281">
        <v>0</v>
      </c>
      <c r="AV25" s="278">
        <v>0</v>
      </c>
      <c r="AW25" s="280">
        <v>0</v>
      </c>
      <c r="AX25" s="281">
        <v>7</v>
      </c>
      <c r="AY25" s="281">
        <v>2</v>
      </c>
      <c r="AZ25" s="281">
        <v>5</v>
      </c>
      <c r="BA25" s="281">
        <v>1</v>
      </c>
      <c r="BB25" s="281">
        <v>0</v>
      </c>
      <c r="BC25" s="278">
        <v>15</v>
      </c>
      <c r="BD25" s="283">
        <v>15</v>
      </c>
      <c r="BE25" s="277">
        <v>0</v>
      </c>
      <c r="BF25" s="281">
        <v>1</v>
      </c>
      <c r="BG25" s="278">
        <v>1</v>
      </c>
      <c r="BH25" s="280">
        <v>0</v>
      </c>
      <c r="BI25" s="281">
        <v>27</v>
      </c>
      <c r="BJ25" s="281">
        <v>19</v>
      </c>
      <c r="BK25" s="281">
        <v>19</v>
      </c>
      <c r="BL25" s="281">
        <v>14</v>
      </c>
      <c r="BM25" s="281">
        <v>8</v>
      </c>
      <c r="BN25" s="282">
        <v>87</v>
      </c>
      <c r="BO25" s="283">
        <v>88</v>
      </c>
      <c r="BP25" s="277">
        <v>0</v>
      </c>
      <c r="BQ25" s="281">
        <v>0</v>
      </c>
      <c r="BR25" s="278">
        <v>0</v>
      </c>
      <c r="BS25" s="280">
        <v>0</v>
      </c>
      <c r="BT25" s="281">
        <v>0</v>
      </c>
      <c r="BU25" s="281">
        <v>0</v>
      </c>
      <c r="BV25" s="281">
        <v>0</v>
      </c>
      <c r="BW25" s="281">
        <v>0</v>
      </c>
      <c r="BX25" s="281">
        <v>0</v>
      </c>
      <c r="BY25" s="278">
        <v>0</v>
      </c>
      <c r="BZ25" s="283">
        <v>0</v>
      </c>
      <c r="CA25" s="277">
        <v>0</v>
      </c>
      <c r="CB25" s="281">
        <v>0</v>
      </c>
      <c r="CC25" s="278">
        <v>0</v>
      </c>
      <c r="CD25" s="280">
        <v>0</v>
      </c>
      <c r="CE25" s="281">
        <v>0</v>
      </c>
      <c r="CF25" s="281">
        <v>0</v>
      </c>
      <c r="CG25" s="281">
        <v>0</v>
      </c>
      <c r="CH25" s="281">
        <v>0</v>
      </c>
      <c r="CI25" s="281">
        <v>0</v>
      </c>
      <c r="CJ25" s="278">
        <v>0</v>
      </c>
      <c r="CK25" s="283">
        <v>0</v>
      </c>
      <c r="CL25" s="277">
        <v>0</v>
      </c>
      <c r="CM25" s="281">
        <v>0</v>
      </c>
      <c r="CN25" s="278">
        <v>0</v>
      </c>
      <c r="CO25" s="280">
        <v>0</v>
      </c>
      <c r="CP25" s="281">
        <v>0</v>
      </c>
      <c r="CQ25" s="281">
        <v>0</v>
      </c>
      <c r="CR25" s="281">
        <v>0</v>
      </c>
      <c r="CS25" s="281">
        <v>1</v>
      </c>
      <c r="CT25" s="281">
        <v>0</v>
      </c>
      <c r="CU25" s="278">
        <v>1</v>
      </c>
      <c r="CV25" s="283">
        <v>1</v>
      </c>
    </row>
    <row r="26" spans="1:100" ht="21" customHeight="1" x14ac:dyDescent="0.2">
      <c r="A26" s="262" t="s">
        <v>24</v>
      </c>
      <c r="B26" s="277">
        <v>0</v>
      </c>
      <c r="C26" s="278">
        <v>0</v>
      </c>
      <c r="D26" s="279">
        <v>0</v>
      </c>
      <c r="E26" s="280">
        <v>0</v>
      </c>
      <c r="F26" s="281">
        <v>3</v>
      </c>
      <c r="G26" s="281">
        <v>2</v>
      </c>
      <c r="H26" s="281">
        <v>1</v>
      </c>
      <c r="I26" s="281">
        <v>1</v>
      </c>
      <c r="J26" s="281">
        <v>1</v>
      </c>
      <c r="K26" s="282">
        <v>8</v>
      </c>
      <c r="L26" s="283">
        <v>8</v>
      </c>
      <c r="M26" s="277">
        <v>0</v>
      </c>
      <c r="N26" s="281">
        <v>0</v>
      </c>
      <c r="O26" s="278">
        <v>0</v>
      </c>
      <c r="P26" s="280">
        <v>0</v>
      </c>
      <c r="Q26" s="281">
        <v>0</v>
      </c>
      <c r="R26" s="281">
        <v>0</v>
      </c>
      <c r="S26" s="281">
        <v>0</v>
      </c>
      <c r="T26" s="281">
        <v>0</v>
      </c>
      <c r="U26" s="281">
        <v>0</v>
      </c>
      <c r="V26" s="278">
        <v>0</v>
      </c>
      <c r="W26" s="283">
        <v>0</v>
      </c>
      <c r="X26" s="277">
        <v>0</v>
      </c>
      <c r="Y26" s="281">
        <v>0</v>
      </c>
      <c r="Z26" s="278">
        <v>0</v>
      </c>
      <c r="AA26" s="280">
        <v>0</v>
      </c>
      <c r="AB26" s="281">
        <v>51</v>
      </c>
      <c r="AC26" s="281">
        <v>19</v>
      </c>
      <c r="AD26" s="281">
        <v>17</v>
      </c>
      <c r="AE26" s="281">
        <v>9</v>
      </c>
      <c r="AF26" s="281">
        <v>5</v>
      </c>
      <c r="AG26" s="278">
        <v>101</v>
      </c>
      <c r="AH26" s="283">
        <v>101</v>
      </c>
      <c r="AI26" s="277">
        <v>0</v>
      </c>
      <c r="AJ26" s="281">
        <v>0</v>
      </c>
      <c r="AK26" s="278">
        <v>0</v>
      </c>
      <c r="AL26" s="280">
        <v>0</v>
      </c>
      <c r="AM26" s="281">
        <v>10</v>
      </c>
      <c r="AN26" s="281">
        <v>7</v>
      </c>
      <c r="AO26" s="281">
        <v>4</v>
      </c>
      <c r="AP26" s="281">
        <v>2</v>
      </c>
      <c r="AQ26" s="281">
        <v>1</v>
      </c>
      <c r="AR26" s="278">
        <v>24</v>
      </c>
      <c r="AS26" s="283">
        <v>24</v>
      </c>
      <c r="AT26" s="277">
        <v>6</v>
      </c>
      <c r="AU26" s="281">
        <v>5</v>
      </c>
      <c r="AV26" s="278">
        <v>11</v>
      </c>
      <c r="AW26" s="280">
        <v>0</v>
      </c>
      <c r="AX26" s="281">
        <v>16</v>
      </c>
      <c r="AY26" s="281">
        <v>7</v>
      </c>
      <c r="AZ26" s="281">
        <v>3</v>
      </c>
      <c r="BA26" s="281">
        <v>3</v>
      </c>
      <c r="BB26" s="281">
        <v>3</v>
      </c>
      <c r="BC26" s="278">
        <v>32</v>
      </c>
      <c r="BD26" s="283">
        <v>43</v>
      </c>
      <c r="BE26" s="277">
        <v>0</v>
      </c>
      <c r="BF26" s="281">
        <v>0</v>
      </c>
      <c r="BG26" s="278">
        <v>0</v>
      </c>
      <c r="BH26" s="280">
        <v>0</v>
      </c>
      <c r="BI26" s="281">
        <v>1</v>
      </c>
      <c r="BJ26" s="281">
        <v>5</v>
      </c>
      <c r="BK26" s="281">
        <v>14</v>
      </c>
      <c r="BL26" s="281">
        <v>5</v>
      </c>
      <c r="BM26" s="281">
        <v>3</v>
      </c>
      <c r="BN26" s="282">
        <v>28</v>
      </c>
      <c r="BO26" s="283">
        <v>28</v>
      </c>
      <c r="BP26" s="277">
        <v>0</v>
      </c>
      <c r="BQ26" s="281">
        <v>0</v>
      </c>
      <c r="BR26" s="278">
        <v>0</v>
      </c>
      <c r="BS26" s="280">
        <v>0</v>
      </c>
      <c r="BT26" s="281">
        <v>0</v>
      </c>
      <c r="BU26" s="281">
        <v>0</v>
      </c>
      <c r="BV26" s="281">
        <v>0</v>
      </c>
      <c r="BW26" s="281">
        <v>0</v>
      </c>
      <c r="BX26" s="281">
        <v>0</v>
      </c>
      <c r="BY26" s="278">
        <v>0</v>
      </c>
      <c r="BZ26" s="283">
        <v>0</v>
      </c>
      <c r="CA26" s="277">
        <v>0</v>
      </c>
      <c r="CB26" s="281">
        <v>0</v>
      </c>
      <c r="CC26" s="278">
        <v>0</v>
      </c>
      <c r="CD26" s="280">
        <v>0</v>
      </c>
      <c r="CE26" s="281">
        <v>0</v>
      </c>
      <c r="CF26" s="281">
        <v>0</v>
      </c>
      <c r="CG26" s="281">
        <v>0</v>
      </c>
      <c r="CH26" s="281">
        <v>0</v>
      </c>
      <c r="CI26" s="281">
        <v>0</v>
      </c>
      <c r="CJ26" s="278">
        <v>0</v>
      </c>
      <c r="CK26" s="283">
        <v>0</v>
      </c>
      <c r="CL26" s="277">
        <v>0</v>
      </c>
      <c r="CM26" s="281">
        <v>0</v>
      </c>
      <c r="CN26" s="278">
        <v>0</v>
      </c>
      <c r="CO26" s="280">
        <v>0</v>
      </c>
      <c r="CP26" s="281">
        <v>0</v>
      </c>
      <c r="CQ26" s="281">
        <v>0</v>
      </c>
      <c r="CR26" s="281">
        <v>0</v>
      </c>
      <c r="CS26" s="281">
        <v>0</v>
      </c>
      <c r="CT26" s="281">
        <v>0</v>
      </c>
      <c r="CU26" s="278">
        <v>0</v>
      </c>
      <c r="CV26" s="283">
        <v>0</v>
      </c>
    </row>
    <row r="27" spans="1:100" ht="21" customHeight="1" x14ac:dyDescent="0.2">
      <c r="A27" s="262" t="s">
        <v>25</v>
      </c>
      <c r="B27" s="277">
        <v>0</v>
      </c>
      <c r="C27" s="278">
        <v>0</v>
      </c>
      <c r="D27" s="279">
        <v>0</v>
      </c>
      <c r="E27" s="280">
        <v>0</v>
      </c>
      <c r="F27" s="281">
        <v>0</v>
      </c>
      <c r="G27" s="281">
        <v>0</v>
      </c>
      <c r="H27" s="281">
        <v>0</v>
      </c>
      <c r="I27" s="281">
        <v>0</v>
      </c>
      <c r="J27" s="281">
        <v>0</v>
      </c>
      <c r="K27" s="282">
        <v>0</v>
      </c>
      <c r="L27" s="283">
        <v>0</v>
      </c>
      <c r="M27" s="277">
        <v>0</v>
      </c>
      <c r="N27" s="281">
        <v>0</v>
      </c>
      <c r="O27" s="278">
        <v>0</v>
      </c>
      <c r="P27" s="280">
        <v>0</v>
      </c>
      <c r="Q27" s="281">
        <v>0</v>
      </c>
      <c r="R27" s="281">
        <v>0</v>
      </c>
      <c r="S27" s="281">
        <v>0</v>
      </c>
      <c r="T27" s="281">
        <v>0</v>
      </c>
      <c r="U27" s="281">
        <v>0</v>
      </c>
      <c r="V27" s="278">
        <v>0</v>
      </c>
      <c r="W27" s="283">
        <v>0</v>
      </c>
      <c r="X27" s="277">
        <v>0</v>
      </c>
      <c r="Y27" s="281">
        <v>0</v>
      </c>
      <c r="Z27" s="278">
        <v>0</v>
      </c>
      <c r="AA27" s="280">
        <v>0</v>
      </c>
      <c r="AB27" s="281">
        <v>77</v>
      </c>
      <c r="AC27" s="281">
        <v>30</v>
      </c>
      <c r="AD27" s="281">
        <v>12</v>
      </c>
      <c r="AE27" s="281">
        <v>10</v>
      </c>
      <c r="AF27" s="281">
        <v>2</v>
      </c>
      <c r="AG27" s="278">
        <v>131</v>
      </c>
      <c r="AH27" s="283">
        <v>131</v>
      </c>
      <c r="AI27" s="277">
        <v>0</v>
      </c>
      <c r="AJ27" s="281">
        <v>0</v>
      </c>
      <c r="AK27" s="278">
        <v>0</v>
      </c>
      <c r="AL27" s="280">
        <v>0</v>
      </c>
      <c r="AM27" s="281">
        <v>7</v>
      </c>
      <c r="AN27" s="281">
        <v>2</v>
      </c>
      <c r="AO27" s="281">
        <v>2</v>
      </c>
      <c r="AP27" s="281">
        <v>0</v>
      </c>
      <c r="AQ27" s="281">
        <v>1</v>
      </c>
      <c r="AR27" s="278">
        <v>12</v>
      </c>
      <c r="AS27" s="283">
        <v>12</v>
      </c>
      <c r="AT27" s="277">
        <v>0</v>
      </c>
      <c r="AU27" s="281">
        <v>0</v>
      </c>
      <c r="AV27" s="278">
        <v>0</v>
      </c>
      <c r="AW27" s="280">
        <v>0</v>
      </c>
      <c r="AX27" s="281">
        <v>4</v>
      </c>
      <c r="AY27" s="281">
        <v>2</v>
      </c>
      <c r="AZ27" s="281">
        <v>4</v>
      </c>
      <c r="BA27" s="281">
        <v>0</v>
      </c>
      <c r="BB27" s="281">
        <v>1</v>
      </c>
      <c r="BC27" s="278">
        <v>11</v>
      </c>
      <c r="BD27" s="283">
        <v>11</v>
      </c>
      <c r="BE27" s="277">
        <v>0</v>
      </c>
      <c r="BF27" s="281">
        <v>0</v>
      </c>
      <c r="BG27" s="278">
        <v>0</v>
      </c>
      <c r="BH27" s="280">
        <v>0</v>
      </c>
      <c r="BI27" s="281">
        <v>11</v>
      </c>
      <c r="BJ27" s="281">
        <v>6</v>
      </c>
      <c r="BK27" s="281">
        <v>7</v>
      </c>
      <c r="BL27" s="281">
        <v>6</v>
      </c>
      <c r="BM27" s="281">
        <v>0</v>
      </c>
      <c r="BN27" s="282">
        <v>30</v>
      </c>
      <c r="BO27" s="283">
        <v>30</v>
      </c>
      <c r="BP27" s="277">
        <v>0</v>
      </c>
      <c r="BQ27" s="281">
        <v>0</v>
      </c>
      <c r="BR27" s="278">
        <v>0</v>
      </c>
      <c r="BS27" s="280">
        <v>0</v>
      </c>
      <c r="BT27" s="281">
        <v>0</v>
      </c>
      <c r="BU27" s="281">
        <v>0</v>
      </c>
      <c r="BV27" s="281">
        <v>0</v>
      </c>
      <c r="BW27" s="281">
        <v>0</v>
      </c>
      <c r="BX27" s="281">
        <v>0</v>
      </c>
      <c r="BY27" s="278">
        <v>0</v>
      </c>
      <c r="BZ27" s="283">
        <v>0</v>
      </c>
      <c r="CA27" s="277">
        <v>0</v>
      </c>
      <c r="CB27" s="281">
        <v>0</v>
      </c>
      <c r="CC27" s="278">
        <v>0</v>
      </c>
      <c r="CD27" s="280">
        <v>0</v>
      </c>
      <c r="CE27" s="281">
        <v>0</v>
      </c>
      <c r="CF27" s="281">
        <v>0</v>
      </c>
      <c r="CG27" s="281">
        <v>0</v>
      </c>
      <c r="CH27" s="281">
        <v>0</v>
      </c>
      <c r="CI27" s="281">
        <v>0</v>
      </c>
      <c r="CJ27" s="278">
        <v>0</v>
      </c>
      <c r="CK27" s="283">
        <v>0</v>
      </c>
      <c r="CL27" s="277">
        <v>0</v>
      </c>
      <c r="CM27" s="281">
        <v>0</v>
      </c>
      <c r="CN27" s="278">
        <v>0</v>
      </c>
      <c r="CO27" s="280">
        <v>0</v>
      </c>
      <c r="CP27" s="281">
        <v>0</v>
      </c>
      <c r="CQ27" s="281">
        <v>0</v>
      </c>
      <c r="CR27" s="281">
        <v>0</v>
      </c>
      <c r="CS27" s="281">
        <v>0</v>
      </c>
      <c r="CT27" s="281">
        <v>0</v>
      </c>
      <c r="CU27" s="278">
        <v>0</v>
      </c>
      <c r="CV27" s="283">
        <v>0</v>
      </c>
    </row>
    <row r="28" spans="1:100" ht="21" customHeight="1" x14ac:dyDescent="0.2">
      <c r="A28" s="262" t="s">
        <v>26</v>
      </c>
      <c r="B28" s="277">
        <v>0</v>
      </c>
      <c r="C28" s="278">
        <v>0</v>
      </c>
      <c r="D28" s="279">
        <v>0</v>
      </c>
      <c r="E28" s="280">
        <v>0</v>
      </c>
      <c r="F28" s="281">
        <v>0</v>
      </c>
      <c r="G28" s="281">
        <v>0</v>
      </c>
      <c r="H28" s="281">
        <v>0</v>
      </c>
      <c r="I28" s="281">
        <v>0</v>
      </c>
      <c r="J28" s="281">
        <v>0</v>
      </c>
      <c r="K28" s="282">
        <v>0</v>
      </c>
      <c r="L28" s="283">
        <v>0</v>
      </c>
      <c r="M28" s="277">
        <v>0</v>
      </c>
      <c r="N28" s="281">
        <v>0</v>
      </c>
      <c r="O28" s="278">
        <v>0</v>
      </c>
      <c r="P28" s="280">
        <v>0</v>
      </c>
      <c r="Q28" s="281">
        <v>0</v>
      </c>
      <c r="R28" s="281">
        <v>0</v>
      </c>
      <c r="S28" s="281">
        <v>0</v>
      </c>
      <c r="T28" s="281">
        <v>0</v>
      </c>
      <c r="U28" s="281">
        <v>0</v>
      </c>
      <c r="V28" s="278">
        <v>0</v>
      </c>
      <c r="W28" s="283">
        <v>0</v>
      </c>
      <c r="X28" s="277">
        <v>0</v>
      </c>
      <c r="Y28" s="281">
        <v>0</v>
      </c>
      <c r="Z28" s="278">
        <v>0</v>
      </c>
      <c r="AA28" s="280">
        <v>0</v>
      </c>
      <c r="AB28" s="281">
        <v>40</v>
      </c>
      <c r="AC28" s="281">
        <v>38</v>
      </c>
      <c r="AD28" s="281">
        <v>13</v>
      </c>
      <c r="AE28" s="281">
        <v>10</v>
      </c>
      <c r="AF28" s="281">
        <v>10</v>
      </c>
      <c r="AG28" s="278">
        <v>111</v>
      </c>
      <c r="AH28" s="283">
        <v>111</v>
      </c>
      <c r="AI28" s="277">
        <v>0</v>
      </c>
      <c r="AJ28" s="281">
        <v>0</v>
      </c>
      <c r="AK28" s="278">
        <v>0</v>
      </c>
      <c r="AL28" s="280">
        <v>0</v>
      </c>
      <c r="AM28" s="281">
        <v>1</v>
      </c>
      <c r="AN28" s="281">
        <v>3</v>
      </c>
      <c r="AO28" s="281">
        <v>6</v>
      </c>
      <c r="AP28" s="281">
        <v>1</v>
      </c>
      <c r="AQ28" s="281">
        <v>3</v>
      </c>
      <c r="AR28" s="278">
        <v>14</v>
      </c>
      <c r="AS28" s="283">
        <v>14</v>
      </c>
      <c r="AT28" s="277">
        <v>2</v>
      </c>
      <c r="AU28" s="281">
        <v>0</v>
      </c>
      <c r="AV28" s="278">
        <v>2</v>
      </c>
      <c r="AW28" s="280">
        <v>0</v>
      </c>
      <c r="AX28" s="281">
        <v>10</v>
      </c>
      <c r="AY28" s="281">
        <v>5</v>
      </c>
      <c r="AZ28" s="281">
        <v>4</v>
      </c>
      <c r="BA28" s="281">
        <v>1</v>
      </c>
      <c r="BB28" s="281">
        <v>3</v>
      </c>
      <c r="BC28" s="278">
        <v>23</v>
      </c>
      <c r="BD28" s="283">
        <v>25</v>
      </c>
      <c r="BE28" s="277">
        <v>0</v>
      </c>
      <c r="BF28" s="281">
        <v>0</v>
      </c>
      <c r="BG28" s="278">
        <v>0</v>
      </c>
      <c r="BH28" s="280">
        <v>0</v>
      </c>
      <c r="BI28" s="281">
        <v>10</v>
      </c>
      <c r="BJ28" s="281">
        <v>9</v>
      </c>
      <c r="BK28" s="281">
        <v>18</v>
      </c>
      <c r="BL28" s="281">
        <v>10</v>
      </c>
      <c r="BM28" s="281">
        <v>5</v>
      </c>
      <c r="BN28" s="282">
        <v>52</v>
      </c>
      <c r="BO28" s="283">
        <v>52</v>
      </c>
      <c r="BP28" s="277">
        <v>0</v>
      </c>
      <c r="BQ28" s="281">
        <v>0</v>
      </c>
      <c r="BR28" s="278">
        <v>0</v>
      </c>
      <c r="BS28" s="280">
        <v>0</v>
      </c>
      <c r="BT28" s="281">
        <v>0</v>
      </c>
      <c r="BU28" s="281">
        <v>0</v>
      </c>
      <c r="BV28" s="281">
        <v>0</v>
      </c>
      <c r="BW28" s="281">
        <v>0</v>
      </c>
      <c r="BX28" s="281">
        <v>0</v>
      </c>
      <c r="BY28" s="278">
        <v>0</v>
      </c>
      <c r="BZ28" s="283">
        <v>0</v>
      </c>
      <c r="CA28" s="277">
        <v>0</v>
      </c>
      <c r="CB28" s="281">
        <v>0</v>
      </c>
      <c r="CC28" s="278">
        <v>0</v>
      </c>
      <c r="CD28" s="280">
        <v>0</v>
      </c>
      <c r="CE28" s="281">
        <v>0</v>
      </c>
      <c r="CF28" s="281">
        <v>1</v>
      </c>
      <c r="CG28" s="281">
        <v>0</v>
      </c>
      <c r="CH28" s="281">
        <v>0</v>
      </c>
      <c r="CI28" s="281">
        <v>0</v>
      </c>
      <c r="CJ28" s="278">
        <v>1</v>
      </c>
      <c r="CK28" s="283">
        <v>1</v>
      </c>
      <c r="CL28" s="277">
        <v>0</v>
      </c>
      <c r="CM28" s="281">
        <v>0</v>
      </c>
      <c r="CN28" s="278">
        <v>0</v>
      </c>
      <c r="CO28" s="280">
        <v>0</v>
      </c>
      <c r="CP28" s="281">
        <v>0</v>
      </c>
      <c r="CQ28" s="281">
        <v>0</v>
      </c>
      <c r="CR28" s="281">
        <v>0</v>
      </c>
      <c r="CS28" s="281">
        <v>0</v>
      </c>
      <c r="CT28" s="281">
        <v>0</v>
      </c>
      <c r="CU28" s="278">
        <v>0</v>
      </c>
      <c r="CV28" s="283">
        <v>0</v>
      </c>
    </row>
    <row r="29" spans="1:100" ht="21" customHeight="1" x14ac:dyDescent="0.2">
      <c r="A29" s="262" t="s">
        <v>27</v>
      </c>
      <c r="B29" s="277">
        <v>0</v>
      </c>
      <c r="C29" s="278">
        <v>0</v>
      </c>
      <c r="D29" s="279">
        <v>0</v>
      </c>
      <c r="E29" s="280">
        <v>0</v>
      </c>
      <c r="F29" s="281">
        <v>0</v>
      </c>
      <c r="G29" s="281">
        <v>1</v>
      </c>
      <c r="H29" s="281">
        <v>1</v>
      </c>
      <c r="I29" s="281">
        <v>0</v>
      </c>
      <c r="J29" s="281">
        <v>0</v>
      </c>
      <c r="K29" s="282">
        <v>2</v>
      </c>
      <c r="L29" s="283">
        <v>2</v>
      </c>
      <c r="M29" s="277">
        <v>0</v>
      </c>
      <c r="N29" s="281">
        <v>0</v>
      </c>
      <c r="O29" s="278">
        <v>0</v>
      </c>
      <c r="P29" s="280">
        <v>0</v>
      </c>
      <c r="Q29" s="281">
        <v>0</v>
      </c>
      <c r="R29" s="281">
        <v>0</v>
      </c>
      <c r="S29" s="281">
        <v>0</v>
      </c>
      <c r="T29" s="281">
        <v>0</v>
      </c>
      <c r="U29" s="281">
        <v>0</v>
      </c>
      <c r="V29" s="278">
        <v>0</v>
      </c>
      <c r="W29" s="283">
        <v>0</v>
      </c>
      <c r="X29" s="277">
        <v>0</v>
      </c>
      <c r="Y29" s="281">
        <v>0</v>
      </c>
      <c r="Z29" s="278">
        <v>0</v>
      </c>
      <c r="AA29" s="280">
        <v>0</v>
      </c>
      <c r="AB29" s="281">
        <v>30</v>
      </c>
      <c r="AC29" s="281">
        <v>19</v>
      </c>
      <c r="AD29" s="281">
        <v>7</v>
      </c>
      <c r="AE29" s="281">
        <v>1</v>
      </c>
      <c r="AF29" s="281">
        <v>0</v>
      </c>
      <c r="AG29" s="278">
        <v>57</v>
      </c>
      <c r="AH29" s="283">
        <v>57</v>
      </c>
      <c r="AI29" s="277">
        <v>0</v>
      </c>
      <c r="AJ29" s="281">
        <v>0</v>
      </c>
      <c r="AK29" s="278">
        <v>0</v>
      </c>
      <c r="AL29" s="280">
        <v>0</v>
      </c>
      <c r="AM29" s="281">
        <v>3</v>
      </c>
      <c r="AN29" s="281">
        <v>1</v>
      </c>
      <c r="AO29" s="281">
        <v>1</v>
      </c>
      <c r="AP29" s="281">
        <v>1</v>
      </c>
      <c r="AQ29" s="281">
        <v>1</v>
      </c>
      <c r="AR29" s="278">
        <v>7</v>
      </c>
      <c r="AS29" s="283">
        <v>7</v>
      </c>
      <c r="AT29" s="277">
        <v>0</v>
      </c>
      <c r="AU29" s="281">
        <v>0</v>
      </c>
      <c r="AV29" s="278">
        <v>0</v>
      </c>
      <c r="AW29" s="280">
        <v>0</v>
      </c>
      <c r="AX29" s="281">
        <v>0</v>
      </c>
      <c r="AY29" s="281">
        <v>1</v>
      </c>
      <c r="AZ29" s="281">
        <v>0</v>
      </c>
      <c r="BA29" s="281">
        <v>0</v>
      </c>
      <c r="BB29" s="281">
        <v>0</v>
      </c>
      <c r="BC29" s="278">
        <v>1</v>
      </c>
      <c r="BD29" s="283">
        <v>1</v>
      </c>
      <c r="BE29" s="277">
        <v>0</v>
      </c>
      <c r="BF29" s="281">
        <v>0</v>
      </c>
      <c r="BG29" s="278">
        <v>0</v>
      </c>
      <c r="BH29" s="280">
        <v>0</v>
      </c>
      <c r="BI29" s="281">
        <v>18</v>
      </c>
      <c r="BJ29" s="281">
        <v>5</v>
      </c>
      <c r="BK29" s="281">
        <v>6</v>
      </c>
      <c r="BL29" s="281">
        <v>1</v>
      </c>
      <c r="BM29" s="281">
        <v>3</v>
      </c>
      <c r="BN29" s="282">
        <v>33</v>
      </c>
      <c r="BO29" s="283">
        <v>33</v>
      </c>
      <c r="BP29" s="277">
        <v>0</v>
      </c>
      <c r="BQ29" s="281">
        <v>0</v>
      </c>
      <c r="BR29" s="278">
        <v>0</v>
      </c>
      <c r="BS29" s="280">
        <v>0</v>
      </c>
      <c r="BT29" s="281">
        <v>0</v>
      </c>
      <c r="BU29" s="281">
        <v>0</v>
      </c>
      <c r="BV29" s="281">
        <v>0</v>
      </c>
      <c r="BW29" s="281">
        <v>0</v>
      </c>
      <c r="BX29" s="281">
        <v>0</v>
      </c>
      <c r="BY29" s="278">
        <v>0</v>
      </c>
      <c r="BZ29" s="283">
        <v>0</v>
      </c>
      <c r="CA29" s="277">
        <v>0</v>
      </c>
      <c r="CB29" s="281">
        <v>0</v>
      </c>
      <c r="CC29" s="278">
        <v>0</v>
      </c>
      <c r="CD29" s="280">
        <v>0</v>
      </c>
      <c r="CE29" s="281">
        <v>0</v>
      </c>
      <c r="CF29" s="281">
        <v>0</v>
      </c>
      <c r="CG29" s="281">
        <v>11</v>
      </c>
      <c r="CH29" s="281">
        <v>7</v>
      </c>
      <c r="CI29" s="281">
        <v>3</v>
      </c>
      <c r="CJ29" s="278">
        <v>21</v>
      </c>
      <c r="CK29" s="283">
        <v>21</v>
      </c>
      <c r="CL29" s="277">
        <v>0</v>
      </c>
      <c r="CM29" s="281">
        <v>0</v>
      </c>
      <c r="CN29" s="278">
        <v>0</v>
      </c>
      <c r="CO29" s="280">
        <v>0</v>
      </c>
      <c r="CP29" s="281">
        <v>0</v>
      </c>
      <c r="CQ29" s="281">
        <v>0</v>
      </c>
      <c r="CR29" s="281">
        <v>1</v>
      </c>
      <c r="CS29" s="281">
        <v>0</v>
      </c>
      <c r="CT29" s="281">
        <v>0</v>
      </c>
      <c r="CU29" s="278">
        <v>1</v>
      </c>
      <c r="CV29" s="283">
        <v>1</v>
      </c>
    </row>
    <row r="30" spans="1:100" ht="21" customHeight="1" x14ac:dyDescent="0.2">
      <c r="A30" s="262" t="s">
        <v>28</v>
      </c>
      <c r="B30" s="277">
        <v>0</v>
      </c>
      <c r="C30" s="278">
        <v>0</v>
      </c>
      <c r="D30" s="279">
        <v>0</v>
      </c>
      <c r="E30" s="280">
        <v>0</v>
      </c>
      <c r="F30" s="281">
        <v>0</v>
      </c>
      <c r="G30" s="281">
        <v>0</v>
      </c>
      <c r="H30" s="281">
        <v>0</v>
      </c>
      <c r="I30" s="281">
        <v>0</v>
      </c>
      <c r="J30" s="281">
        <v>0</v>
      </c>
      <c r="K30" s="282">
        <v>0</v>
      </c>
      <c r="L30" s="283">
        <v>0</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20</v>
      </c>
      <c r="AC30" s="281">
        <v>15</v>
      </c>
      <c r="AD30" s="281">
        <v>1</v>
      </c>
      <c r="AE30" s="281">
        <v>4</v>
      </c>
      <c r="AF30" s="281">
        <v>1</v>
      </c>
      <c r="AG30" s="278">
        <v>41</v>
      </c>
      <c r="AH30" s="283">
        <v>41</v>
      </c>
      <c r="AI30" s="277">
        <v>0</v>
      </c>
      <c r="AJ30" s="281">
        <v>0</v>
      </c>
      <c r="AK30" s="278">
        <v>0</v>
      </c>
      <c r="AL30" s="280">
        <v>0</v>
      </c>
      <c r="AM30" s="281">
        <v>2</v>
      </c>
      <c r="AN30" s="281">
        <v>0</v>
      </c>
      <c r="AO30" s="281">
        <v>2</v>
      </c>
      <c r="AP30" s="281">
        <v>0</v>
      </c>
      <c r="AQ30" s="281">
        <v>1</v>
      </c>
      <c r="AR30" s="278">
        <v>5</v>
      </c>
      <c r="AS30" s="283">
        <v>5</v>
      </c>
      <c r="AT30" s="277">
        <v>0</v>
      </c>
      <c r="AU30" s="281">
        <v>0</v>
      </c>
      <c r="AV30" s="278">
        <v>0</v>
      </c>
      <c r="AW30" s="280">
        <v>0</v>
      </c>
      <c r="AX30" s="281">
        <v>0</v>
      </c>
      <c r="AY30" s="281">
        <v>0</v>
      </c>
      <c r="AZ30" s="281">
        <v>0</v>
      </c>
      <c r="BA30" s="281">
        <v>0</v>
      </c>
      <c r="BB30" s="281">
        <v>0</v>
      </c>
      <c r="BC30" s="278">
        <v>0</v>
      </c>
      <c r="BD30" s="283">
        <v>0</v>
      </c>
      <c r="BE30" s="277">
        <v>0</v>
      </c>
      <c r="BF30" s="281">
        <v>0</v>
      </c>
      <c r="BG30" s="278">
        <v>0</v>
      </c>
      <c r="BH30" s="280">
        <v>0</v>
      </c>
      <c r="BI30" s="281">
        <v>0</v>
      </c>
      <c r="BJ30" s="281">
        <v>4</v>
      </c>
      <c r="BK30" s="281">
        <v>6</v>
      </c>
      <c r="BL30" s="281">
        <v>2</v>
      </c>
      <c r="BM30" s="281">
        <v>4</v>
      </c>
      <c r="BN30" s="282">
        <v>16</v>
      </c>
      <c r="BO30" s="283">
        <v>16</v>
      </c>
      <c r="BP30" s="277">
        <v>0</v>
      </c>
      <c r="BQ30" s="281">
        <v>0</v>
      </c>
      <c r="BR30" s="278">
        <v>0</v>
      </c>
      <c r="BS30" s="280">
        <v>0</v>
      </c>
      <c r="BT30" s="281">
        <v>0</v>
      </c>
      <c r="BU30" s="281">
        <v>0</v>
      </c>
      <c r="BV30" s="281">
        <v>0</v>
      </c>
      <c r="BW30" s="281">
        <v>0</v>
      </c>
      <c r="BX30" s="281">
        <v>0</v>
      </c>
      <c r="BY30" s="278">
        <v>0</v>
      </c>
      <c r="BZ30" s="283">
        <v>0</v>
      </c>
      <c r="CA30" s="277">
        <v>0</v>
      </c>
      <c r="CB30" s="281">
        <v>0</v>
      </c>
      <c r="CC30" s="278">
        <v>0</v>
      </c>
      <c r="CD30" s="280">
        <v>0</v>
      </c>
      <c r="CE30" s="281">
        <v>0</v>
      </c>
      <c r="CF30" s="281">
        <v>0</v>
      </c>
      <c r="CG30" s="281">
        <v>1</v>
      </c>
      <c r="CH30" s="281">
        <v>0</v>
      </c>
      <c r="CI30" s="281">
        <v>0</v>
      </c>
      <c r="CJ30" s="278">
        <v>1</v>
      </c>
      <c r="CK30" s="283">
        <v>1</v>
      </c>
      <c r="CL30" s="277">
        <v>0</v>
      </c>
      <c r="CM30" s="281">
        <v>0</v>
      </c>
      <c r="CN30" s="278">
        <v>0</v>
      </c>
      <c r="CO30" s="280">
        <v>0</v>
      </c>
      <c r="CP30" s="281">
        <v>0</v>
      </c>
      <c r="CQ30" s="281">
        <v>0</v>
      </c>
      <c r="CR30" s="281">
        <v>0</v>
      </c>
      <c r="CS30" s="281">
        <v>0</v>
      </c>
      <c r="CT30" s="281">
        <v>0</v>
      </c>
      <c r="CU30" s="278">
        <v>0</v>
      </c>
      <c r="CV30" s="283">
        <v>0</v>
      </c>
    </row>
    <row r="31" spans="1:100" ht="21" customHeight="1" x14ac:dyDescent="0.2">
      <c r="A31" s="262" t="s">
        <v>29</v>
      </c>
      <c r="B31" s="277">
        <v>0</v>
      </c>
      <c r="C31" s="278">
        <v>0</v>
      </c>
      <c r="D31" s="279">
        <v>0</v>
      </c>
      <c r="E31" s="280">
        <v>0</v>
      </c>
      <c r="F31" s="281">
        <v>0</v>
      </c>
      <c r="G31" s="281">
        <v>0</v>
      </c>
      <c r="H31" s="281">
        <v>0</v>
      </c>
      <c r="I31" s="281">
        <v>0</v>
      </c>
      <c r="J31" s="281">
        <v>0</v>
      </c>
      <c r="K31" s="282">
        <v>0</v>
      </c>
      <c r="L31" s="283">
        <v>0</v>
      </c>
      <c r="M31" s="277">
        <v>0</v>
      </c>
      <c r="N31" s="281">
        <v>0</v>
      </c>
      <c r="O31" s="278">
        <v>0</v>
      </c>
      <c r="P31" s="280">
        <v>0</v>
      </c>
      <c r="Q31" s="281">
        <v>0</v>
      </c>
      <c r="R31" s="281">
        <v>0</v>
      </c>
      <c r="S31" s="281">
        <v>0</v>
      </c>
      <c r="T31" s="281">
        <v>0</v>
      </c>
      <c r="U31" s="281">
        <v>0</v>
      </c>
      <c r="V31" s="278">
        <v>0</v>
      </c>
      <c r="W31" s="283">
        <v>0</v>
      </c>
      <c r="X31" s="277">
        <v>0</v>
      </c>
      <c r="Y31" s="281">
        <v>0</v>
      </c>
      <c r="Z31" s="278">
        <v>0</v>
      </c>
      <c r="AA31" s="280">
        <v>0</v>
      </c>
      <c r="AB31" s="281">
        <v>17</v>
      </c>
      <c r="AC31" s="281">
        <v>19</v>
      </c>
      <c r="AD31" s="281">
        <v>3</v>
      </c>
      <c r="AE31" s="281">
        <v>1</v>
      </c>
      <c r="AF31" s="281">
        <v>0</v>
      </c>
      <c r="AG31" s="278">
        <v>40</v>
      </c>
      <c r="AH31" s="283">
        <v>40</v>
      </c>
      <c r="AI31" s="277">
        <v>0</v>
      </c>
      <c r="AJ31" s="281">
        <v>0</v>
      </c>
      <c r="AK31" s="278">
        <v>0</v>
      </c>
      <c r="AL31" s="280">
        <v>0</v>
      </c>
      <c r="AM31" s="281">
        <v>1</v>
      </c>
      <c r="AN31" s="281">
        <v>1</v>
      </c>
      <c r="AO31" s="281">
        <v>3</v>
      </c>
      <c r="AP31" s="281">
        <v>1</v>
      </c>
      <c r="AQ31" s="281">
        <v>0</v>
      </c>
      <c r="AR31" s="278">
        <v>6</v>
      </c>
      <c r="AS31" s="283">
        <v>6</v>
      </c>
      <c r="AT31" s="277">
        <v>1</v>
      </c>
      <c r="AU31" s="281">
        <v>3</v>
      </c>
      <c r="AV31" s="278">
        <v>4</v>
      </c>
      <c r="AW31" s="280">
        <v>0</v>
      </c>
      <c r="AX31" s="281">
        <v>3</v>
      </c>
      <c r="AY31" s="281">
        <v>1</v>
      </c>
      <c r="AZ31" s="281">
        <v>3</v>
      </c>
      <c r="BA31" s="281">
        <v>4</v>
      </c>
      <c r="BB31" s="281">
        <v>1</v>
      </c>
      <c r="BC31" s="278">
        <v>12</v>
      </c>
      <c r="BD31" s="283">
        <v>16</v>
      </c>
      <c r="BE31" s="277">
        <v>0</v>
      </c>
      <c r="BF31" s="281">
        <v>0</v>
      </c>
      <c r="BG31" s="278">
        <v>0</v>
      </c>
      <c r="BH31" s="280">
        <v>0</v>
      </c>
      <c r="BI31" s="281">
        <v>3</v>
      </c>
      <c r="BJ31" s="281">
        <v>3</v>
      </c>
      <c r="BK31" s="281">
        <v>2</v>
      </c>
      <c r="BL31" s="281">
        <v>1</v>
      </c>
      <c r="BM31" s="281">
        <v>2</v>
      </c>
      <c r="BN31" s="282">
        <v>11</v>
      </c>
      <c r="BO31" s="283">
        <v>11</v>
      </c>
      <c r="BP31" s="277">
        <v>0</v>
      </c>
      <c r="BQ31" s="281">
        <v>0</v>
      </c>
      <c r="BR31" s="278">
        <v>0</v>
      </c>
      <c r="BS31" s="280">
        <v>0</v>
      </c>
      <c r="BT31" s="281">
        <v>0</v>
      </c>
      <c r="BU31" s="281">
        <v>0</v>
      </c>
      <c r="BV31" s="281">
        <v>0</v>
      </c>
      <c r="BW31" s="281">
        <v>0</v>
      </c>
      <c r="BX31" s="281">
        <v>0</v>
      </c>
      <c r="BY31" s="278">
        <v>0</v>
      </c>
      <c r="BZ31" s="283">
        <v>0</v>
      </c>
      <c r="CA31" s="277">
        <v>0</v>
      </c>
      <c r="CB31" s="281">
        <v>0</v>
      </c>
      <c r="CC31" s="278">
        <v>0</v>
      </c>
      <c r="CD31" s="280">
        <v>0</v>
      </c>
      <c r="CE31" s="281">
        <v>0</v>
      </c>
      <c r="CF31" s="281">
        <v>3</v>
      </c>
      <c r="CG31" s="281">
        <v>7</v>
      </c>
      <c r="CH31" s="281">
        <v>9</v>
      </c>
      <c r="CI31" s="281">
        <v>4</v>
      </c>
      <c r="CJ31" s="278">
        <v>23</v>
      </c>
      <c r="CK31" s="283">
        <v>23</v>
      </c>
      <c r="CL31" s="277">
        <v>0</v>
      </c>
      <c r="CM31" s="281">
        <v>0</v>
      </c>
      <c r="CN31" s="278">
        <v>0</v>
      </c>
      <c r="CO31" s="280">
        <v>0</v>
      </c>
      <c r="CP31" s="281">
        <v>0</v>
      </c>
      <c r="CQ31" s="281">
        <v>0</v>
      </c>
      <c r="CR31" s="281">
        <v>0</v>
      </c>
      <c r="CS31" s="281">
        <v>0</v>
      </c>
      <c r="CT31" s="281">
        <v>0</v>
      </c>
      <c r="CU31" s="278">
        <v>0</v>
      </c>
      <c r="CV31" s="283">
        <v>0</v>
      </c>
    </row>
    <row r="32" spans="1:100" ht="21" customHeight="1" x14ac:dyDescent="0.2">
      <c r="A32" s="262" t="s">
        <v>30</v>
      </c>
      <c r="B32" s="277">
        <v>0</v>
      </c>
      <c r="C32" s="278">
        <v>0</v>
      </c>
      <c r="D32" s="279">
        <v>0</v>
      </c>
      <c r="E32" s="280">
        <v>0</v>
      </c>
      <c r="F32" s="281">
        <v>1</v>
      </c>
      <c r="G32" s="281">
        <v>0</v>
      </c>
      <c r="H32" s="281">
        <v>1</v>
      </c>
      <c r="I32" s="281">
        <v>0</v>
      </c>
      <c r="J32" s="281">
        <v>0</v>
      </c>
      <c r="K32" s="282">
        <v>2</v>
      </c>
      <c r="L32" s="283">
        <v>2</v>
      </c>
      <c r="M32" s="277">
        <v>0</v>
      </c>
      <c r="N32" s="281">
        <v>0</v>
      </c>
      <c r="O32" s="278">
        <v>0</v>
      </c>
      <c r="P32" s="280">
        <v>0</v>
      </c>
      <c r="Q32" s="281">
        <v>0</v>
      </c>
      <c r="R32" s="281">
        <v>0</v>
      </c>
      <c r="S32" s="281">
        <v>0</v>
      </c>
      <c r="T32" s="281">
        <v>0</v>
      </c>
      <c r="U32" s="281">
        <v>0</v>
      </c>
      <c r="V32" s="278">
        <v>0</v>
      </c>
      <c r="W32" s="283">
        <v>0</v>
      </c>
      <c r="X32" s="277">
        <v>0</v>
      </c>
      <c r="Y32" s="281">
        <v>0</v>
      </c>
      <c r="Z32" s="278">
        <v>0</v>
      </c>
      <c r="AA32" s="280">
        <v>0</v>
      </c>
      <c r="AB32" s="281">
        <v>22</v>
      </c>
      <c r="AC32" s="281">
        <v>13</v>
      </c>
      <c r="AD32" s="281">
        <v>7</v>
      </c>
      <c r="AE32" s="281">
        <v>4</v>
      </c>
      <c r="AF32" s="281">
        <v>1</v>
      </c>
      <c r="AG32" s="278">
        <v>47</v>
      </c>
      <c r="AH32" s="283">
        <v>47</v>
      </c>
      <c r="AI32" s="277">
        <v>1</v>
      </c>
      <c r="AJ32" s="281">
        <v>0</v>
      </c>
      <c r="AK32" s="278">
        <v>1</v>
      </c>
      <c r="AL32" s="280">
        <v>0</v>
      </c>
      <c r="AM32" s="281">
        <v>1</v>
      </c>
      <c r="AN32" s="281">
        <v>1</v>
      </c>
      <c r="AO32" s="281">
        <v>2</v>
      </c>
      <c r="AP32" s="281">
        <v>0</v>
      </c>
      <c r="AQ32" s="281">
        <v>0</v>
      </c>
      <c r="AR32" s="278">
        <v>4</v>
      </c>
      <c r="AS32" s="283">
        <v>5</v>
      </c>
      <c r="AT32" s="277">
        <v>0</v>
      </c>
      <c r="AU32" s="281">
        <v>0</v>
      </c>
      <c r="AV32" s="278">
        <v>0</v>
      </c>
      <c r="AW32" s="280">
        <v>0</v>
      </c>
      <c r="AX32" s="281">
        <v>0</v>
      </c>
      <c r="AY32" s="281">
        <v>0</v>
      </c>
      <c r="AZ32" s="281">
        <v>0</v>
      </c>
      <c r="BA32" s="281">
        <v>2</v>
      </c>
      <c r="BB32" s="281">
        <v>1</v>
      </c>
      <c r="BC32" s="278">
        <v>3</v>
      </c>
      <c r="BD32" s="283">
        <v>3</v>
      </c>
      <c r="BE32" s="277">
        <v>0</v>
      </c>
      <c r="BF32" s="281">
        <v>0</v>
      </c>
      <c r="BG32" s="278">
        <v>0</v>
      </c>
      <c r="BH32" s="280">
        <v>0</v>
      </c>
      <c r="BI32" s="281">
        <v>8</v>
      </c>
      <c r="BJ32" s="281">
        <v>3</v>
      </c>
      <c r="BK32" s="281">
        <v>6</v>
      </c>
      <c r="BL32" s="281">
        <v>3</v>
      </c>
      <c r="BM32" s="281">
        <v>2</v>
      </c>
      <c r="BN32" s="282">
        <v>22</v>
      </c>
      <c r="BO32" s="283">
        <v>22</v>
      </c>
      <c r="BP32" s="277">
        <v>0</v>
      </c>
      <c r="BQ32" s="281">
        <v>0</v>
      </c>
      <c r="BR32" s="278">
        <v>0</v>
      </c>
      <c r="BS32" s="280">
        <v>0</v>
      </c>
      <c r="BT32" s="281">
        <v>0</v>
      </c>
      <c r="BU32" s="281">
        <v>0</v>
      </c>
      <c r="BV32" s="281">
        <v>0</v>
      </c>
      <c r="BW32" s="281">
        <v>0</v>
      </c>
      <c r="BX32" s="281">
        <v>0</v>
      </c>
      <c r="BY32" s="278">
        <v>0</v>
      </c>
      <c r="BZ32" s="283">
        <v>0</v>
      </c>
      <c r="CA32" s="277">
        <v>0</v>
      </c>
      <c r="CB32" s="281">
        <v>0</v>
      </c>
      <c r="CC32" s="278">
        <v>0</v>
      </c>
      <c r="CD32" s="280">
        <v>0</v>
      </c>
      <c r="CE32" s="281">
        <v>0</v>
      </c>
      <c r="CF32" s="281">
        <v>0</v>
      </c>
      <c r="CG32" s="281">
        <v>0</v>
      </c>
      <c r="CH32" s="281">
        <v>0</v>
      </c>
      <c r="CI32" s="281">
        <v>0</v>
      </c>
      <c r="CJ32" s="278">
        <v>0</v>
      </c>
      <c r="CK32" s="283">
        <v>0</v>
      </c>
      <c r="CL32" s="277">
        <v>0</v>
      </c>
      <c r="CM32" s="281">
        <v>0</v>
      </c>
      <c r="CN32" s="278">
        <v>0</v>
      </c>
      <c r="CO32" s="280">
        <v>0</v>
      </c>
      <c r="CP32" s="281">
        <v>0</v>
      </c>
      <c r="CQ32" s="281">
        <v>0</v>
      </c>
      <c r="CR32" s="281">
        <v>0</v>
      </c>
      <c r="CS32" s="281">
        <v>0</v>
      </c>
      <c r="CT32" s="281">
        <v>0</v>
      </c>
      <c r="CU32" s="278">
        <v>0</v>
      </c>
      <c r="CV32" s="283">
        <v>0</v>
      </c>
    </row>
    <row r="33" spans="1:100" ht="21" customHeight="1" x14ac:dyDescent="0.2">
      <c r="A33" s="262" t="s">
        <v>31</v>
      </c>
      <c r="B33" s="277">
        <v>0</v>
      </c>
      <c r="C33" s="278">
        <v>0</v>
      </c>
      <c r="D33" s="279">
        <v>0</v>
      </c>
      <c r="E33" s="280">
        <v>0</v>
      </c>
      <c r="F33" s="281">
        <v>0</v>
      </c>
      <c r="G33" s="281">
        <v>2</v>
      </c>
      <c r="H33" s="281">
        <v>0</v>
      </c>
      <c r="I33" s="281">
        <v>0</v>
      </c>
      <c r="J33" s="281">
        <v>0</v>
      </c>
      <c r="K33" s="282">
        <v>2</v>
      </c>
      <c r="L33" s="283">
        <v>2</v>
      </c>
      <c r="M33" s="277">
        <v>0</v>
      </c>
      <c r="N33" s="281">
        <v>0</v>
      </c>
      <c r="O33" s="278">
        <v>0</v>
      </c>
      <c r="P33" s="280">
        <v>0</v>
      </c>
      <c r="Q33" s="281">
        <v>0</v>
      </c>
      <c r="R33" s="281">
        <v>0</v>
      </c>
      <c r="S33" s="281">
        <v>0</v>
      </c>
      <c r="T33" s="281">
        <v>0</v>
      </c>
      <c r="U33" s="281">
        <v>0</v>
      </c>
      <c r="V33" s="278">
        <v>0</v>
      </c>
      <c r="W33" s="283">
        <v>0</v>
      </c>
      <c r="X33" s="277">
        <v>0</v>
      </c>
      <c r="Y33" s="281">
        <v>0</v>
      </c>
      <c r="Z33" s="278">
        <v>0</v>
      </c>
      <c r="AA33" s="280">
        <v>0</v>
      </c>
      <c r="AB33" s="281">
        <v>27</v>
      </c>
      <c r="AC33" s="281">
        <v>19</v>
      </c>
      <c r="AD33" s="281">
        <v>7</v>
      </c>
      <c r="AE33" s="281">
        <v>0</v>
      </c>
      <c r="AF33" s="281">
        <v>2</v>
      </c>
      <c r="AG33" s="278">
        <v>55</v>
      </c>
      <c r="AH33" s="283">
        <v>55</v>
      </c>
      <c r="AI33" s="277">
        <v>0</v>
      </c>
      <c r="AJ33" s="281">
        <v>0</v>
      </c>
      <c r="AK33" s="278">
        <v>0</v>
      </c>
      <c r="AL33" s="280">
        <v>0</v>
      </c>
      <c r="AM33" s="281">
        <v>0</v>
      </c>
      <c r="AN33" s="281">
        <v>1</v>
      </c>
      <c r="AO33" s="281">
        <v>1</v>
      </c>
      <c r="AP33" s="281">
        <v>0</v>
      </c>
      <c r="AQ33" s="281">
        <v>0</v>
      </c>
      <c r="AR33" s="278">
        <v>2</v>
      </c>
      <c r="AS33" s="283">
        <v>2</v>
      </c>
      <c r="AT33" s="277">
        <v>0</v>
      </c>
      <c r="AU33" s="281">
        <v>2</v>
      </c>
      <c r="AV33" s="278">
        <v>2</v>
      </c>
      <c r="AW33" s="280">
        <v>0</v>
      </c>
      <c r="AX33" s="281">
        <v>7</v>
      </c>
      <c r="AY33" s="281">
        <v>7</v>
      </c>
      <c r="AZ33" s="281">
        <v>6</v>
      </c>
      <c r="BA33" s="281">
        <v>1</v>
      </c>
      <c r="BB33" s="281">
        <v>1</v>
      </c>
      <c r="BC33" s="278">
        <v>22</v>
      </c>
      <c r="BD33" s="283">
        <v>24</v>
      </c>
      <c r="BE33" s="277">
        <v>0</v>
      </c>
      <c r="BF33" s="281">
        <v>0</v>
      </c>
      <c r="BG33" s="278">
        <v>0</v>
      </c>
      <c r="BH33" s="280">
        <v>0</v>
      </c>
      <c r="BI33" s="281">
        <v>6</v>
      </c>
      <c r="BJ33" s="281">
        <v>10</v>
      </c>
      <c r="BK33" s="281">
        <v>12</v>
      </c>
      <c r="BL33" s="281">
        <v>9</v>
      </c>
      <c r="BM33" s="281">
        <v>3</v>
      </c>
      <c r="BN33" s="282">
        <v>40</v>
      </c>
      <c r="BO33" s="283">
        <v>40</v>
      </c>
      <c r="BP33" s="277">
        <v>0</v>
      </c>
      <c r="BQ33" s="281">
        <v>0</v>
      </c>
      <c r="BR33" s="278">
        <v>0</v>
      </c>
      <c r="BS33" s="280">
        <v>0</v>
      </c>
      <c r="BT33" s="281">
        <v>0</v>
      </c>
      <c r="BU33" s="281">
        <v>0</v>
      </c>
      <c r="BV33" s="281">
        <v>0</v>
      </c>
      <c r="BW33" s="281">
        <v>0</v>
      </c>
      <c r="BX33" s="281">
        <v>0</v>
      </c>
      <c r="BY33" s="278">
        <v>0</v>
      </c>
      <c r="BZ33" s="283">
        <v>0</v>
      </c>
      <c r="CA33" s="277">
        <v>0</v>
      </c>
      <c r="CB33" s="281">
        <v>0</v>
      </c>
      <c r="CC33" s="278">
        <v>0</v>
      </c>
      <c r="CD33" s="280">
        <v>0</v>
      </c>
      <c r="CE33" s="281">
        <v>0</v>
      </c>
      <c r="CF33" s="281">
        <v>0</v>
      </c>
      <c r="CG33" s="281">
        <v>0</v>
      </c>
      <c r="CH33" s="281">
        <v>0</v>
      </c>
      <c r="CI33" s="281">
        <v>0</v>
      </c>
      <c r="CJ33" s="278">
        <v>0</v>
      </c>
      <c r="CK33" s="283">
        <v>0</v>
      </c>
      <c r="CL33" s="277">
        <v>0</v>
      </c>
      <c r="CM33" s="281">
        <v>0</v>
      </c>
      <c r="CN33" s="278">
        <v>0</v>
      </c>
      <c r="CO33" s="280">
        <v>0</v>
      </c>
      <c r="CP33" s="281">
        <v>0</v>
      </c>
      <c r="CQ33" s="281">
        <v>0</v>
      </c>
      <c r="CR33" s="281">
        <v>0</v>
      </c>
      <c r="CS33" s="281">
        <v>0</v>
      </c>
      <c r="CT33" s="281">
        <v>0</v>
      </c>
      <c r="CU33" s="278">
        <v>0</v>
      </c>
      <c r="CV33" s="283">
        <v>0</v>
      </c>
    </row>
    <row r="34" spans="1:100" ht="21" customHeight="1" x14ac:dyDescent="0.2">
      <c r="A34" s="262" t="s">
        <v>32</v>
      </c>
      <c r="B34" s="277">
        <v>0</v>
      </c>
      <c r="C34" s="278">
        <v>0</v>
      </c>
      <c r="D34" s="279">
        <v>0</v>
      </c>
      <c r="E34" s="280">
        <v>0</v>
      </c>
      <c r="F34" s="281">
        <v>2</v>
      </c>
      <c r="G34" s="281">
        <v>1</v>
      </c>
      <c r="H34" s="281">
        <v>2</v>
      </c>
      <c r="I34" s="281">
        <v>2</v>
      </c>
      <c r="J34" s="281">
        <v>0</v>
      </c>
      <c r="K34" s="282">
        <v>7</v>
      </c>
      <c r="L34" s="283">
        <v>7</v>
      </c>
      <c r="M34" s="277">
        <v>0</v>
      </c>
      <c r="N34" s="281">
        <v>0</v>
      </c>
      <c r="O34" s="278">
        <v>0</v>
      </c>
      <c r="P34" s="280">
        <v>0</v>
      </c>
      <c r="Q34" s="281">
        <v>0</v>
      </c>
      <c r="R34" s="281">
        <v>0</v>
      </c>
      <c r="S34" s="281">
        <v>0</v>
      </c>
      <c r="T34" s="281">
        <v>0</v>
      </c>
      <c r="U34" s="281">
        <v>0</v>
      </c>
      <c r="V34" s="278">
        <v>0</v>
      </c>
      <c r="W34" s="283">
        <v>0</v>
      </c>
      <c r="X34" s="277">
        <v>0</v>
      </c>
      <c r="Y34" s="281">
        <v>0</v>
      </c>
      <c r="Z34" s="278">
        <v>0</v>
      </c>
      <c r="AA34" s="280">
        <v>0</v>
      </c>
      <c r="AB34" s="281">
        <v>43</v>
      </c>
      <c r="AC34" s="281">
        <v>23</v>
      </c>
      <c r="AD34" s="281">
        <v>7</v>
      </c>
      <c r="AE34" s="281">
        <v>2</v>
      </c>
      <c r="AF34" s="281">
        <v>2</v>
      </c>
      <c r="AG34" s="278">
        <v>77</v>
      </c>
      <c r="AH34" s="283">
        <v>77</v>
      </c>
      <c r="AI34" s="277">
        <v>0</v>
      </c>
      <c r="AJ34" s="281">
        <v>0</v>
      </c>
      <c r="AK34" s="278">
        <v>0</v>
      </c>
      <c r="AL34" s="280">
        <v>0</v>
      </c>
      <c r="AM34" s="281">
        <v>1</v>
      </c>
      <c r="AN34" s="281">
        <v>0</v>
      </c>
      <c r="AO34" s="281">
        <v>3</v>
      </c>
      <c r="AP34" s="281">
        <v>1</v>
      </c>
      <c r="AQ34" s="281">
        <v>2</v>
      </c>
      <c r="AR34" s="278">
        <v>7</v>
      </c>
      <c r="AS34" s="283">
        <v>7</v>
      </c>
      <c r="AT34" s="277">
        <v>0</v>
      </c>
      <c r="AU34" s="281">
        <v>0</v>
      </c>
      <c r="AV34" s="278">
        <v>0</v>
      </c>
      <c r="AW34" s="280">
        <v>0</v>
      </c>
      <c r="AX34" s="281">
        <v>0</v>
      </c>
      <c r="AY34" s="281">
        <v>0</v>
      </c>
      <c r="AZ34" s="281">
        <v>0</v>
      </c>
      <c r="BA34" s="281">
        <v>2</v>
      </c>
      <c r="BB34" s="281">
        <v>0</v>
      </c>
      <c r="BC34" s="278">
        <v>2</v>
      </c>
      <c r="BD34" s="283">
        <v>2</v>
      </c>
      <c r="BE34" s="277">
        <v>0</v>
      </c>
      <c r="BF34" s="281">
        <v>0</v>
      </c>
      <c r="BG34" s="278">
        <v>0</v>
      </c>
      <c r="BH34" s="280">
        <v>0</v>
      </c>
      <c r="BI34" s="281">
        <v>2</v>
      </c>
      <c r="BJ34" s="281">
        <v>7</v>
      </c>
      <c r="BK34" s="281">
        <v>10</v>
      </c>
      <c r="BL34" s="281">
        <v>8</v>
      </c>
      <c r="BM34" s="281">
        <v>5</v>
      </c>
      <c r="BN34" s="282">
        <v>32</v>
      </c>
      <c r="BO34" s="283">
        <v>32</v>
      </c>
      <c r="BP34" s="277">
        <v>0</v>
      </c>
      <c r="BQ34" s="281">
        <v>0</v>
      </c>
      <c r="BR34" s="278">
        <v>0</v>
      </c>
      <c r="BS34" s="280">
        <v>0</v>
      </c>
      <c r="BT34" s="281">
        <v>0</v>
      </c>
      <c r="BU34" s="281">
        <v>0</v>
      </c>
      <c r="BV34" s="281">
        <v>0</v>
      </c>
      <c r="BW34" s="281">
        <v>0</v>
      </c>
      <c r="BX34" s="281">
        <v>0</v>
      </c>
      <c r="BY34" s="278">
        <v>0</v>
      </c>
      <c r="BZ34" s="283">
        <v>0</v>
      </c>
      <c r="CA34" s="277">
        <v>0</v>
      </c>
      <c r="CB34" s="281">
        <v>0</v>
      </c>
      <c r="CC34" s="278">
        <v>0</v>
      </c>
      <c r="CD34" s="280">
        <v>0</v>
      </c>
      <c r="CE34" s="281">
        <v>1</v>
      </c>
      <c r="CF34" s="281">
        <v>1</v>
      </c>
      <c r="CG34" s="281">
        <v>12</v>
      </c>
      <c r="CH34" s="281">
        <v>11</v>
      </c>
      <c r="CI34" s="281">
        <v>2</v>
      </c>
      <c r="CJ34" s="278">
        <v>27</v>
      </c>
      <c r="CK34" s="283">
        <v>27</v>
      </c>
      <c r="CL34" s="277">
        <v>0</v>
      </c>
      <c r="CM34" s="281">
        <v>0</v>
      </c>
      <c r="CN34" s="278">
        <v>0</v>
      </c>
      <c r="CO34" s="280">
        <v>0</v>
      </c>
      <c r="CP34" s="281">
        <v>0</v>
      </c>
      <c r="CQ34" s="281">
        <v>0</v>
      </c>
      <c r="CR34" s="281">
        <v>0</v>
      </c>
      <c r="CS34" s="281">
        <v>0</v>
      </c>
      <c r="CT34" s="281">
        <v>0</v>
      </c>
      <c r="CU34" s="278">
        <v>0</v>
      </c>
      <c r="CV34" s="283">
        <v>0</v>
      </c>
    </row>
    <row r="35" spans="1:100" ht="21" customHeight="1" x14ac:dyDescent="0.2">
      <c r="A35" s="262" t="s">
        <v>33</v>
      </c>
      <c r="B35" s="277">
        <v>0</v>
      </c>
      <c r="C35" s="278">
        <v>0</v>
      </c>
      <c r="D35" s="279">
        <v>0</v>
      </c>
      <c r="E35" s="280">
        <v>0</v>
      </c>
      <c r="F35" s="281">
        <v>0</v>
      </c>
      <c r="G35" s="281">
        <v>0</v>
      </c>
      <c r="H35" s="281">
        <v>0</v>
      </c>
      <c r="I35" s="281">
        <v>0</v>
      </c>
      <c r="J35" s="281">
        <v>0</v>
      </c>
      <c r="K35" s="282">
        <v>0</v>
      </c>
      <c r="L35" s="283">
        <v>0</v>
      </c>
      <c r="M35" s="277">
        <v>0</v>
      </c>
      <c r="N35" s="281">
        <v>0</v>
      </c>
      <c r="O35" s="278">
        <v>0</v>
      </c>
      <c r="P35" s="280">
        <v>0</v>
      </c>
      <c r="Q35" s="281">
        <v>0</v>
      </c>
      <c r="R35" s="281">
        <v>0</v>
      </c>
      <c r="S35" s="281">
        <v>0</v>
      </c>
      <c r="T35" s="281">
        <v>0</v>
      </c>
      <c r="U35" s="281">
        <v>0</v>
      </c>
      <c r="V35" s="278">
        <v>0</v>
      </c>
      <c r="W35" s="283">
        <v>0</v>
      </c>
      <c r="X35" s="277">
        <v>0</v>
      </c>
      <c r="Y35" s="281">
        <v>0</v>
      </c>
      <c r="Z35" s="278">
        <v>0</v>
      </c>
      <c r="AA35" s="280">
        <v>0</v>
      </c>
      <c r="AB35" s="281">
        <v>32</v>
      </c>
      <c r="AC35" s="281">
        <v>15</v>
      </c>
      <c r="AD35" s="281">
        <v>8</v>
      </c>
      <c r="AE35" s="281">
        <v>3</v>
      </c>
      <c r="AF35" s="281">
        <v>2</v>
      </c>
      <c r="AG35" s="278">
        <v>60</v>
      </c>
      <c r="AH35" s="283">
        <v>60</v>
      </c>
      <c r="AI35" s="277">
        <v>0</v>
      </c>
      <c r="AJ35" s="281">
        <v>0</v>
      </c>
      <c r="AK35" s="278">
        <v>0</v>
      </c>
      <c r="AL35" s="280">
        <v>0</v>
      </c>
      <c r="AM35" s="281">
        <v>1</v>
      </c>
      <c r="AN35" s="281">
        <v>0</v>
      </c>
      <c r="AO35" s="281">
        <v>0</v>
      </c>
      <c r="AP35" s="281">
        <v>0</v>
      </c>
      <c r="AQ35" s="281">
        <v>0</v>
      </c>
      <c r="AR35" s="278">
        <v>1</v>
      </c>
      <c r="AS35" s="283">
        <v>1</v>
      </c>
      <c r="AT35" s="277">
        <v>0</v>
      </c>
      <c r="AU35" s="281">
        <v>0</v>
      </c>
      <c r="AV35" s="278">
        <v>0</v>
      </c>
      <c r="AW35" s="280">
        <v>0</v>
      </c>
      <c r="AX35" s="281">
        <v>0</v>
      </c>
      <c r="AY35" s="281">
        <v>0</v>
      </c>
      <c r="AZ35" s="281">
        <v>0</v>
      </c>
      <c r="BA35" s="281">
        <v>0</v>
      </c>
      <c r="BB35" s="281">
        <v>0</v>
      </c>
      <c r="BC35" s="278">
        <v>0</v>
      </c>
      <c r="BD35" s="283">
        <v>0</v>
      </c>
      <c r="BE35" s="277">
        <v>0</v>
      </c>
      <c r="BF35" s="281">
        <v>2</v>
      </c>
      <c r="BG35" s="278">
        <v>2</v>
      </c>
      <c r="BH35" s="280">
        <v>0</v>
      </c>
      <c r="BI35" s="281">
        <v>2</v>
      </c>
      <c r="BJ35" s="281">
        <v>3</v>
      </c>
      <c r="BK35" s="281">
        <v>8</v>
      </c>
      <c r="BL35" s="281">
        <v>1</v>
      </c>
      <c r="BM35" s="281">
        <v>1</v>
      </c>
      <c r="BN35" s="282">
        <v>15</v>
      </c>
      <c r="BO35" s="283">
        <v>17</v>
      </c>
      <c r="BP35" s="277">
        <v>0</v>
      </c>
      <c r="BQ35" s="281">
        <v>0</v>
      </c>
      <c r="BR35" s="278">
        <v>0</v>
      </c>
      <c r="BS35" s="280">
        <v>0</v>
      </c>
      <c r="BT35" s="281">
        <v>0</v>
      </c>
      <c r="BU35" s="281">
        <v>0</v>
      </c>
      <c r="BV35" s="281">
        <v>0</v>
      </c>
      <c r="BW35" s="281">
        <v>0</v>
      </c>
      <c r="BX35" s="281">
        <v>0</v>
      </c>
      <c r="BY35" s="278">
        <v>0</v>
      </c>
      <c r="BZ35" s="283">
        <v>0</v>
      </c>
      <c r="CA35" s="277">
        <v>0</v>
      </c>
      <c r="CB35" s="281">
        <v>0</v>
      </c>
      <c r="CC35" s="278">
        <v>0</v>
      </c>
      <c r="CD35" s="280">
        <v>0</v>
      </c>
      <c r="CE35" s="281">
        <v>0</v>
      </c>
      <c r="CF35" s="281">
        <v>0</v>
      </c>
      <c r="CG35" s="281">
        <v>0</v>
      </c>
      <c r="CH35" s="281">
        <v>0</v>
      </c>
      <c r="CI35" s="281">
        <v>0</v>
      </c>
      <c r="CJ35" s="278">
        <v>0</v>
      </c>
      <c r="CK35" s="283">
        <v>0</v>
      </c>
      <c r="CL35" s="277">
        <v>0</v>
      </c>
      <c r="CM35" s="281">
        <v>0</v>
      </c>
      <c r="CN35" s="278">
        <v>0</v>
      </c>
      <c r="CO35" s="280">
        <v>0</v>
      </c>
      <c r="CP35" s="281">
        <v>7</v>
      </c>
      <c r="CQ35" s="281">
        <v>8</v>
      </c>
      <c r="CR35" s="281">
        <v>6</v>
      </c>
      <c r="CS35" s="281">
        <v>2</v>
      </c>
      <c r="CT35" s="281">
        <v>2</v>
      </c>
      <c r="CU35" s="278">
        <v>25</v>
      </c>
      <c r="CV35" s="283">
        <v>25</v>
      </c>
    </row>
    <row r="36" spans="1:100" ht="21" customHeight="1" x14ac:dyDescent="0.2">
      <c r="A36" s="262" t="s">
        <v>34</v>
      </c>
      <c r="B36" s="277">
        <v>0</v>
      </c>
      <c r="C36" s="278">
        <v>0</v>
      </c>
      <c r="D36" s="279">
        <v>0</v>
      </c>
      <c r="E36" s="280">
        <v>0</v>
      </c>
      <c r="F36" s="281">
        <v>0</v>
      </c>
      <c r="G36" s="281">
        <v>0</v>
      </c>
      <c r="H36" s="281">
        <v>0</v>
      </c>
      <c r="I36" s="281">
        <v>0</v>
      </c>
      <c r="J36" s="281">
        <v>0</v>
      </c>
      <c r="K36" s="282">
        <v>0</v>
      </c>
      <c r="L36" s="283">
        <v>0</v>
      </c>
      <c r="M36" s="277">
        <v>0</v>
      </c>
      <c r="N36" s="281">
        <v>0</v>
      </c>
      <c r="O36" s="278">
        <v>0</v>
      </c>
      <c r="P36" s="280">
        <v>0</v>
      </c>
      <c r="Q36" s="281">
        <v>0</v>
      </c>
      <c r="R36" s="281">
        <v>0</v>
      </c>
      <c r="S36" s="281">
        <v>0</v>
      </c>
      <c r="T36" s="281">
        <v>0</v>
      </c>
      <c r="U36" s="281">
        <v>0</v>
      </c>
      <c r="V36" s="278">
        <v>0</v>
      </c>
      <c r="W36" s="283">
        <v>0</v>
      </c>
      <c r="X36" s="277">
        <v>0</v>
      </c>
      <c r="Y36" s="281">
        <v>0</v>
      </c>
      <c r="Z36" s="278">
        <v>0</v>
      </c>
      <c r="AA36" s="280">
        <v>0</v>
      </c>
      <c r="AB36" s="281">
        <v>18</v>
      </c>
      <c r="AC36" s="281">
        <v>4</v>
      </c>
      <c r="AD36" s="281">
        <v>4</v>
      </c>
      <c r="AE36" s="281">
        <v>2</v>
      </c>
      <c r="AF36" s="281">
        <v>0</v>
      </c>
      <c r="AG36" s="278">
        <v>28</v>
      </c>
      <c r="AH36" s="283">
        <v>28</v>
      </c>
      <c r="AI36" s="277">
        <v>0</v>
      </c>
      <c r="AJ36" s="281">
        <v>0</v>
      </c>
      <c r="AK36" s="278">
        <v>0</v>
      </c>
      <c r="AL36" s="280">
        <v>0</v>
      </c>
      <c r="AM36" s="281">
        <v>0</v>
      </c>
      <c r="AN36" s="281">
        <v>0</v>
      </c>
      <c r="AO36" s="281">
        <v>0</v>
      </c>
      <c r="AP36" s="281">
        <v>1</v>
      </c>
      <c r="AQ36" s="281">
        <v>0</v>
      </c>
      <c r="AR36" s="278">
        <v>1</v>
      </c>
      <c r="AS36" s="283">
        <v>1</v>
      </c>
      <c r="AT36" s="277">
        <v>2</v>
      </c>
      <c r="AU36" s="281">
        <v>2</v>
      </c>
      <c r="AV36" s="278">
        <v>4</v>
      </c>
      <c r="AW36" s="280">
        <v>0</v>
      </c>
      <c r="AX36" s="281">
        <v>8</v>
      </c>
      <c r="AY36" s="281">
        <v>7</v>
      </c>
      <c r="AZ36" s="281">
        <v>4</v>
      </c>
      <c r="BA36" s="281">
        <v>2</v>
      </c>
      <c r="BB36" s="281">
        <v>0</v>
      </c>
      <c r="BC36" s="278">
        <v>21</v>
      </c>
      <c r="BD36" s="283">
        <v>25</v>
      </c>
      <c r="BE36" s="277">
        <v>0</v>
      </c>
      <c r="BF36" s="281">
        <v>0</v>
      </c>
      <c r="BG36" s="278">
        <v>0</v>
      </c>
      <c r="BH36" s="280">
        <v>0</v>
      </c>
      <c r="BI36" s="281">
        <v>2</v>
      </c>
      <c r="BJ36" s="281">
        <v>3</v>
      </c>
      <c r="BK36" s="281">
        <v>2</v>
      </c>
      <c r="BL36" s="281">
        <v>3</v>
      </c>
      <c r="BM36" s="281">
        <v>4</v>
      </c>
      <c r="BN36" s="282">
        <v>14</v>
      </c>
      <c r="BO36" s="283">
        <v>14</v>
      </c>
      <c r="BP36" s="277">
        <v>0</v>
      </c>
      <c r="BQ36" s="281">
        <v>0</v>
      </c>
      <c r="BR36" s="278">
        <v>0</v>
      </c>
      <c r="BS36" s="280">
        <v>0</v>
      </c>
      <c r="BT36" s="281">
        <v>0</v>
      </c>
      <c r="BU36" s="281">
        <v>0</v>
      </c>
      <c r="BV36" s="281">
        <v>0</v>
      </c>
      <c r="BW36" s="281">
        <v>0</v>
      </c>
      <c r="BX36" s="281">
        <v>0</v>
      </c>
      <c r="BY36" s="278">
        <v>0</v>
      </c>
      <c r="BZ36" s="283">
        <v>0</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3</v>
      </c>
      <c r="CQ36" s="281">
        <v>13</v>
      </c>
      <c r="CR36" s="281">
        <v>4</v>
      </c>
      <c r="CS36" s="281">
        <v>5</v>
      </c>
      <c r="CT36" s="281">
        <v>0</v>
      </c>
      <c r="CU36" s="278">
        <v>25</v>
      </c>
      <c r="CV36" s="283">
        <v>25</v>
      </c>
    </row>
    <row r="37" spans="1:100" ht="21" customHeight="1" x14ac:dyDescent="0.2">
      <c r="A37" s="262" t="s">
        <v>35</v>
      </c>
      <c r="B37" s="277">
        <v>0</v>
      </c>
      <c r="C37" s="278">
        <v>0</v>
      </c>
      <c r="D37" s="279">
        <v>0</v>
      </c>
      <c r="E37" s="280">
        <v>0</v>
      </c>
      <c r="F37" s="281">
        <v>0</v>
      </c>
      <c r="G37" s="281">
        <v>1</v>
      </c>
      <c r="H37" s="281">
        <v>1</v>
      </c>
      <c r="I37" s="281">
        <v>1</v>
      </c>
      <c r="J37" s="281">
        <v>0</v>
      </c>
      <c r="K37" s="282">
        <v>3</v>
      </c>
      <c r="L37" s="283">
        <v>3</v>
      </c>
      <c r="M37" s="277">
        <v>0</v>
      </c>
      <c r="N37" s="281">
        <v>0</v>
      </c>
      <c r="O37" s="278">
        <v>0</v>
      </c>
      <c r="P37" s="280">
        <v>0</v>
      </c>
      <c r="Q37" s="281">
        <v>0</v>
      </c>
      <c r="R37" s="281">
        <v>0</v>
      </c>
      <c r="S37" s="281">
        <v>0</v>
      </c>
      <c r="T37" s="281">
        <v>0</v>
      </c>
      <c r="U37" s="281">
        <v>0</v>
      </c>
      <c r="V37" s="278">
        <v>0</v>
      </c>
      <c r="W37" s="283">
        <v>0</v>
      </c>
      <c r="X37" s="277">
        <v>0</v>
      </c>
      <c r="Y37" s="281">
        <v>0</v>
      </c>
      <c r="Z37" s="278">
        <v>0</v>
      </c>
      <c r="AA37" s="280">
        <v>0</v>
      </c>
      <c r="AB37" s="281">
        <v>15</v>
      </c>
      <c r="AC37" s="281">
        <v>16</v>
      </c>
      <c r="AD37" s="281">
        <v>9</v>
      </c>
      <c r="AE37" s="281">
        <v>9</v>
      </c>
      <c r="AF37" s="281">
        <v>1</v>
      </c>
      <c r="AG37" s="278">
        <v>50</v>
      </c>
      <c r="AH37" s="283">
        <v>50</v>
      </c>
      <c r="AI37" s="277">
        <v>0</v>
      </c>
      <c r="AJ37" s="281">
        <v>0</v>
      </c>
      <c r="AK37" s="278">
        <v>0</v>
      </c>
      <c r="AL37" s="280">
        <v>0</v>
      </c>
      <c r="AM37" s="281">
        <v>0</v>
      </c>
      <c r="AN37" s="281">
        <v>0</v>
      </c>
      <c r="AO37" s="281">
        <v>0</v>
      </c>
      <c r="AP37" s="281">
        <v>0</v>
      </c>
      <c r="AQ37" s="281">
        <v>0</v>
      </c>
      <c r="AR37" s="278">
        <v>0</v>
      </c>
      <c r="AS37" s="283">
        <v>0</v>
      </c>
      <c r="AT37" s="277">
        <v>0</v>
      </c>
      <c r="AU37" s="281">
        <v>3</v>
      </c>
      <c r="AV37" s="278">
        <v>3</v>
      </c>
      <c r="AW37" s="280">
        <v>0</v>
      </c>
      <c r="AX37" s="281">
        <v>8</v>
      </c>
      <c r="AY37" s="281">
        <v>8</v>
      </c>
      <c r="AZ37" s="281">
        <v>7</v>
      </c>
      <c r="BA37" s="281">
        <v>1</v>
      </c>
      <c r="BB37" s="281">
        <v>3</v>
      </c>
      <c r="BC37" s="278">
        <v>27</v>
      </c>
      <c r="BD37" s="283">
        <v>30</v>
      </c>
      <c r="BE37" s="277">
        <v>0</v>
      </c>
      <c r="BF37" s="281">
        <v>0</v>
      </c>
      <c r="BG37" s="278">
        <v>0</v>
      </c>
      <c r="BH37" s="280">
        <v>0</v>
      </c>
      <c r="BI37" s="281">
        <v>8</v>
      </c>
      <c r="BJ37" s="281">
        <v>16</v>
      </c>
      <c r="BK37" s="281">
        <v>18</v>
      </c>
      <c r="BL37" s="281">
        <v>14</v>
      </c>
      <c r="BM37" s="281">
        <v>4</v>
      </c>
      <c r="BN37" s="282">
        <v>60</v>
      </c>
      <c r="BO37" s="283">
        <v>60</v>
      </c>
      <c r="BP37" s="277">
        <v>0</v>
      </c>
      <c r="BQ37" s="281">
        <v>0</v>
      </c>
      <c r="BR37" s="278">
        <v>0</v>
      </c>
      <c r="BS37" s="280">
        <v>0</v>
      </c>
      <c r="BT37" s="281">
        <v>0</v>
      </c>
      <c r="BU37" s="281">
        <v>0</v>
      </c>
      <c r="BV37" s="281">
        <v>0</v>
      </c>
      <c r="BW37" s="281">
        <v>0</v>
      </c>
      <c r="BX37" s="281">
        <v>0</v>
      </c>
      <c r="BY37" s="278">
        <v>0</v>
      </c>
      <c r="BZ37" s="283">
        <v>0</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row>
    <row r="38" spans="1:100" ht="21" customHeight="1" x14ac:dyDescent="0.2">
      <c r="A38" s="262" t="s">
        <v>36</v>
      </c>
      <c r="B38" s="277">
        <v>0</v>
      </c>
      <c r="C38" s="278">
        <v>0</v>
      </c>
      <c r="D38" s="279">
        <v>0</v>
      </c>
      <c r="E38" s="280">
        <v>0</v>
      </c>
      <c r="F38" s="281">
        <v>0</v>
      </c>
      <c r="G38" s="281">
        <v>0</v>
      </c>
      <c r="H38" s="281">
        <v>0</v>
      </c>
      <c r="I38" s="281">
        <v>0</v>
      </c>
      <c r="J38" s="281">
        <v>0</v>
      </c>
      <c r="K38" s="282">
        <v>0</v>
      </c>
      <c r="L38" s="283">
        <v>0</v>
      </c>
      <c r="M38" s="277">
        <v>0</v>
      </c>
      <c r="N38" s="281">
        <v>0</v>
      </c>
      <c r="O38" s="278">
        <v>0</v>
      </c>
      <c r="P38" s="280">
        <v>0</v>
      </c>
      <c r="Q38" s="281">
        <v>0</v>
      </c>
      <c r="R38" s="281">
        <v>0</v>
      </c>
      <c r="S38" s="281">
        <v>0</v>
      </c>
      <c r="T38" s="281">
        <v>0</v>
      </c>
      <c r="U38" s="281">
        <v>0</v>
      </c>
      <c r="V38" s="278">
        <v>0</v>
      </c>
      <c r="W38" s="283">
        <v>0</v>
      </c>
      <c r="X38" s="277">
        <v>0</v>
      </c>
      <c r="Y38" s="281">
        <v>0</v>
      </c>
      <c r="Z38" s="278">
        <v>0</v>
      </c>
      <c r="AA38" s="280">
        <v>0</v>
      </c>
      <c r="AB38" s="281">
        <v>60</v>
      </c>
      <c r="AC38" s="281">
        <v>51</v>
      </c>
      <c r="AD38" s="281">
        <v>28</v>
      </c>
      <c r="AE38" s="281">
        <v>12</v>
      </c>
      <c r="AF38" s="281">
        <v>11</v>
      </c>
      <c r="AG38" s="278">
        <v>162</v>
      </c>
      <c r="AH38" s="283">
        <v>162</v>
      </c>
      <c r="AI38" s="277">
        <v>0</v>
      </c>
      <c r="AJ38" s="281">
        <v>0</v>
      </c>
      <c r="AK38" s="278">
        <v>0</v>
      </c>
      <c r="AL38" s="280">
        <v>0</v>
      </c>
      <c r="AM38" s="281">
        <v>0</v>
      </c>
      <c r="AN38" s="281">
        <v>0</v>
      </c>
      <c r="AO38" s="281">
        <v>0</v>
      </c>
      <c r="AP38" s="281">
        <v>0</v>
      </c>
      <c r="AQ38" s="281">
        <v>0</v>
      </c>
      <c r="AR38" s="278">
        <v>0</v>
      </c>
      <c r="AS38" s="283">
        <v>0</v>
      </c>
      <c r="AT38" s="277">
        <v>0</v>
      </c>
      <c r="AU38" s="281">
        <v>1</v>
      </c>
      <c r="AV38" s="278">
        <v>1</v>
      </c>
      <c r="AW38" s="280">
        <v>0</v>
      </c>
      <c r="AX38" s="281">
        <v>6</v>
      </c>
      <c r="AY38" s="281">
        <v>9</v>
      </c>
      <c r="AZ38" s="281">
        <v>6</v>
      </c>
      <c r="BA38" s="281">
        <v>3</v>
      </c>
      <c r="BB38" s="281">
        <v>0</v>
      </c>
      <c r="BC38" s="278">
        <v>24</v>
      </c>
      <c r="BD38" s="283">
        <v>25</v>
      </c>
      <c r="BE38" s="277">
        <v>0</v>
      </c>
      <c r="BF38" s="281">
        <v>0</v>
      </c>
      <c r="BG38" s="278">
        <v>0</v>
      </c>
      <c r="BH38" s="280">
        <v>0</v>
      </c>
      <c r="BI38" s="281">
        <v>5</v>
      </c>
      <c r="BJ38" s="281">
        <v>6</v>
      </c>
      <c r="BK38" s="281">
        <v>14</v>
      </c>
      <c r="BL38" s="281">
        <v>8</v>
      </c>
      <c r="BM38" s="281">
        <v>1</v>
      </c>
      <c r="BN38" s="282">
        <v>34</v>
      </c>
      <c r="BO38" s="283">
        <v>34</v>
      </c>
      <c r="BP38" s="277">
        <v>0</v>
      </c>
      <c r="BQ38" s="281">
        <v>0</v>
      </c>
      <c r="BR38" s="278">
        <v>0</v>
      </c>
      <c r="BS38" s="280">
        <v>0</v>
      </c>
      <c r="BT38" s="281">
        <v>0</v>
      </c>
      <c r="BU38" s="281">
        <v>0</v>
      </c>
      <c r="BV38" s="281">
        <v>0</v>
      </c>
      <c r="BW38" s="281">
        <v>0</v>
      </c>
      <c r="BX38" s="281">
        <v>0</v>
      </c>
      <c r="BY38" s="278">
        <v>0</v>
      </c>
      <c r="BZ38" s="283">
        <v>0</v>
      </c>
      <c r="CA38" s="277">
        <v>0</v>
      </c>
      <c r="CB38" s="281">
        <v>0</v>
      </c>
      <c r="CC38" s="278">
        <v>0</v>
      </c>
      <c r="CD38" s="280">
        <v>0</v>
      </c>
      <c r="CE38" s="281">
        <v>0</v>
      </c>
      <c r="CF38" s="281">
        <v>0</v>
      </c>
      <c r="CG38" s="281">
        <v>0</v>
      </c>
      <c r="CH38" s="281">
        <v>0</v>
      </c>
      <c r="CI38" s="281">
        <v>0</v>
      </c>
      <c r="CJ38" s="278">
        <v>0</v>
      </c>
      <c r="CK38" s="283">
        <v>0</v>
      </c>
      <c r="CL38" s="277">
        <v>0</v>
      </c>
      <c r="CM38" s="281">
        <v>0</v>
      </c>
      <c r="CN38" s="278">
        <v>0</v>
      </c>
      <c r="CO38" s="280">
        <v>0</v>
      </c>
      <c r="CP38" s="281">
        <v>0</v>
      </c>
      <c r="CQ38" s="281">
        <v>0</v>
      </c>
      <c r="CR38" s="281">
        <v>0</v>
      </c>
      <c r="CS38" s="281">
        <v>0</v>
      </c>
      <c r="CT38" s="281">
        <v>0</v>
      </c>
      <c r="CU38" s="278">
        <v>0</v>
      </c>
      <c r="CV38" s="283">
        <v>0</v>
      </c>
    </row>
    <row r="39" spans="1:100" ht="21" customHeight="1" thickBot="1" x14ac:dyDescent="0.25">
      <c r="A39" s="263" t="s">
        <v>37</v>
      </c>
      <c r="B39" s="284">
        <v>0</v>
      </c>
      <c r="C39" s="285">
        <v>0</v>
      </c>
      <c r="D39" s="286">
        <v>0</v>
      </c>
      <c r="E39" s="287">
        <v>0</v>
      </c>
      <c r="F39" s="288">
        <v>0</v>
      </c>
      <c r="G39" s="288">
        <v>0</v>
      </c>
      <c r="H39" s="288">
        <v>1</v>
      </c>
      <c r="I39" s="288">
        <v>0</v>
      </c>
      <c r="J39" s="288">
        <v>0</v>
      </c>
      <c r="K39" s="289">
        <v>1</v>
      </c>
      <c r="L39" s="290">
        <v>1</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17</v>
      </c>
      <c r="AC39" s="288">
        <v>8</v>
      </c>
      <c r="AD39" s="288">
        <v>6</v>
      </c>
      <c r="AE39" s="288">
        <v>0</v>
      </c>
      <c r="AF39" s="288">
        <v>2</v>
      </c>
      <c r="AG39" s="285">
        <v>33</v>
      </c>
      <c r="AH39" s="290">
        <v>33</v>
      </c>
      <c r="AI39" s="284">
        <v>0</v>
      </c>
      <c r="AJ39" s="288">
        <v>0</v>
      </c>
      <c r="AK39" s="285">
        <v>0</v>
      </c>
      <c r="AL39" s="287">
        <v>0</v>
      </c>
      <c r="AM39" s="288">
        <v>1</v>
      </c>
      <c r="AN39" s="288">
        <v>0</v>
      </c>
      <c r="AO39" s="288">
        <v>1</v>
      </c>
      <c r="AP39" s="288">
        <v>1</v>
      </c>
      <c r="AQ39" s="288">
        <v>0</v>
      </c>
      <c r="AR39" s="285">
        <v>3</v>
      </c>
      <c r="AS39" s="290">
        <v>3</v>
      </c>
      <c r="AT39" s="284">
        <v>0</v>
      </c>
      <c r="AU39" s="288">
        <v>0</v>
      </c>
      <c r="AV39" s="285">
        <v>0</v>
      </c>
      <c r="AW39" s="287">
        <v>0</v>
      </c>
      <c r="AX39" s="288">
        <v>0</v>
      </c>
      <c r="AY39" s="288">
        <v>0</v>
      </c>
      <c r="AZ39" s="288">
        <v>0</v>
      </c>
      <c r="BA39" s="288">
        <v>0</v>
      </c>
      <c r="BB39" s="288">
        <v>0</v>
      </c>
      <c r="BC39" s="285">
        <v>0</v>
      </c>
      <c r="BD39" s="290">
        <v>0</v>
      </c>
      <c r="BE39" s="284">
        <v>0</v>
      </c>
      <c r="BF39" s="288">
        <v>0</v>
      </c>
      <c r="BG39" s="285">
        <v>0</v>
      </c>
      <c r="BH39" s="287">
        <v>0</v>
      </c>
      <c r="BI39" s="288">
        <v>2</v>
      </c>
      <c r="BJ39" s="288">
        <v>0</v>
      </c>
      <c r="BK39" s="288">
        <v>3</v>
      </c>
      <c r="BL39" s="288">
        <v>0</v>
      </c>
      <c r="BM39" s="288">
        <v>0</v>
      </c>
      <c r="BN39" s="289">
        <v>5</v>
      </c>
      <c r="BO39" s="290">
        <v>5</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0</v>
      </c>
      <c r="CI39" s="288">
        <v>0</v>
      </c>
      <c r="CJ39" s="285">
        <v>0</v>
      </c>
      <c r="CK39" s="290">
        <v>0</v>
      </c>
      <c r="CL39" s="284">
        <v>0</v>
      </c>
      <c r="CM39" s="288">
        <v>0</v>
      </c>
      <c r="CN39" s="285">
        <v>0</v>
      </c>
      <c r="CO39" s="287">
        <v>0</v>
      </c>
      <c r="CP39" s="288">
        <v>0</v>
      </c>
      <c r="CQ39" s="288">
        <v>0</v>
      </c>
      <c r="CR39" s="288">
        <v>0</v>
      </c>
      <c r="CS39" s="288">
        <v>0</v>
      </c>
      <c r="CT39" s="288">
        <v>0</v>
      </c>
      <c r="CU39" s="285">
        <v>0</v>
      </c>
      <c r="CV39" s="290">
        <v>0</v>
      </c>
    </row>
  </sheetData>
  <mergeCells count="39">
    <mergeCell ref="P4:V4"/>
    <mergeCell ref="AT3:BD3"/>
    <mergeCell ref="H1:I1"/>
    <mergeCell ref="K1:L1"/>
    <mergeCell ref="BZ4:BZ5"/>
    <mergeCell ref="BE3:BO3"/>
    <mergeCell ref="BP3:BZ3"/>
    <mergeCell ref="BO4:BO5"/>
    <mergeCell ref="BD4:BD5"/>
    <mergeCell ref="A3:A5"/>
    <mergeCell ref="AH4:AH5"/>
    <mergeCell ref="AI4:AK4"/>
    <mergeCell ref="B3:L3"/>
    <mergeCell ref="M3:W3"/>
    <mergeCell ref="X3:AH3"/>
    <mergeCell ref="AI3:AS3"/>
    <mergeCell ref="AL4:AR4"/>
    <mergeCell ref="AS4:AS5"/>
    <mergeCell ref="B4:D4"/>
    <mergeCell ref="E4:K4"/>
    <mergeCell ref="L4:L5"/>
    <mergeCell ref="W4:W5"/>
    <mergeCell ref="X4:Z4"/>
    <mergeCell ref="AA4:AG4"/>
    <mergeCell ref="M4:O4"/>
    <mergeCell ref="CL3:CV3"/>
    <mergeCell ref="CO4:CU4"/>
    <mergeCell ref="CL4:CN4"/>
    <mergeCell ref="CA4:CC4"/>
    <mergeCell ref="AT4:AV4"/>
    <mergeCell ref="AW4:BC4"/>
    <mergeCell ref="CD4:CJ4"/>
    <mergeCell ref="BE4:BG4"/>
    <mergeCell ref="BH4:BN4"/>
    <mergeCell ref="BP4:BR4"/>
    <mergeCell ref="BS4:BY4"/>
    <mergeCell ref="CA3:CK3"/>
    <mergeCell ref="CV4:CV5"/>
    <mergeCell ref="CK4:CK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8.44140625" style="256" customWidth="1"/>
    <col min="7" max="7" width="8.77734375" style="256" customWidth="1"/>
    <col min="8" max="15" width="9" style="256"/>
    <col min="16" max="16" width="7.21875" style="256" customWidth="1"/>
    <col min="17" max="26" width="9" style="256"/>
    <col min="27" max="27" width="7.6640625" style="256" customWidth="1"/>
    <col min="28" max="37" width="9" style="256"/>
    <col min="38" max="38" width="8.5546875" style="256" customWidth="1"/>
    <col min="39" max="48" width="9" style="256"/>
    <col min="49" max="49" width="7.6640625" style="256" customWidth="1"/>
    <col min="50" max="59" width="9" style="256"/>
    <col min="60" max="60" width="7.21875" style="256" customWidth="1"/>
    <col min="61" max="70" width="9" style="256"/>
    <col min="71" max="71" width="7.21875" style="256" customWidth="1"/>
    <col min="72" max="81" width="9" style="256"/>
    <col min="82" max="82" width="7.33203125" style="256" customWidth="1"/>
    <col min="83" max="92" width="9" style="256"/>
    <col min="93" max="93" width="7.44140625" style="256" customWidth="1"/>
    <col min="94" max="16384" width="9" style="256"/>
  </cols>
  <sheetData>
    <row r="1" spans="1:100" ht="22.5" customHeight="1" x14ac:dyDescent="0.2">
      <c r="A1" s="291" t="s">
        <v>124</v>
      </c>
      <c r="H1" s="528">
        <f>第１表!F2</f>
        <v>4</v>
      </c>
      <c r="I1" s="528"/>
      <c r="J1" s="248">
        <f>第１表!G2</f>
        <v>5</v>
      </c>
      <c r="K1" s="529">
        <f>IF(J1&lt;3,J1+12-2,J1-2)</f>
        <v>3</v>
      </c>
      <c r="L1" s="529"/>
    </row>
    <row r="2" spans="1:100" s="292" customFormat="1" ht="21" customHeight="1" thickBot="1" x14ac:dyDescent="0.25">
      <c r="A2" s="291" t="s">
        <v>131</v>
      </c>
    </row>
    <row r="3" spans="1:100" ht="23.25" customHeight="1" thickBot="1" x14ac:dyDescent="0.25">
      <c r="A3" s="537"/>
      <c r="B3" s="540" t="s">
        <v>94</v>
      </c>
      <c r="C3" s="541"/>
      <c r="D3" s="541"/>
      <c r="E3" s="541"/>
      <c r="F3" s="541"/>
      <c r="G3" s="541"/>
      <c r="H3" s="541"/>
      <c r="I3" s="541"/>
      <c r="J3" s="541"/>
      <c r="K3" s="541"/>
      <c r="L3" s="542"/>
      <c r="M3" s="540" t="s">
        <v>88</v>
      </c>
      <c r="N3" s="541"/>
      <c r="O3" s="541"/>
      <c r="P3" s="541"/>
      <c r="Q3" s="541"/>
      <c r="R3" s="541"/>
      <c r="S3" s="541"/>
      <c r="T3" s="541"/>
      <c r="U3" s="541"/>
      <c r="V3" s="541"/>
      <c r="W3" s="542"/>
      <c r="X3" s="540" t="s">
        <v>142</v>
      </c>
      <c r="Y3" s="541"/>
      <c r="Z3" s="541"/>
      <c r="AA3" s="541"/>
      <c r="AB3" s="541"/>
      <c r="AC3" s="541"/>
      <c r="AD3" s="541"/>
      <c r="AE3" s="541"/>
      <c r="AF3" s="541"/>
      <c r="AG3" s="541"/>
      <c r="AH3" s="542"/>
      <c r="AI3" s="540" t="s">
        <v>90</v>
      </c>
      <c r="AJ3" s="541"/>
      <c r="AK3" s="541"/>
      <c r="AL3" s="541"/>
      <c r="AM3" s="541"/>
      <c r="AN3" s="541"/>
      <c r="AO3" s="541"/>
      <c r="AP3" s="541"/>
      <c r="AQ3" s="541"/>
      <c r="AR3" s="541"/>
      <c r="AS3" s="542"/>
      <c r="AT3" s="546" t="s">
        <v>89</v>
      </c>
      <c r="AU3" s="547"/>
      <c r="AV3" s="547"/>
      <c r="AW3" s="547"/>
      <c r="AX3" s="547"/>
      <c r="AY3" s="547"/>
      <c r="AZ3" s="547"/>
      <c r="BA3" s="547"/>
      <c r="BB3" s="547"/>
      <c r="BC3" s="547"/>
      <c r="BD3" s="548"/>
      <c r="BE3" s="546" t="s">
        <v>91</v>
      </c>
      <c r="BF3" s="547"/>
      <c r="BG3" s="547"/>
      <c r="BH3" s="547"/>
      <c r="BI3" s="547"/>
      <c r="BJ3" s="547"/>
      <c r="BK3" s="547"/>
      <c r="BL3" s="547"/>
      <c r="BM3" s="547"/>
      <c r="BN3" s="547"/>
      <c r="BO3" s="548"/>
      <c r="BP3" s="546" t="s">
        <v>92</v>
      </c>
      <c r="BQ3" s="547"/>
      <c r="BR3" s="547"/>
      <c r="BS3" s="547"/>
      <c r="BT3" s="547"/>
      <c r="BU3" s="547"/>
      <c r="BV3" s="547"/>
      <c r="BW3" s="547"/>
      <c r="BX3" s="547"/>
      <c r="BY3" s="547"/>
      <c r="BZ3" s="548"/>
      <c r="CA3" s="546" t="s">
        <v>93</v>
      </c>
      <c r="CB3" s="547"/>
      <c r="CC3" s="547"/>
      <c r="CD3" s="547"/>
      <c r="CE3" s="547"/>
      <c r="CF3" s="547"/>
      <c r="CG3" s="547"/>
      <c r="CH3" s="547"/>
      <c r="CI3" s="547"/>
      <c r="CJ3" s="547"/>
      <c r="CK3" s="548"/>
      <c r="CL3" s="547" t="s">
        <v>141</v>
      </c>
      <c r="CM3" s="547"/>
      <c r="CN3" s="547"/>
      <c r="CO3" s="547"/>
      <c r="CP3" s="547"/>
      <c r="CQ3" s="547"/>
      <c r="CR3" s="547"/>
      <c r="CS3" s="547"/>
      <c r="CT3" s="547"/>
      <c r="CU3" s="547"/>
      <c r="CV3" s="548"/>
    </row>
    <row r="4" spans="1:100"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62" t="s">
        <v>61</v>
      </c>
      <c r="AU4" s="560"/>
      <c r="AV4" s="561"/>
      <c r="AW4" s="559" t="s">
        <v>62</v>
      </c>
      <c r="AX4" s="560"/>
      <c r="AY4" s="560"/>
      <c r="AZ4" s="560"/>
      <c r="BA4" s="560"/>
      <c r="BB4" s="560"/>
      <c r="BC4" s="561"/>
      <c r="BD4" s="563" t="s">
        <v>52</v>
      </c>
      <c r="BE4" s="562" t="s">
        <v>61</v>
      </c>
      <c r="BF4" s="560"/>
      <c r="BG4" s="561"/>
      <c r="BH4" s="559" t="s">
        <v>62</v>
      </c>
      <c r="BI4" s="560"/>
      <c r="BJ4" s="560"/>
      <c r="BK4" s="560"/>
      <c r="BL4" s="560"/>
      <c r="BM4" s="560"/>
      <c r="BN4" s="561"/>
      <c r="BO4" s="563" t="s">
        <v>52</v>
      </c>
      <c r="BP4" s="562" t="s">
        <v>61</v>
      </c>
      <c r="BQ4" s="560"/>
      <c r="BR4" s="561"/>
      <c r="BS4" s="559" t="s">
        <v>62</v>
      </c>
      <c r="BT4" s="560"/>
      <c r="BU4" s="560"/>
      <c r="BV4" s="560"/>
      <c r="BW4" s="560"/>
      <c r="BX4" s="560"/>
      <c r="BY4" s="561"/>
      <c r="BZ4" s="563" t="s">
        <v>52</v>
      </c>
      <c r="CA4" s="562" t="s">
        <v>61</v>
      </c>
      <c r="CB4" s="560"/>
      <c r="CC4" s="561"/>
      <c r="CD4" s="559" t="s">
        <v>62</v>
      </c>
      <c r="CE4" s="560"/>
      <c r="CF4" s="560"/>
      <c r="CG4" s="560"/>
      <c r="CH4" s="560"/>
      <c r="CI4" s="560"/>
      <c r="CJ4" s="561"/>
      <c r="CK4" s="563" t="s">
        <v>52</v>
      </c>
      <c r="CL4" s="562" t="s">
        <v>61</v>
      </c>
      <c r="CM4" s="560"/>
      <c r="CN4" s="561"/>
      <c r="CO4" s="559" t="s">
        <v>62</v>
      </c>
      <c r="CP4" s="560"/>
      <c r="CQ4" s="560"/>
      <c r="CR4" s="560"/>
      <c r="CS4" s="560"/>
      <c r="CT4" s="560"/>
      <c r="CU4" s="561"/>
      <c r="CV4" s="563" t="s">
        <v>52</v>
      </c>
    </row>
    <row r="5" spans="1:100" ht="34.5" customHeight="1" thickBot="1" x14ac:dyDescent="0.25">
      <c r="A5" s="539"/>
      <c r="B5" s="324" t="s">
        <v>43</v>
      </c>
      <c r="C5" s="266" t="s">
        <v>44</v>
      </c>
      <c r="D5" s="267" t="s">
        <v>45</v>
      </c>
      <c r="E5" s="268" t="s">
        <v>83</v>
      </c>
      <c r="F5" s="260" t="s">
        <v>47</v>
      </c>
      <c r="G5" s="260" t="s">
        <v>48</v>
      </c>
      <c r="H5" s="260" t="s">
        <v>49</v>
      </c>
      <c r="I5" s="260" t="s">
        <v>50</v>
      </c>
      <c r="J5" s="260" t="s">
        <v>51</v>
      </c>
      <c r="K5" s="269" t="s">
        <v>45</v>
      </c>
      <c r="L5" s="531"/>
      <c r="M5" s="324" t="s">
        <v>43</v>
      </c>
      <c r="N5" s="260" t="s">
        <v>44</v>
      </c>
      <c r="O5" s="266" t="s">
        <v>45</v>
      </c>
      <c r="P5" s="268" t="s">
        <v>83</v>
      </c>
      <c r="Q5" s="260" t="s">
        <v>47</v>
      </c>
      <c r="R5" s="260" t="s">
        <v>48</v>
      </c>
      <c r="S5" s="260" t="s">
        <v>49</v>
      </c>
      <c r="T5" s="260" t="s">
        <v>50</v>
      </c>
      <c r="U5" s="260" t="s">
        <v>51</v>
      </c>
      <c r="V5" s="266" t="s">
        <v>45</v>
      </c>
      <c r="W5" s="531"/>
      <c r="X5" s="324" t="s">
        <v>43</v>
      </c>
      <c r="Y5" s="260" t="s">
        <v>44</v>
      </c>
      <c r="Z5" s="266" t="s">
        <v>45</v>
      </c>
      <c r="AA5" s="268" t="s">
        <v>83</v>
      </c>
      <c r="AB5" s="260" t="s">
        <v>47</v>
      </c>
      <c r="AC5" s="260" t="s">
        <v>48</v>
      </c>
      <c r="AD5" s="260" t="s">
        <v>49</v>
      </c>
      <c r="AE5" s="260" t="s">
        <v>50</v>
      </c>
      <c r="AF5" s="260" t="s">
        <v>51</v>
      </c>
      <c r="AG5" s="266" t="s">
        <v>45</v>
      </c>
      <c r="AH5" s="531"/>
      <c r="AI5" s="341" t="s">
        <v>43</v>
      </c>
      <c r="AJ5" s="260" t="s">
        <v>44</v>
      </c>
      <c r="AK5" s="266" t="s">
        <v>45</v>
      </c>
      <c r="AL5" s="268" t="s">
        <v>83</v>
      </c>
      <c r="AM5" s="260" t="s">
        <v>47</v>
      </c>
      <c r="AN5" s="260" t="s">
        <v>48</v>
      </c>
      <c r="AO5" s="260" t="s">
        <v>49</v>
      </c>
      <c r="AP5" s="260" t="s">
        <v>50</v>
      </c>
      <c r="AQ5" s="260" t="s">
        <v>51</v>
      </c>
      <c r="AR5" s="266" t="s">
        <v>45</v>
      </c>
      <c r="AS5" s="531"/>
      <c r="AT5" s="341" t="s">
        <v>43</v>
      </c>
      <c r="AU5" s="260" t="s">
        <v>44</v>
      </c>
      <c r="AV5" s="266" t="s">
        <v>45</v>
      </c>
      <c r="AW5" s="268" t="s">
        <v>83</v>
      </c>
      <c r="AX5" s="260" t="s">
        <v>47</v>
      </c>
      <c r="AY5" s="260" t="s">
        <v>48</v>
      </c>
      <c r="AZ5" s="260" t="s">
        <v>49</v>
      </c>
      <c r="BA5" s="260" t="s">
        <v>50</v>
      </c>
      <c r="BB5" s="260" t="s">
        <v>51</v>
      </c>
      <c r="BC5" s="266" t="s">
        <v>45</v>
      </c>
      <c r="BD5" s="564"/>
      <c r="BE5" s="341" t="s">
        <v>43</v>
      </c>
      <c r="BF5" s="260" t="s">
        <v>44</v>
      </c>
      <c r="BG5" s="266" t="s">
        <v>45</v>
      </c>
      <c r="BH5" s="268" t="s">
        <v>83</v>
      </c>
      <c r="BI5" s="260" t="s">
        <v>47</v>
      </c>
      <c r="BJ5" s="260" t="s">
        <v>48</v>
      </c>
      <c r="BK5" s="260" t="s">
        <v>49</v>
      </c>
      <c r="BL5" s="260" t="s">
        <v>50</v>
      </c>
      <c r="BM5" s="260" t="s">
        <v>51</v>
      </c>
      <c r="BN5" s="266" t="s">
        <v>45</v>
      </c>
      <c r="BO5" s="564"/>
      <c r="BP5" s="341" t="s">
        <v>43</v>
      </c>
      <c r="BQ5" s="260" t="s">
        <v>44</v>
      </c>
      <c r="BR5" s="266" t="s">
        <v>45</v>
      </c>
      <c r="BS5" s="268" t="s">
        <v>83</v>
      </c>
      <c r="BT5" s="260" t="s">
        <v>47</v>
      </c>
      <c r="BU5" s="260" t="s">
        <v>48</v>
      </c>
      <c r="BV5" s="260" t="s">
        <v>49</v>
      </c>
      <c r="BW5" s="260" t="s">
        <v>50</v>
      </c>
      <c r="BX5" s="260" t="s">
        <v>51</v>
      </c>
      <c r="BY5" s="266" t="s">
        <v>45</v>
      </c>
      <c r="BZ5" s="564"/>
      <c r="CA5" s="341" t="s">
        <v>43</v>
      </c>
      <c r="CB5" s="260" t="s">
        <v>44</v>
      </c>
      <c r="CC5" s="266" t="s">
        <v>45</v>
      </c>
      <c r="CD5" s="268" t="s">
        <v>83</v>
      </c>
      <c r="CE5" s="260" t="s">
        <v>47</v>
      </c>
      <c r="CF5" s="260" t="s">
        <v>48</v>
      </c>
      <c r="CG5" s="260" t="s">
        <v>49</v>
      </c>
      <c r="CH5" s="260" t="s">
        <v>50</v>
      </c>
      <c r="CI5" s="260" t="s">
        <v>51</v>
      </c>
      <c r="CJ5" s="266" t="s">
        <v>45</v>
      </c>
      <c r="CK5" s="564"/>
      <c r="CL5" s="341" t="s">
        <v>43</v>
      </c>
      <c r="CM5" s="260" t="s">
        <v>44</v>
      </c>
      <c r="CN5" s="266" t="s">
        <v>45</v>
      </c>
      <c r="CO5" s="268" t="s">
        <v>83</v>
      </c>
      <c r="CP5" s="260" t="s">
        <v>47</v>
      </c>
      <c r="CQ5" s="260" t="s">
        <v>48</v>
      </c>
      <c r="CR5" s="260" t="s">
        <v>49</v>
      </c>
      <c r="CS5" s="260" t="s">
        <v>50</v>
      </c>
      <c r="CT5" s="260" t="s">
        <v>51</v>
      </c>
      <c r="CU5" s="266" t="s">
        <v>45</v>
      </c>
      <c r="CV5" s="564"/>
    </row>
    <row r="6" spans="1:100" ht="21" customHeight="1" x14ac:dyDescent="0.2">
      <c r="A6" s="261" t="s">
        <v>4</v>
      </c>
      <c r="B6" s="270">
        <v>0</v>
      </c>
      <c r="C6" s="271">
        <v>0</v>
      </c>
      <c r="D6" s="272">
        <v>0</v>
      </c>
      <c r="E6" s="273">
        <v>0</v>
      </c>
      <c r="F6" s="274">
        <v>17</v>
      </c>
      <c r="G6" s="274">
        <v>30</v>
      </c>
      <c r="H6" s="274">
        <v>20</v>
      </c>
      <c r="I6" s="274">
        <v>25</v>
      </c>
      <c r="J6" s="274">
        <v>18</v>
      </c>
      <c r="K6" s="275">
        <v>110</v>
      </c>
      <c r="L6" s="276">
        <v>110</v>
      </c>
      <c r="M6" s="270">
        <v>0</v>
      </c>
      <c r="N6" s="274">
        <v>0</v>
      </c>
      <c r="O6" s="271">
        <v>0</v>
      </c>
      <c r="P6" s="273">
        <v>0</v>
      </c>
      <c r="Q6" s="274">
        <v>19</v>
      </c>
      <c r="R6" s="274">
        <v>39</v>
      </c>
      <c r="S6" s="274">
        <v>44</v>
      </c>
      <c r="T6" s="274">
        <v>34</v>
      </c>
      <c r="U6" s="274">
        <v>30</v>
      </c>
      <c r="V6" s="271">
        <v>166</v>
      </c>
      <c r="W6" s="276">
        <v>166</v>
      </c>
      <c r="X6" s="270">
        <v>0</v>
      </c>
      <c r="Y6" s="274">
        <v>0</v>
      </c>
      <c r="Z6" s="271">
        <v>0</v>
      </c>
      <c r="AA6" s="273">
        <v>0</v>
      </c>
      <c r="AB6" s="274">
        <v>937</v>
      </c>
      <c r="AC6" s="274">
        <v>765</v>
      </c>
      <c r="AD6" s="274">
        <v>363</v>
      </c>
      <c r="AE6" s="274">
        <v>167</v>
      </c>
      <c r="AF6" s="274">
        <v>69</v>
      </c>
      <c r="AG6" s="271">
        <v>2301</v>
      </c>
      <c r="AH6" s="276">
        <v>2301</v>
      </c>
      <c r="AI6" s="270">
        <v>1</v>
      </c>
      <c r="AJ6" s="274">
        <v>1</v>
      </c>
      <c r="AK6" s="271">
        <v>2</v>
      </c>
      <c r="AL6" s="273">
        <v>0</v>
      </c>
      <c r="AM6" s="274">
        <v>71</v>
      </c>
      <c r="AN6" s="274">
        <v>75</v>
      </c>
      <c r="AO6" s="274">
        <v>72</v>
      </c>
      <c r="AP6" s="274">
        <v>40</v>
      </c>
      <c r="AQ6" s="274">
        <v>15</v>
      </c>
      <c r="AR6" s="271">
        <v>273</v>
      </c>
      <c r="AS6" s="276">
        <v>275</v>
      </c>
      <c r="AT6" s="270">
        <v>12</v>
      </c>
      <c r="AU6" s="274">
        <v>9</v>
      </c>
      <c r="AV6" s="271">
        <v>21</v>
      </c>
      <c r="AW6" s="273">
        <v>0</v>
      </c>
      <c r="AX6" s="274">
        <v>83</v>
      </c>
      <c r="AY6" s="274">
        <v>90</v>
      </c>
      <c r="AZ6" s="274">
        <v>66</v>
      </c>
      <c r="BA6" s="274">
        <v>55</v>
      </c>
      <c r="BB6" s="274">
        <v>22</v>
      </c>
      <c r="BC6" s="271">
        <v>316</v>
      </c>
      <c r="BD6" s="276">
        <v>337</v>
      </c>
      <c r="BE6" s="270">
        <v>0</v>
      </c>
      <c r="BF6" s="274">
        <v>0</v>
      </c>
      <c r="BG6" s="271">
        <v>0</v>
      </c>
      <c r="BH6" s="273">
        <v>0</v>
      </c>
      <c r="BI6" s="274">
        <v>113</v>
      </c>
      <c r="BJ6" s="274">
        <v>160</v>
      </c>
      <c r="BK6" s="274">
        <v>163</v>
      </c>
      <c r="BL6" s="274">
        <v>108</v>
      </c>
      <c r="BM6" s="274">
        <v>49</v>
      </c>
      <c r="BN6" s="275">
        <v>593</v>
      </c>
      <c r="BO6" s="276">
        <v>593</v>
      </c>
      <c r="BP6" s="270">
        <v>0</v>
      </c>
      <c r="BQ6" s="274">
        <v>0</v>
      </c>
      <c r="BR6" s="271">
        <v>0</v>
      </c>
      <c r="BS6" s="273">
        <v>0</v>
      </c>
      <c r="BT6" s="274">
        <v>2</v>
      </c>
      <c r="BU6" s="274">
        <v>6</v>
      </c>
      <c r="BV6" s="274">
        <v>5</v>
      </c>
      <c r="BW6" s="274">
        <v>12</v>
      </c>
      <c r="BX6" s="274">
        <v>3</v>
      </c>
      <c r="BY6" s="271">
        <v>28</v>
      </c>
      <c r="BZ6" s="276">
        <v>28</v>
      </c>
      <c r="CA6" s="270">
        <v>0</v>
      </c>
      <c r="CB6" s="274">
        <v>0</v>
      </c>
      <c r="CC6" s="271">
        <v>0</v>
      </c>
      <c r="CD6" s="273">
        <v>0</v>
      </c>
      <c r="CE6" s="274">
        <v>0</v>
      </c>
      <c r="CF6" s="274">
        <v>1</v>
      </c>
      <c r="CG6" s="274">
        <v>18</v>
      </c>
      <c r="CH6" s="274">
        <v>14</v>
      </c>
      <c r="CI6" s="274">
        <v>8</v>
      </c>
      <c r="CJ6" s="271">
        <v>41</v>
      </c>
      <c r="CK6" s="276">
        <v>41</v>
      </c>
      <c r="CL6" s="270">
        <v>0</v>
      </c>
      <c r="CM6" s="274">
        <v>0</v>
      </c>
      <c r="CN6" s="271">
        <v>0</v>
      </c>
      <c r="CO6" s="273">
        <v>0</v>
      </c>
      <c r="CP6" s="274">
        <v>20</v>
      </c>
      <c r="CQ6" s="274">
        <v>15</v>
      </c>
      <c r="CR6" s="274">
        <v>20</v>
      </c>
      <c r="CS6" s="274">
        <v>24</v>
      </c>
      <c r="CT6" s="274">
        <v>38</v>
      </c>
      <c r="CU6" s="271">
        <v>117</v>
      </c>
      <c r="CV6" s="276">
        <v>117</v>
      </c>
    </row>
    <row r="7" spans="1:100" ht="21" customHeight="1" x14ac:dyDescent="0.2">
      <c r="A7" s="262" t="s">
        <v>5</v>
      </c>
      <c r="B7" s="277">
        <v>0</v>
      </c>
      <c r="C7" s="278">
        <v>0</v>
      </c>
      <c r="D7" s="279">
        <v>0</v>
      </c>
      <c r="E7" s="280">
        <v>0</v>
      </c>
      <c r="F7" s="281">
        <v>5</v>
      </c>
      <c r="G7" s="281">
        <v>15</v>
      </c>
      <c r="H7" s="281">
        <v>11</v>
      </c>
      <c r="I7" s="281">
        <v>9</v>
      </c>
      <c r="J7" s="281">
        <v>7</v>
      </c>
      <c r="K7" s="282">
        <v>47</v>
      </c>
      <c r="L7" s="283">
        <v>47</v>
      </c>
      <c r="M7" s="277">
        <v>0</v>
      </c>
      <c r="N7" s="281">
        <v>0</v>
      </c>
      <c r="O7" s="278">
        <v>0</v>
      </c>
      <c r="P7" s="280">
        <v>0</v>
      </c>
      <c r="Q7" s="281">
        <v>12</v>
      </c>
      <c r="R7" s="281">
        <v>28</v>
      </c>
      <c r="S7" s="281">
        <v>32</v>
      </c>
      <c r="T7" s="281">
        <v>25</v>
      </c>
      <c r="U7" s="281">
        <v>22</v>
      </c>
      <c r="V7" s="278">
        <v>119</v>
      </c>
      <c r="W7" s="283">
        <v>119</v>
      </c>
      <c r="X7" s="277">
        <v>0</v>
      </c>
      <c r="Y7" s="281">
        <v>0</v>
      </c>
      <c r="Z7" s="278">
        <v>0</v>
      </c>
      <c r="AA7" s="280">
        <v>0</v>
      </c>
      <c r="AB7" s="281">
        <v>357</v>
      </c>
      <c r="AC7" s="281">
        <v>363</v>
      </c>
      <c r="AD7" s="281">
        <v>195</v>
      </c>
      <c r="AE7" s="281">
        <v>76</v>
      </c>
      <c r="AF7" s="281">
        <v>37</v>
      </c>
      <c r="AG7" s="278">
        <v>1028</v>
      </c>
      <c r="AH7" s="283">
        <v>1028</v>
      </c>
      <c r="AI7" s="277">
        <v>0</v>
      </c>
      <c r="AJ7" s="281">
        <v>1</v>
      </c>
      <c r="AK7" s="278">
        <v>1</v>
      </c>
      <c r="AL7" s="280">
        <v>0</v>
      </c>
      <c r="AM7" s="281">
        <v>32</v>
      </c>
      <c r="AN7" s="281">
        <v>39</v>
      </c>
      <c r="AO7" s="281">
        <v>32</v>
      </c>
      <c r="AP7" s="281">
        <v>25</v>
      </c>
      <c r="AQ7" s="281">
        <v>10</v>
      </c>
      <c r="AR7" s="278">
        <v>138</v>
      </c>
      <c r="AS7" s="283">
        <v>139</v>
      </c>
      <c r="AT7" s="277">
        <v>4</v>
      </c>
      <c r="AU7" s="281">
        <v>6</v>
      </c>
      <c r="AV7" s="278">
        <v>10</v>
      </c>
      <c r="AW7" s="280">
        <v>0</v>
      </c>
      <c r="AX7" s="281">
        <v>27</v>
      </c>
      <c r="AY7" s="281">
        <v>34</v>
      </c>
      <c r="AZ7" s="281">
        <v>29</v>
      </c>
      <c r="BA7" s="281">
        <v>24</v>
      </c>
      <c r="BB7" s="281">
        <v>9</v>
      </c>
      <c r="BC7" s="278">
        <v>123</v>
      </c>
      <c r="BD7" s="283">
        <v>133</v>
      </c>
      <c r="BE7" s="277">
        <v>0</v>
      </c>
      <c r="BF7" s="281">
        <v>0</v>
      </c>
      <c r="BG7" s="278">
        <v>0</v>
      </c>
      <c r="BH7" s="280">
        <v>0</v>
      </c>
      <c r="BI7" s="281">
        <v>36</v>
      </c>
      <c r="BJ7" s="281">
        <v>66</v>
      </c>
      <c r="BK7" s="281">
        <v>64</v>
      </c>
      <c r="BL7" s="281">
        <v>35</v>
      </c>
      <c r="BM7" s="281">
        <v>16</v>
      </c>
      <c r="BN7" s="282">
        <v>217</v>
      </c>
      <c r="BO7" s="283">
        <v>217</v>
      </c>
      <c r="BP7" s="277">
        <v>0</v>
      </c>
      <c r="BQ7" s="281">
        <v>0</v>
      </c>
      <c r="BR7" s="278">
        <v>0</v>
      </c>
      <c r="BS7" s="280">
        <v>0</v>
      </c>
      <c r="BT7" s="281">
        <v>0</v>
      </c>
      <c r="BU7" s="281">
        <v>0</v>
      </c>
      <c r="BV7" s="281">
        <v>0</v>
      </c>
      <c r="BW7" s="281">
        <v>0</v>
      </c>
      <c r="BX7" s="281">
        <v>0</v>
      </c>
      <c r="BY7" s="278">
        <v>0</v>
      </c>
      <c r="BZ7" s="283">
        <v>0</v>
      </c>
      <c r="CA7" s="277">
        <v>0</v>
      </c>
      <c r="CB7" s="281">
        <v>0</v>
      </c>
      <c r="CC7" s="278">
        <v>0</v>
      </c>
      <c r="CD7" s="280">
        <v>0</v>
      </c>
      <c r="CE7" s="281">
        <v>0</v>
      </c>
      <c r="CF7" s="281">
        <v>1</v>
      </c>
      <c r="CG7" s="281">
        <v>3</v>
      </c>
      <c r="CH7" s="281">
        <v>2</v>
      </c>
      <c r="CI7" s="281">
        <v>2</v>
      </c>
      <c r="CJ7" s="278">
        <v>8</v>
      </c>
      <c r="CK7" s="283">
        <v>8</v>
      </c>
      <c r="CL7" s="277">
        <v>0</v>
      </c>
      <c r="CM7" s="281">
        <v>0</v>
      </c>
      <c r="CN7" s="278">
        <v>0</v>
      </c>
      <c r="CO7" s="280">
        <v>0</v>
      </c>
      <c r="CP7" s="281">
        <v>5</v>
      </c>
      <c r="CQ7" s="281">
        <v>4</v>
      </c>
      <c r="CR7" s="281">
        <v>2</v>
      </c>
      <c r="CS7" s="281">
        <v>5</v>
      </c>
      <c r="CT7" s="281">
        <v>20</v>
      </c>
      <c r="CU7" s="278">
        <v>36</v>
      </c>
      <c r="CV7" s="283">
        <v>36</v>
      </c>
    </row>
    <row r="8" spans="1:100" ht="21" customHeight="1" x14ac:dyDescent="0.2">
      <c r="A8" s="262" t="s">
        <v>6</v>
      </c>
      <c r="B8" s="277">
        <v>0</v>
      </c>
      <c r="C8" s="278">
        <v>0</v>
      </c>
      <c r="D8" s="279">
        <v>0</v>
      </c>
      <c r="E8" s="280">
        <v>0</v>
      </c>
      <c r="F8" s="281">
        <v>3</v>
      </c>
      <c r="G8" s="281">
        <v>6</v>
      </c>
      <c r="H8" s="281">
        <v>4</v>
      </c>
      <c r="I8" s="281">
        <v>9</v>
      </c>
      <c r="J8" s="281">
        <v>4</v>
      </c>
      <c r="K8" s="282">
        <v>26</v>
      </c>
      <c r="L8" s="283">
        <v>26</v>
      </c>
      <c r="M8" s="277">
        <v>0</v>
      </c>
      <c r="N8" s="281">
        <v>0</v>
      </c>
      <c r="O8" s="278">
        <v>0</v>
      </c>
      <c r="P8" s="280">
        <v>0</v>
      </c>
      <c r="Q8" s="281">
        <v>5</v>
      </c>
      <c r="R8" s="281">
        <v>9</v>
      </c>
      <c r="S8" s="281">
        <v>10</v>
      </c>
      <c r="T8" s="281">
        <v>9</v>
      </c>
      <c r="U8" s="281">
        <v>7</v>
      </c>
      <c r="V8" s="278">
        <v>40</v>
      </c>
      <c r="W8" s="283">
        <v>40</v>
      </c>
      <c r="X8" s="277">
        <v>0</v>
      </c>
      <c r="Y8" s="281">
        <v>0</v>
      </c>
      <c r="Z8" s="278">
        <v>0</v>
      </c>
      <c r="AA8" s="280">
        <v>0</v>
      </c>
      <c r="AB8" s="281">
        <v>107</v>
      </c>
      <c r="AC8" s="281">
        <v>67</v>
      </c>
      <c r="AD8" s="281">
        <v>38</v>
      </c>
      <c r="AE8" s="281">
        <v>25</v>
      </c>
      <c r="AF8" s="281">
        <v>7</v>
      </c>
      <c r="AG8" s="278">
        <v>244</v>
      </c>
      <c r="AH8" s="283">
        <v>244</v>
      </c>
      <c r="AI8" s="277">
        <v>0</v>
      </c>
      <c r="AJ8" s="281">
        <v>0</v>
      </c>
      <c r="AK8" s="278">
        <v>0</v>
      </c>
      <c r="AL8" s="280">
        <v>0</v>
      </c>
      <c r="AM8" s="281">
        <v>14</v>
      </c>
      <c r="AN8" s="281">
        <v>13</v>
      </c>
      <c r="AO8" s="281">
        <v>15</v>
      </c>
      <c r="AP8" s="281">
        <v>5</v>
      </c>
      <c r="AQ8" s="281">
        <v>2</v>
      </c>
      <c r="AR8" s="278">
        <v>49</v>
      </c>
      <c r="AS8" s="283">
        <v>49</v>
      </c>
      <c r="AT8" s="277">
        <v>2</v>
      </c>
      <c r="AU8" s="281">
        <v>1</v>
      </c>
      <c r="AV8" s="278">
        <v>3</v>
      </c>
      <c r="AW8" s="280">
        <v>0</v>
      </c>
      <c r="AX8" s="281">
        <v>9</v>
      </c>
      <c r="AY8" s="281">
        <v>15</v>
      </c>
      <c r="AZ8" s="281">
        <v>8</v>
      </c>
      <c r="BA8" s="281">
        <v>5</v>
      </c>
      <c r="BB8" s="281">
        <v>3</v>
      </c>
      <c r="BC8" s="278">
        <v>40</v>
      </c>
      <c r="BD8" s="283">
        <v>43</v>
      </c>
      <c r="BE8" s="277">
        <v>0</v>
      </c>
      <c r="BF8" s="281">
        <v>0</v>
      </c>
      <c r="BG8" s="278">
        <v>0</v>
      </c>
      <c r="BH8" s="280">
        <v>0</v>
      </c>
      <c r="BI8" s="281">
        <v>18</v>
      </c>
      <c r="BJ8" s="281">
        <v>24</v>
      </c>
      <c r="BK8" s="281">
        <v>29</v>
      </c>
      <c r="BL8" s="281">
        <v>19</v>
      </c>
      <c r="BM8" s="281">
        <v>10</v>
      </c>
      <c r="BN8" s="282">
        <v>100</v>
      </c>
      <c r="BO8" s="283">
        <v>100</v>
      </c>
      <c r="BP8" s="277">
        <v>0</v>
      </c>
      <c r="BQ8" s="281">
        <v>0</v>
      </c>
      <c r="BR8" s="278">
        <v>0</v>
      </c>
      <c r="BS8" s="280">
        <v>0</v>
      </c>
      <c r="BT8" s="281">
        <v>0</v>
      </c>
      <c r="BU8" s="281">
        <v>0</v>
      </c>
      <c r="BV8" s="281">
        <v>0</v>
      </c>
      <c r="BW8" s="281">
        <v>0</v>
      </c>
      <c r="BX8" s="281">
        <v>0</v>
      </c>
      <c r="BY8" s="278">
        <v>0</v>
      </c>
      <c r="BZ8" s="283">
        <v>0</v>
      </c>
      <c r="CA8" s="277">
        <v>0</v>
      </c>
      <c r="CB8" s="281">
        <v>0</v>
      </c>
      <c r="CC8" s="278">
        <v>0</v>
      </c>
      <c r="CD8" s="280">
        <v>0</v>
      </c>
      <c r="CE8" s="281">
        <v>0</v>
      </c>
      <c r="CF8" s="281">
        <v>0</v>
      </c>
      <c r="CG8" s="281">
        <v>8</v>
      </c>
      <c r="CH8" s="281">
        <v>4</v>
      </c>
      <c r="CI8" s="281">
        <v>2</v>
      </c>
      <c r="CJ8" s="278">
        <v>14</v>
      </c>
      <c r="CK8" s="283">
        <v>14</v>
      </c>
      <c r="CL8" s="277">
        <v>0</v>
      </c>
      <c r="CM8" s="281">
        <v>0</v>
      </c>
      <c r="CN8" s="278">
        <v>0</v>
      </c>
      <c r="CO8" s="280">
        <v>0</v>
      </c>
      <c r="CP8" s="281">
        <v>5</v>
      </c>
      <c r="CQ8" s="281">
        <v>4</v>
      </c>
      <c r="CR8" s="281">
        <v>3</v>
      </c>
      <c r="CS8" s="281">
        <v>7</v>
      </c>
      <c r="CT8" s="281">
        <v>6</v>
      </c>
      <c r="CU8" s="278">
        <v>25</v>
      </c>
      <c r="CV8" s="283">
        <v>25</v>
      </c>
    </row>
    <row r="9" spans="1:100" ht="21" customHeight="1" x14ac:dyDescent="0.2">
      <c r="A9" s="262" t="s">
        <v>14</v>
      </c>
      <c r="B9" s="277">
        <v>0</v>
      </c>
      <c r="C9" s="278">
        <v>0</v>
      </c>
      <c r="D9" s="279">
        <v>0</v>
      </c>
      <c r="E9" s="280">
        <v>0</v>
      </c>
      <c r="F9" s="281">
        <v>2</v>
      </c>
      <c r="G9" s="281">
        <v>2</v>
      </c>
      <c r="H9" s="281">
        <v>0</v>
      </c>
      <c r="I9" s="281">
        <v>1</v>
      </c>
      <c r="J9" s="281">
        <v>2</v>
      </c>
      <c r="K9" s="282">
        <v>7</v>
      </c>
      <c r="L9" s="283">
        <v>7</v>
      </c>
      <c r="M9" s="277">
        <v>0</v>
      </c>
      <c r="N9" s="281">
        <v>0</v>
      </c>
      <c r="O9" s="278">
        <v>0</v>
      </c>
      <c r="P9" s="280">
        <v>0</v>
      </c>
      <c r="Q9" s="281">
        <v>0</v>
      </c>
      <c r="R9" s="281">
        <v>0</v>
      </c>
      <c r="S9" s="281">
        <v>0</v>
      </c>
      <c r="T9" s="281">
        <v>0</v>
      </c>
      <c r="U9" s="281">
        <v>0</v>
      </c>
      <c r="V9" s="278">
        <v>0</v>
      </c>
      <c r="W9" s="283">
        <v>0</v>
      </c>
      <c r="X9" s="277">
        <v>0</v>
      </c>
      <c r="Y9" s="281">
        <v>0</v>
      </c>
      <c r="Z9" s="278">
        <v>0</v>
      </c>
      <c r="AA9" s="280">
        <v>0</v>
      </c>
      <c r="AB9" s="281">
        <v>83</v>
      </c>
      <c r="AC9" s="281">
        <v>64</v>
      </c>
      <c r="AD9" s="281">
        <v>32</v>
      </c>
      <c r="AE9" s="281">
        <v>14</v>
      </c>
      <c r="AF9" s="281">
        <v>4</v>
      </c>
      <c r="AG9" s="278">
        <v>197</v>
      </c>
      <c r="AH9" s="283">
        <v>197</v>
      </c>
      <c r="AI9" s="277">
        <v>0</v>
      </c>
      <c r="AJ9" s="281">
        <v>0</v>
      </c>
      <c r="AK9" s="278">
        <v>0</v>
      </c>
      <c r="AL9" s="280">
        <v>0</v>
      </c>
      <c r="AM9" s="281">
        <v>1</v>
      </c>
      <c r="AN9" s="281">
        <v>1</v>
      </c>
      <c r="AO9" s="281">
        <v>1</v>
      </c>
      <c r="AP9" s="281">
        <v>1</v>
      </c>
      <c r="AQ9" s="281">
        <v>0</v>
      </c>
      <c r="AR9" s="278">
        <v>4</v>
      </c>
      <c r="AS9" s="283">
        <v>4</v>
      </c>
      <c r="AT9" s="277">
        <v>1</v>
      </c>
      <c r="AU9" s="281">
        <v>1</v>
      </c>
      <c r="AV9" s="278">
        <v>2</v>
      </c>
      <c r="AW9" s="280">
        <v>0</v>
      </c>
      <c r="AX9" s="281">
        <v>10</v>
      </c>
      <c r="AY9" s="281">
        <v>4</v>
      </c>
      <c r="AZ9" s="281">
        <v>5</v>
      </c>
      <c r="BA9" s="281">
        <v>5</v>
      </c>
      <c r="BB9" s="281">
        <v>1</v>
      </c>
      <c r="BC9" s="278">
        <v>25</v>
      </c>
      <c r="BD9" s="283">
        <v>27</v>
      </c>
      <c r="BE9" s="277">
        <v>0</v>
      </c>
      <c r="BF9" s="281">
        <v>0</v>
      </c>
      <c r="BG9" s="278">
        <v>0</v>
      </c>
      <c r="BH9" s="280">
        <v>0</v>
      </c>
      <c r="BI9" s="281">
        <v>9</v>
      </c>
      <c r="BJ9" s="281">
        <v>11</v>
      </c>
      <c r="BK9" s="281">
        <v>12</v>
      </c>
      <c r="BL9" s="281">
        <v>13</v>
      </c>
      <c r="BM9" s="281">
        <v>5</v>
      </c>
      <c r="BN9" s="282">
        <v>50</v>
      </c>
      <c r="BO9" s="283">
        <v>50</v>
      </c>
      <c r="BP9" s="277">
        <v>0</v>
      </c>
      <c r="BQ9" s="281">
        <v>0</v>
      </c>
      <c r="BR9" s="278">
        <v>0</v>
      </c>
      <c r="BS9" s="280">
        <v>0</v>
      </c>
      <c r="BT9" s="281">
        <v>0</v>
      </c>
      <c r="BU9" s="281">
        <v>0</v>
      </c>
      <c r="BV9" s="281">
        <v>0</v>
      </c>
      <c r="BW9" s="281">
        <v>0</v>
      </c>
      <c r="BX9" s="281">
        <v>0</v>
      </c>
      <c r="BY9" s="278">
        <v>0</v>
      </c>
      <c r="BZ9" s="283">
        <v>0</v>
      </c>
      <c r="CA9" s="277">
        <v>0</v>
      </c>
      <c r="CB9" s="281">
        <v>0</v>
      </c>
      <c r="CC9" s="278">
        <v>0</v>
      </c>
      <c r="CD9" s="280">
        <v>0</v>
      </c>
      <c r="CE9" s="281">
        <v>0</v>
      </c>
      <c r="CF9" s="281">
        <v>0</v>
      </c>
      <c r="CG9" s="281">
        <v>1</v>
      </c>
      <c r="CH9" s="281">
        <v>0</v>
      </c>
      <c r="CI9" s="281">
        <v>0</v>
      </c>
      <c r="CJ9" s="278">
        <v>1</v>
      </c>
      <c r="CK9" s="283">
        <v>1</v>
      </c>
      <c r="CL9" s="277">
        <v>0</v>
      </c>
      <c r="CM9" s="281">
        <v>0</v>
      </c>
      <c r="CN9" s="278">
        <v>0</v>
      </c>
      <c r="CO9" s="280">
        <v>0</v>
      </c>
      <c r="CP9" s="281">
        <v>2</v>
      </c>
      <c r="CQ9" s="281">
        <v>0</v>
      </c>
      <c r="CR9" s="281">
        <v>0</v>
      </c>
      <c r="CS9" s="281">
        <v>1</v>
      </c>
      <c r="CT9" s="281">
        <v>3</v>
      </c>
      <c r="CU9" s="278">
        <v>6</v>
      </c>
      <c r="CV9" s="283">
        <v>6</v>
      </c>
    </row>
    <row r="10" spans="1:100" ht="21" customHeight="1" x14ac:dyDescent="0.2">
      <c r="A10" s="262" t="s">
        <v>7</v>
      </c>
      <c r="B10" s="277">
        <v>0</v>
      </c>
      <c r="C10" s="278">
        <v>0</v>
      </c>
      <c r="D10" s="279">
        <v>0</v>
      </c>
      <c r="E10" s="280">
        <v>0</v>
      </c>
      <c r="F10" s="281">
        <v>0</v>
      </c>
      <c r="G10" s="281">
        <v>0</v>
      </c>
      <c r="H10" s="281">
        <v>0</v>
      </c>
      <c r="I10" s="281">
        <v>0</v>
      </c>
      <c r="J10" s="281">
        <v>1</v>
      </c>
      <c r="K10" s="282">
        <v>1</v>
      </c>
      <c r="L10" s="283">
        <v>1</v>
      </c>
      <c r="M10" s="277">
        <v>0</v>
      </c>
      <c r="N10" s="281">
        <v>0</v>
      </c>
      <c r="O10" s="278">
        <v>0</v>
      </c>
      <c r="P10" s="280">
        <v>0</v>
      </c>
      <c r="Q10" s="281">
        <v>0</v>
      </c>
      <c r="R10" s="281">
        <v>0</v>
      </c>
      <c r="S10" s="281">
        <v>0</v>
      </c>
      <c r="T10" s="281">
        <v>0</v>
      </c>
      <c r="U10" s="281">
        <v>0</v>
      </c>
      <c r="V10" s="278">
        <v>0</v>
      </c>
      <c r="W10" s="283">
        <v>0</v>
      </c>
      <c r="X10" s="277">
        <v>0</v>
      </c>
      <c r="Y10" s="281">
        <v>0</v>
      </c>
      <c r="Z10" s="278">
        <v>0</v>
      </c>
      <c r="AA10" s="280">
        <v>0</v>
      </c>
      <c r="AB10" s="281">
        <v>87</v>
      </c>
      <c r="AC10" s="281">
        <v>44</v>
      </c>
      <c r="AD10" s="281">
        <v>15</v>
      </c>
      <c r="AE10" s="281">
        <v>8</v>
      </c>
      <c r="AF10" s="281">
        <v>3</v>
      </c>
      <c r="AG10" s="278">
        <v>157</v>
      </c>
      <c r="AH10" s="283">
        <v>157</v>
      </c>
      <c r="AI10" s="277">
        <v>0</v>
      </c>
      <c r="AJ10" s="281">
        <v>0</v>
      </c>
      <c r="AK10" s="278">
        <v>0</v>
      </c>
      <c r="AL10" s="280">
        <v>0</v>
      </c>
      <c r="AM10" s="281">
        <v>9</v>
      </c>
      <c r="AN10" s="281">
        <v>10</v>
      </c>
      <c r="AO10" s="281">
        <v>5</v>
      </c>
      <c r="AP10" s="281">
        <v>3</v>
      </c>
      <c r="AQ10" s="281">
        <v>1</v>
      </c>
      <c r="AR10" s="278">
        <v>28</v>
      </c>
      <c r="AS10" s="283">
        <v>28</v>
      </c>
      <c r="AT10" s="277">
        <v>1</v>
      </c>
      <c r="AU10" s="281">
        <v>1</v>
      </c>
      <c r="AV10" s="278">
        <v>2</v>
      </c>
      <c r="AW10" s="280">
        <v>0</v>
      </c>
      <c r="AX10" s="281">
        <v>6</v>
      </c>
      <c r="AY10" s="281">
        <v>5</v>
      </c>
      <c r="AZ10" s="281">
        <v>0</v>
      </c>
      <c r="BA10" s="281">
        <v>0</v>
      </c>
      <c r="BB10" s="281">
        <v>0</v>
      </c>
      <c r="BC10" s="278">
        <v>11</v>
      </c>
      <c r="BD10" s="283">
        <v>13</v>
      </c>
      <c r="BE10" s="277">
        <v>0</v>
      </c>
      <c r="BF10" s="281">
        <v>0</v>
      </c>
      <c r="BG10" s="278">
        <v>0</v>
      </c>
      <c r="BH10" s="280">
        <v>0</v>
      </c>
      <c r="BI10" s="281">
        <v>13</v>
      </c>
      <c r="BJ10" s="281">
        <v>4</v>
      </c>
      <c r="BK10" s="281">
        <v>17</v>
      </c>
      <c r="BL10" s="281">
        <v>8</v>
      </c>
      <c r="BM10" s="281">
        <v>3</v>
      </c>
      <c r="BN10" s="282">
        <v>45</v>
      </c>
      <c r="BO10" s="283">
        <v>45</v>
      </c>
      <c r="BP10" s="277">
        <v>0</v>
      </c>
      <c r="BQ10" s="281">
        <v>0</v>
      </c>
      <c r="BR10" s="278">
        <v>0</v>
      </c>
      <c r="BS10" s="280">
        <v>0</v>
      </c>
      <c r="BT10" s="281">
        <v>0</v>
      </c>
      <c r="BU10" s="281">
        <v>0</v>
      </c>
      <c r="BV10" s="281">
        <v>0</v>
      </c>
      <c r="BW10" s="281">
        <v>0</v>
      </c>
      <c r="BX10" s="281">
        <v>0</v>
      </c>
      <c r="BY10" s="278">
        <v>0</v>
      </c>
      <c r="BZ10" s="283">
        <v>0</v>
      </c>
      <c r="CA10" s="277">
        <v>0</v>
      </c>
      <c r="CB10" s="281">
        <v>0</v>
      </c>
      <c r="CC10" s="278">
        <v>0</v>
      </c>
      <c r="CD10" s="280">
        <v>0</v>
      </c>
      <c r="CE10" s="281">
        <v>0</v>
      </c>
      <c r="CF10" s="281">
        <v>0</v>
      </c>
      <c r="CG10" s="281">
        <v>0</v>
      </c>
      <c r="CH10" s="281">
        <v>0</v>
      </c>
      <c r="CI10" s="281">
        <v>0</v>
      </c>
      <c r="CJ10" s="278">
        <v>0</v>
      </c>
      <c r="CK10" s="283">
        <v>0</v>
      </c>
      <c r="CL10" s="277">
        <v>0</v>
      </c>
      <c r="CM10" s="281">
        <v>0</v>
      </c>
      <c r="CN10" s="278">
        <v>0</v>
      </c>
      <c r="CO10" s="280">
        <v>0</v>
      </c>
      <c r="CP10" s="281">
        <v>1</v>
      </c>
      <c r="CQ10" s="281">
        <v>1</v>
      </c>
      <c r="CR10" s="281">
        <v>1</v>
      </c>
      <c r="CS10" s="281">
        <v>2</v>
      </c>
      <c r="CT10" s="281">
        <v>2</v>
      </c>
      <c r="CU10" s="278">
        <v>7</v>
      </c>
      <c r="CV10" s="283">
        <v>7</v>
      </c>
    </row>
    <row r="11" spans="1:100" ht="21" customHeight="1" x14ac:dyDescent="0.2">
      <c r="A11" s="262" t="s">
        <v>8</v>
      </c>
      <c r="B11" s="277">
        <v>0</v>
      </c>
      <c r="C11" s="278">
        <v>0</v>
      </c>
      <c r="D11" s="279">
        <v>0</v>
      </c>
      <c r="E11" s="280">
        <v>0</v>
      </c>
      <c r="F11" s="281">
        <v>0</v>
      </c>
      <c r="G11" s="281">
        <v>0</v>
      </c>
      <c r="H11" s="281">
        <v>0</v>
      </c>
      <c r="I11" s="281">
        <v>1</v>
      </c>
      <c r="J11" s="281">
        <v>0</v>
      </c>
      <c r="K11" s="282">
        <v>1</v>
      </c>
      <c r="L11" s="283">
        <v>1</v>
      </c>
      <c r="M11" s="277">
        <v>0</v>
      </c>
      <c r="N11" s="281">
        <v>0</v>
      </c>
      <c r="O11" s="278">
        <v>0</v>
      </c>
      <c r="P11" s="280">
        <v>0</v>
      </c>
      <c r="Q11" s="281">
        <v>0</v>
      </c>
      <c r="R11" s="281">
        <v>0</v>
      </c>
      <c r="S11" s="281">
        <v>0</v>
      </c>
      <c r="T11" s="281">
        <v>0</v>
      </c>
      <c r="U11" s="281">
        <v>1</v>
      </c>
      <c r="V11" s="278">
        <v>1</v>
      </c>
      <c r="W11" s="283">
        <v>1</v>
      </c>
      <c r="X11" s="277">
        <v>0</v>
      </c>
      <c r="Y11" s="281">
        <v>0</v>
      </c>
      <c r="Z11" s="278">
        <v>0</v>
      </c>
      <c r="AA11" s="280">
        <v>0</v>
      </c>
      <c r="AB11" s="281">
        <v>32</v>
      </c>
      <c r="AC11" s="281">
        <v>35</v>
      </c>
      <c r="AD11" s="281">
        <v>8</v>
      </c>
      <c r="AE11" s="281">
        <v>6</v>
      </c>
      <c r="AF11" s="281">
        <v>1</v>
      </c>
      <c r="AG11" s="278">
        <v>82</v>
      </c>
      <c r="AH11" s="283">
        <v>82</v>
      </c>
      <c r="AI11" s="277">
        <v>0</v>
      </c>
      <c r="AJ11" s="281">
        <v>0</v>
      </c>
      <c r="AK11" s="278">
        <v>0</v>
      </c>
      <c r="AL11" s="280">
        <v>0</v>
      </c>
      <c r="AM11" s="281">
        <v>1</v>
      </c>
      <c r="AN11" s="281">
        <v>0</v>
      </c>
      <c r="AO11" s="281">
        <v>0</v>
      </c>
      <c r="AP11" s="281">
        <v>1</v>
      </c>
      <c r="AQ11" s="281">
        <v>0</v>
      </c>
      <c r="AR11" s="278">
        <v>2</v>
      </c>
      <c r="AS11" s="283">
        <v>2</v>
      </c>
      <c r="AT11" s="277">
        <v>1</v>
      </c>
      <c r="AU11" s="281">
        <v>0</v>
      </c>
      <c r="AV11" s="278">
        <v>1</v>
      </c>
      <c r="AW11" s="280">
        <v>0</v>
      </c>
      <c r="AX11" s="281">
        <v>5</v>
      </c>
      <c r="AY11" s="281">
        <v>5</v>
      </c>
      <c r="AZ11" s="281">
        <v>2</v>
      </c>
      <c r="BA11" s="281">
        <v>3</v>
      </c>
      <c r="BB11" s="281">
        <v>0</v>
      </c>
      <c r="BC11" s="278">
        <v>15</v>
      </c>
      <c r="BD11" s="283">
        <v>16</v>
      </c>
      <c r="BE11" s="277">
        <v>0</v>
      </c>
      <c r="BF11" s="281">
        <v>0</v>
      </c>
      <c r="BG11" s="278">
        <v>0</v>
      </c>
      <c r="BH11" s="280">
        <v>0</v>
      </c>
      <c r="BI11" s="281">
        <v>3</v>
      </c>
      <c r="BJ11" s="281">
        <v>3</v>
      </c>
      <c r="BK11" s="281">
        <v>6</v>
      </c>
      <c r="BL11" s="281">
        <v>3</v>
      </c>
      <c r="BM11" s="281">
        <v>1</v>
      </c>
      <c r="BN11" s="282">
        <v>16</v>
      </c>
      <c r="BO11" s="283">
        <v>16</v>
      </c>
      <c r="BP11" s="277">
        <v>0</v>
      </c>
      <c r="BQ11" s="281">
        <v>0</v>
      </c>
      <c r="BR11" s="278">
        <v>0</v>
      </c>
      <c r="BS11" s="280">
        <v>0</v>
      </c>
      <c r="BT11" s="281">
        <v>0</v>
      </c>
      <c r="BU11" s="281">
        <v>0</v>
      </c>
      <c r="BV11" s="281">
        <v>0</v>
      </c>
      <c r="BW11" s="281">
        <v>4</v>
      </c>
      <c r="BX11" s="281">
        <v>0</v>
      </c>
      <c r="BY11" s="278">
        <v>4</v>
      </c>
      <c r="BZ11" s="283">
        <v>4</v>
      </c>
      <c r="CA11" s="277">
        <v>0</v>
      </c>
      <c r="CB11" s="281">
        <v>0</v>
      </c>
      <c r="CC11" s="278">
        <v>0</v>
      </c>
      <c r="CD11" s="280">
        <v>0</v>
      </c>
      <c r="CE11" s="281">
        <v>0</v>
      </c>
      <c r="CF11" s="281">
        <v>0</v>
      </c>
      <c r="CG11" s="281">
        <v>1</v>
      </c>
      <c r="CH11" s="281">
        <v>0</v>
      </c>
      <c r="CI11" s="281">
        <v>0</v>
      </c>
      <c r="CJ11" s="278">
        <v>1</v>
      </c>
      <c r="CK11" s="283">
        <v>1</v>
      </c>
      <c r="CL11" s="277">
        <v>0</v>
      </c>
      <c r="CM11" s="281">
        <v>0</v>
      </c>
      <c r="CN11" s="278">
        <v>0</v>
      </c>
      <c r="CO11" s="280">
        <v>0</v>
      </c>
      <c r="CP11" s="281">
        <v>3</v>
      </c>
      <c r="CQ11" s="281">
        <v>1</v>
      </c>
      <c r="CR11" s="281">
        <v>0</v>
      </c>
      <c r="CS11" s="281">
        <v>1</v>
      </c>
      <c r="CT11" s="281">
        <v>1</v>
      </c>
      <c r="CU11" s="278">
        <v>6</v>
      </c>
      <c r="CV11" s="283">
        <v>6</v>
      </c>
    </row>
    <row r="12" spans="1:100" ht="21" customHeight="1" x14ac:dyDescent="0.2">
      <c r="A12" s="262" t="s">
        <v>9</v>
      </c>
      <c r="B12" s="277">
        <v>0</v>
      </c>
      <c r="C12" s="278">
        <v>0</v>
      </c>
      <c r="D12" s="279">
        <v>0</v>
      </c>
      <c r="E12" s="280">
        <v>0</v>
      </c>
      <c r="F12" s="281">
        <v>1</v>
      </c>
      <c r="G12" s="281">
        <v>0</v>
      </c>
      <c r="H12" s="281">
        <v>0</v>
      </c>
      <c r="I12" s="281">
        <v>0</v>
      </c>
      <c r="J12" s="281">
        <v>1</v>
      </c>
      <c r="K12" s="282">
        <v>2</v>
      </c>
      <c r="L12" s="283">
        <v>2</v>
      </c>
      <c r="M12" s="277">
        <v>0</v>
      </c>
      <c r="N12" s="281">
        <v>0</v>
      </c>
      <c r="O12" s="278">
        <v>0</v>
      </c>
      <c r="P12" s="280">
        <v>0</v>
      </c>
      <c r="Q12" s="281">
        <v>0</v>
      </c>
      <c r="R12" s="281">
        <v>0</v>
      </c>
      <c r="S12" s="281">
        <v>0</v>
      </c>
      <c r="T12" s="281">
        <v>0</v>
      </c>
      <c r="U12" s="281">
        <v>0</v>
      </c>
      <c r="V12" s="278">
        <v>0</v>
      </c>
      <c r="W12" s="283">
        <v>0</v>
      </c>
      <c r="X12" s="277">
        <v>0</v>
      </c>
      <c r="Y12" s="281">
        <v>0</v>
      </c>
      <c r="Z12" s="278">
        <v>0</v>
      </c>
      <c r="AA12" s="280">
        <v>0</v>
      </c>
      <c r="AB12" s="281">
        <v>40</v>
      </c>
      <c r="AC12" s="281">
        <v>28</v>
      </c>
      <c r="AD12" s="281">
        <v>14</v>
      </c>
      <c r="AE12" s="281">
        <v>10</v>
      </c>
      <c r="AF12" s="281">
        <v>0</v>
      </c>
      <c r="AG12" s="278">
        <v>92</v>
      </c>
      <c r="AH12" s="283">
        <v>92</v>
      </c>
      <c r="AI12" s="277">
        <v>0</v>
      </c>
      <c r="AJ12" s="281">
        <v>0</v>
      </c>
      <c r="AK12" s="278">
        <v>0</v>
      </c>
      <c r="AL12" s="280">
        <v>0</v>
      </c>
      <c r="AM12" s="281">
        <v>0</v>
      </c>
      <c r="AN12" s="281">
        <v>1</v>
      </c>
      <c r="AO12" s="281">
        <v>2</v>
      </c>
      <c r="AP12" s="281">
        <v>0</v>
      </c>
      <c r="AQ12" s="281">
        <v>0</v>
      </c>
      <c r="AR12" s="278">
        <v>3</v>
      </c>
      <c r="AS12" s="283">
        <v>3</v>
      </c>
      <c r="AT12" s="277">
        <v>1</v>
      </c>
      <c r="AU12" s="281">
        <v>0</v>
      </c>
      <c r="AV12" s="278">
        <v>1</v>
      </c>
      <c r="AW12" s="280">
        <v>0</v>
      </c>
      <c r="AX12" s="281">
        <v>4</v>
      </c>
      <c r="AY12" s="281">
        <v>2</v>
      </c>
      <c r="AZ12" s="281">
        <v>0</v>
      </c>
      <c r="BA12" s="281">
        <v>1</v>
      </c>
      <c r="BB12" s="281">
        <v>0</v>
      </c>
      <c r="BC12" s="278">
        <v>7</v>
      </c>
      <c r="BD12" s="283">
        <v>8</v>
      </c>
      <c r="BE12" s="277">
        <v>0</v>
      </c>
      <c r="BF12" s="281">
        <v>0</v>
      </c>
      <c r="BG12" s="278">
        <v>0</v>
      </c>
      <c r="BH12" s="280">
        <v>0</v>
      </c>
      <c r="BI12" s="281">
        <v>3</v>
      </c>
      <c r="BJ12" s="281">
        <v>5</v>
      </c>
      <c r="BK12" s="281">
        <v>6</v>
      </c>
      <c r="BL12" s="281">
        <v>2</v>
      </c>
      <c r="BM12" s="281">
        <v>3</v>
      </c>
      <c r="BN12" s="282">
        <v>19</v>
      </c>
      <c r="BO12" s="283">
        <v>19</v>
      </c>
      <c r="BP12" s="277">
        <v>0</v>
      </c>
      <c r="BQ12" s="281">
        <v>0</v>
      </c>
      <c r="BR12" s="278">
        <v>0</v>
      </c>
      <c r="BS12" s="280">
        <v>0</v>
      </c>
      <c r="BT12" s="281">
        <v>1</v>
      </c>
      <c r="BU12" s="281">
        <v>1</v>
      </c>
      <c r="BV12" s="281">
        <v>1</v>
      </c>
      <c r="BW12" s="281">
        <v>1</v>
      </c>
      <c r="BX12" s="281">
        <v>0</v>
      </c>
      <c r="BY12" s="278">
        <v>4</v>
      </c>
      <c r="BZ12" s="283">
        <v>4</v>
      </c>
      <c r="CA12" s="277">
        <v>0</v>
      </c>
      <c r="CB12" s="281">
        <v>0</v>
      </c>
      <c r="CC12" s="278">
        <v>0</v>
      </c>
      <c r="CD12" s="280">
        <v>0</v>
      </c>
      <c r="CE12" s="281">
        <v>0</v>
      </c>
      <c r="CF12" s="281">
        <v>0</v>
      </c>
      <c r="CG12" s="281">
        <v>0</v>
      </c>
      <c r="CH12" s="281">
        <v>0</v>
      </c>
      <c r="CI12" s="281">
        <v>0</v>
      </c>
      <c r="CJ12" s="278">
        <v>0</v>
      </c>
      <c r="CK12" s="283">
        <v>0</v>
      </c>
      <c r="CL12" s="277">
        <v>0</v>
      </c>
      <c r="CM12" s="281">
        <v>0</v>
      </c>
      <c r="CN12" s="278">
        <v>0</v>
      </c>
      <c r="CO12" s="280">
        <v>0</v>
      </c>
      <c r="CP12" s="281">
        <v>0</v>
      </c>
      <c r="CQ12" s="281">
        <v>1</v>
      </c>
      <c r="CR12" s="281">
        <v>3</v>
      </c>
      <c r="CS12" s="281">
        <v>0</v>
      </c>
      <c r="CT12" s="281">
        <v>0</v>
      </c>
      <c r="CU12" s="278">
        <v>4</v>
      </c>
      <c r="CV12" s="283">
        <v>4</v>
      </c>
    </row>
    <row r="13" spans="1:100" ht="21" customHeight="1" x14ac:dyDescent="0.2">
      <c r="A13" s="262" t="s">
        <v>10</v>
      </c>
      <c r="B13" s="277">
        <v>0</v>
      </c>
      <c r="C13" s="278">
        <v>0</v>
      </c>
      <c r="D13" s="279">
        <v>0</v>
      </c>
      <c r="E13" s="280">
        <v>0</v>
      </c>
      <c r="F13" s="281">
        <v>4</v>
      </c>
      <c r="G13" s="281">
        <v>1</v>
      </c>
      <c r="H13" s="281">
        <v>0</v>
      </c>
      <c r="I13" s="281">
        <v>1</v>
      </c>
      <c r="J13" s="281">
        <v>0</v>
      </c>
      <c r="K13" s="282">
        <v>6</v>
      </c>
      <c r="L13" s="283">
        <v>6</v>
      </c>
      <c r="M13" s="277">
        <v>0</v>
      </c>
      <c r="N13" s="281">
        <v>0</v>
      </c>
      <c r="O13" s="278">
        <v>0</v>
      </c>
      <c r="P13" s="280">
        <v>0</v>
      </c>
      <c r="Q13" s="281">
        <v>1</v>
      </c>
      <c r="R13" s="281">
        <v>2</v>
      </c>
      <c r="S13" s="281">
        <v>2</v>
      </c>
      <c r="T13" s="281">
        <v>0</v>
      </c>
      <c r="U13" s="281">
        <v>0</v>
      </c>
      <c r="V13" s="278">
        <v>5</v>
      </c>
      <c r="W13" s="283">
        <v>5</v>
      </c>
      <c r="X13" s="277">
        <v>0</v>
      </c>
      <c r="Y13" s="281">
        <v>0</v>
      </c>
      <c r="Z13" s="278">
        <v>0</v>
      </c>
      <c r="AA13" s="280">
        <v>0</v>
      </c>
      <c r="AB13" s="281">
        <v>39</v>
      </c>
      <c r="AC13" s="281">
        <v>26</v>
      </c>
      <c r="AD13" s="281">
        <v>3</v>
      </c>
      <c r="AE13" s="281">
        <v>2</v>
      </c>
      <c r="AF13" s="281">
        <v>2</v>
      </c>
      <c r="AG13" s="278">
        <v>72</v>
      </c>
      <c r="AH13" s="283">
        <v>72</v>
      </c>
      <c r="AI13" s="277">
        <v>0</v>
      </c>
      <c r="AJ13" s="281">
        <v>0</v>
      </c>
      <c r="AK13" s="278">
        <v>0</v>
      </c>
      <c r="AL13" s="280">
        <v>0</v>
      </c>
      <c r="AM13" s="281">
        <v>2</v>
      </c>
      <c r="AN13" s="281">
        <v>3</v>
      </c>
      <c r="AO13" s="281">
        <v>4</v>
      </c>
      <c r="AP13" s="281">
        <v>0</v>
      </c>
      <c r="AQ13" s="281">
        <v>1</v>
      </c>
      <c r="AR13" s="278">
        <v>10</v>
      </c>
      <c r="AS13" s="283">
        <v>10</v>
      </c>
      <c r="AT13" s="277">
        <v>0</v>
      </c>
      <c r="AU13" s="281">
        <v>0</v>
      </c>
      <c r="AV13" s="278">
        <v>0</v>
      </c>
      <c r="AW13" s="280">
        <v>0</v>
      </c>
      <c r="AX13" s="281">
        <v>3</v>
      </c>
      <c r="AY13" s="281">
        <v>4</v>
      </c>
      <c r="AZ13" s="281">
        <v>5</v>
      </c>
      <c r="BA13" s="281">
        <v>6</v>
      </c>
      <c r="BB13" s="281">
        <v>2</v>
      </c>
      <c r="BC13" s="278">
        <v>20</v>
      </c>
      <c r="BD13" s="283">
        <v>20</v>
      </c>
      <c r="BE13" s="277">
        <v>0</v>
      </c>
      <c r="BF13" s="281">
        <v>0</v>
      </c>
      <c r="BG13" s="278">
        <v>0</v>
      </c>
      <c r="BH13" s="280">
        <v>0</v>
      </c>
      <c r="BI13" s="281">
        <v>6</v>
      </c>
      <c r="BJ13" s="281">
        <v>11</v>
      </c>
      <c r="BK13" s="281">
        <v>5</v>
      </c>
      <c r="BL13" s="281">
        <v>7</v>
      </c>
      <c r="BM13" s="281">
        <v>4</v>
      </c>
      <c r="BN13" s="282">
        <v>33</v>
      </c>
      <c r="BO13" s="283">
        <v>33</v>
      </c>
      <c r="BP13" s="277">
        <v>0</v>
      </c>
      <c r="BQ13" s="281">
        <v>0</v>
      </c>
      <c r="BR13" s="278">
        <v>0</v>
      </c>
      <c r="BS13" s="280">
        <v>0</v>
      </c>
      <c r="BT13" s="281">
        <v>1</v>
      </c>
      <c r="BU13" s="281">
        <v>3</v>
      </c>
      <c r="BV13" s="281">
        <v>4</v>
      </c>
      <c r="BW13" s="281">
        <v>3</v>
      </c>
      <c r="BX13" s="281">
        <v>3</v>
      </c>
      <c r="BY13" s="278">
        <v>14</v>
      </c>
      <c r="BZ13" s="283">
        <v>14</v>
      </c>
      <c r="CA13" s="277">
        <v>0</v>
      </c>
      <c r="CB13" s="281">
        <v>0</v>
      </c>
      <c r="CC13" s="278">
        <v>0</v>
      </c>
      <c r="CD13" s="280">
        <v>0</v>
      </c>
      <c r="CE13" s="281">
        <v>0</v>
      </c>
      <c r="CF13" s="281">
        <v>0</v>
      </c>
      <c r="CG13" s="281">
        <v>1</v>
      </c>
      <c r="CH13" s="281">
        <v>1</v>
      </c>
      <c r="CI13" s="281">
        <v>3</v>
      </c>
      <c r="CJ13" s="278">
        <v>5</v>
      </c>
      <c r="CK13" s="283">
        <v>5</v>
      </c>
      <c r="CL13" s="277">
        <v>0</v>
      </c>
      <c r="CM13" s="281">
        <v>0</v>
      </c>
      <c r="CN13" s="278">
        <v>0</v>
      </c>
      <c r="CO13" s="280">
        <v>0</v>
      </c>
      <c r="CP13" s="281">
        <v>0</v>
      </c>
      <c r="CQ13" s="281">
        <v>1</v>
      </c>
      <c r="CR13" s="281">
        <v>6</v>
      </c>
      <c r="CS13" s="281">
        <v>0</v>
      </c>
      <c r="CT13" s="281">
        <v>2</v>
      </c>
      <c r="CU13" s="278">
        <v>9</v>
      </c>
      <c r="CV13" s="283">
        <v>9</v>
      </c>
    </row>
    <row r="14" spans="1:100" ht="21" customHeight="1" x14ac:dyDescent="0.2">
      <c r="A14" s="262" t="s">
        <v>11</v>
      </c>
      <c r="B14" s="277">
        <v>0</v>
      </c>
      <c r="C14" s="278">
        <v>0</v>
      </c>
      <c r="D14" s="279">
        <v>0</v>
      </c>
      <c r="E14" s="280">
        <v>0</v>
      </c>
      <c r="F14" s="281">
        <v>1</v>
      </c>
      <c r="G14" s="281">
        <v>0</v>
      </c>
      <c r="H14" s="281">
        <v>2</v>
      </c>
      <c r="I14" s="281">
        <v>0</v>
      </c>
      <c r="J14" s="281">
        <v>0</v>
      </c>
      <c r="K14" s="282">
        <v>3</v>
      </c>
      <c r="L14" s="283">
        <v>3</v>
      </c>
      <c r="M14" s="277">
        <v>0</v>
      </c>
      <c r="N14" s="281">
        <v>0</v>
      </c>
      <c r="O14" s="278">
        <v>0</v>
      </c>
      <c r="P14" s="280">
        <v>0</v>
      </c>
      <c r="Q14" s="281">
        <v>1</v>
      </c>
      <c r="R14" s="281">
        <v>0</v>
      </c>
      <c r="S14" s="281">
        <v>0</v>
      </c>
      <c r="T14" s="281">
        <v>0</v>
      </c>
      <c r="U14" s="281">
        <v>0</v>
      </c>
      <c r="V14" s="278">
        <v>1</v>
      </c>
      <c r="W14" s="283">
        <v>1</v>
      </c>
      <c r="X14" s="277">
        <v>0</v>
      </c>
      <c r="Y14" s="281">
        <v>0</v>
      </c>
      <c r="Z14" s="278">
        <v>0</v>
      </c>
      <c r="AA14" s="280">
        <v>0</v>
      </c>
      <c r="AB14" s="281">
        <v>28</v>
      </c>
      <c r="AC14" s="281">
        <v>8</v>
      </c>
      <c r="AD14" s="281">
        <v>14</v>
      </c>
      <c r="AE14" s="281">
        <v>3</v>
      </c>
      <c r="AF14" s="281">
        <v>2</v>
      </c>
      <c r="AG14" s="278">
        <v>55</v>
      </c>
      <c r="AH14" s="283">
        <v>55</v>
      </c>
      <c r="AI14" s="277">
        <v>0</v>
      </c>
      <c r="AJ14" s="281">
        <v>0</v>
      </c>
      <c r="AK14" s="278">
        <v>0</v>
      </c>
      <c r="AL14" s="280">
        <v>0</v>
      </c>
      <c r="AM14" s="281">
        <v>5</v>
      </c>
      <c r="AN14" s="281">
        <v>3</v>
      </c>
      <c r="AO14" s="281">
        <v>0</v>
      </c>
      <c r="AP14" s="281">
        <v>0</v>
      </c>
      <c r="AQ14" s="281">
        <v>0</v>
      </c>
      <c r="AR14" s="278">
        <v>8</v>
      </c>
      <c r="AS14" s="283">
        <v>8</v>
      </c>
      <c r="AT14" s="277">
        <v>0</v>
      </c>
      <c r="AU14" s="281">
        <v>0</v>
      </c>
      <c r="AV14" s="278">
        <v>0</v>
      </c>
      <c r="AW14" s="280">
        <v>0</v>
      </c>
      <c r="AX14" s="281">
        <v>1</v>
      </c>
      <c r="AY14" s="281">
        <v>2</v>
      </c>
      <c r="AZ14" s="281">
        <v>3</v>
      </c>
      <c r="BA14" s="281">
        <v>0</v>
      </c>
      <c r="BB14" s="281">
        <v>0</v>
      </c>
      <c r="BC14" s="278">
        <v>6</v>
      </c>
      <c r="BD14" s="283">
        <v>6</v>
      </c>
      <c r="BE14" s="277">
        <v>0</v>
      </c>
      <c r="BF14" s="281">
        <v>0</v>
      </c>
      <c r="BG14" s="278">
        <v>0</v>
      </c>
      <c r="BH14" s="280">
        <v>0</v>
      </c>
      <c r="BI14" s="281">
        <v>2</v>
      </c>
      <c r="BJ14" s="281">
        <v>1</v>
      </c>
      <c r="BK14" s="281">
        <v>1</v>
      </c>
      <c r="BL14" s="281">
        <v>4</v>
      </c>
      <c r="BM14" s="281">
        <v>0</v>
      </c>
      <c r="BN14" s="282">
        <v>8</v>
      </c>
      <c r="BO14" s="283">
        <v>8</v>
      </c>
      <c r="BP14" s="277">
        <v>0</v>
      </c>
      <c r="BQ14" s="281">
        <v>0</v>
      </c>
      <c r="BR14" s="278">
        <v>0</v>
      </c>
      <c r="BS14" s="280">
        <v>0</v>
      </c>
      <c r="BT14" s="281">
        <v>0</v>
      </c>
      <c r="BU14" s="281">
        <v>0</v>
      </c>
      <c r="BV14" s="281">
        <v>0</v>
      </c>
      <c r="BW14" s="281">
        <v>0</v>
      </c>
      <c r="BX14" s="281">
        <v>0</v>
      </c>
      <c r="BY14" s="278">
        <v>0</v>
      </c>
      <c r="BZ14" s="283">
        <v>0</v>
      </c>
      <c r="CA14" s="277">
        <v>0</v>
      </c>
      <c r="CB14" s="281">
        <v>0</v>
      </c>
      <c r="CC14" s="278">
        <v>0</v>
      </c>
      <c r="CD14" s="280">
        <v>0</v>
      </c>
      <c r="CE14" s="281">
        <v>0</v>
      </c>
      <c r="CF14" s="281">
        <v>0</v>
      </c>
      <c r="CG14" s="281">
        <v>0</v>
      </c>
      <c r="CH14" s="281">
        <v>0</v>
      </c>
      <c r="CI14" s="281">
        <v>0</v>
      </c>
      <c r="CJ14" s="278">
        <v>0</v>
      </c>
      <c r="CK14" s="283">
        <v>0</v>
      </c>
      <c r="CL14" s="277">
        <v>0</v>
      </c>
      <c r="CM14" s="281">
        <v>0</v>
      </c>
      <c r="CN14" s="278">
        <v>0</v>
      </c>
      <c r="CO14" s="280">
        <v>0</v>
      </c>
      <c r="CP14" s="281">
        <v>0</v>
      </c>
      <c r="CQ14" s="281">
        <v>1</v>
      </c>
      <c r="CR14" s="281">
        <v>0</v>
      </c>
      <c r="CS14" s="281">
        <v>0</v>
      </c>
      <c r="CT14" s="281">
        <v>0</v>
      </c>
      <c r="CU14" s="278">
        <v>1</v>
      </c>
      <c r="CV14" s="283">
        <v>1</v>
      </c>
    </row>
    <row r="15" spans="1:100" ht="21" customHeight="1" x14ac:dyDescent="0.2">
      <c r="A15" s="262" t="s">
        <v>12</v>
      </c>
      <c r="B15" s="277">
        <v>0</v>
      </c>
      <c r="C15" s="278">
        <v>0</v>
      </c>
      <c r="D15" s="279">
        <v>0</v>
      </c>
      <c r="E15" s="280">
        <v>0</v>
      </c>
      <c r="F15" s="281">
        <v>0</v>
      </c>
      <c r="G15" s="281">
        <v>1</v>
      </c>
      <c r="H15" s="281">
        <v>0</v>
      </c>
      <c r="I15" s="281">
        <v>0</v>
      </c>
      <c r="J15" s="281">
        <v>0</v>
      </c>
      <c r="K15" s="282">
        <v>1</v>
      </c>
      <c r="L15" s="283">
        <v>1</v>
      </c>
      <c r="M15" s="277">
        <v>0</v>
      </c>
      <c r="N15" s="281">
        <v>0</v>
      </c>
      <c r="O15" s="278">
        <v>0</v>
      </c>
      <c r="P15" s="280">
        <v>0</v>
      </c>
      <c r="Q15" s="281">
        <v>0</v>
      </c>
      <c r="R15" s="281">
        <v>0</v>
      </c>
      <c r="S15" s="281">
        <v>0</v>
      </c>
      <c r="T15" s="281">
        <v>0</v>
      </c>
      <c r="U15" s="281">
        <v>0</v>
      </c>
      <c r="V15" s="278">
        <v>0</v>
      </c>
      <c r="W15" s="283">
        <v>0</v>
      </c>
      <c r="X15" s="277">
        <v>0</v>
      </c>
      <c r="Y15" s="281">
        <v>0</v>
      </c>
      <c r="Z15" s="278">
        <v>0</v>
      </c>
      <c r="AA15" s="280">
        <v>0</v>
      </c>
      <c r="AB15" s="281">
        <v>26</v>
      </c>
      <c r="AC15" s="281">
        <v>19</v>
      </c>
      <c r="AD15" s="281">
        <v>13</v>
      </c>
      <c r="AE15" s="281">
        <v>2</v>
      </c>
      <c r="AF15" s="281">
        <v>3</v>
      </c>
      <c r="AG15" s="278">
        <v>63</v>
      </c>
      <c r="AH15" s="283">
        <v>63</v>
      </c>
      <c r="AI15" s="277">
        <v>0</v>
      </c>
      <c r="AJ15" s="281">
        <v>0</v>
      </c>
      <c r="AK15" s="278">
        <v>0</v>
      </c>
      <c r="AL15" s="280">
        <v>0</v>
      </c>
      <c r="AM15" s="281">
        <v>0</v>
      </c>
      <c r="AN15" s="281">
        <v>0</v>
      </c>
      <c r="AO15" s="281">
        <v>0</v>
      </c>
      <c r="AP15" s="281">
        <v>0</v>
      </c>
      <c r="AQ15" s="281">
        <v>0</v>
      </c>
      <c r="AR15" s="278">
        <v>0</v>
      </c>
      <c r="AS15" s="283">
        <v>0</v>
      </c>
      <c r="AT15" s="277">
        <v>0</v>
      </c>
      <c r="AU15" s="281">
        <v>0</v>
      </c>
      <c r="AV15" s="278">
        <v>0</v>
      </c>
      <c r="AW15" s="280">
        <v>0</v>
      </c>
      <c r="AX15" s="281">
        <v>3</v>
      </c>
      <c r="AY15" s="281">
        <v>1</v>
      </c>
      <c r="AZ15" s="281">
        <v>4</v>
      </c>
      <c r="BA15" s="281">
        <v>4</v>
      </c>
      <c r="BB15" s="281">
        <v>2</v>
      </c>
      <c r="BC15" s="278">
        <v>14</v>
      </c>
      <c r="BD15" s="283">
        <v>14</v>
      </c>
      <c r="BE15" s="277">
        <v>0</v>
      </c>
      <c r="BF15" s="281">
        <v>0</v>
      </c>
      <c r="BG15" s="278">
        <v>0</v>
      </c>
      <c r="BH15" s="280">
        <v>0</v>
      </c>
      <c r="BI15" s="281">
        <v>6</v>
      </c>
      <c r="BJ15" s="281">
        <v>4</v>
      </c>
      <c r="BK15" s="281">
        <v>2</v>
      </c>
      <c r="BL15" s="281">
        <v>4</v>
      </c>
      <c r="BM15" s="281">
        <v>1</v>
      </c>
      <c r="BN15" s="282">
        <v>17</v>
      </c>
      <c r="BO15" s="283">
        <v>17</v>
      </c>
      <c r="BP15" s="277">
        <v>0</v>
      </c>
      <c r="BQ15" s="281">
        <v>0</v>
      </c>
      <c r="BR15" s="278">
        <v>0</v>
      </c>
      <c r="BS15" s="280">
        <v>0</v>
      </c>
      <c r="BT15" s="281">
        <v>0</v>
      </c>
      <c r="BU15" s="281">
        <v>2</v>
      </c>
      <c r="BV15" s="281">
        <v>0</v>
      </c>
      <c r="BW15" s="281">
        <v>3</v>
      </c>
      <c r="BX15" s="281">
        <v>0</v>
      </c>
      <c r="BY15" s="278">
        <v>5</v>
      </c>
      <c r="BZ15" s="283">
        <v>5</v>
      </c>
      <c r="CA15" s="277">
        <v>0</v>
      </c>
      <c r="CB15" s="281">
        <v>0</v>
      </c>
      <c r="CC15" s="278">
        <v>0</v>
      </c>
      <c r="CD15" s="280">
        <v>0</v>
      </c>
      <c r="CE15" s="281">
        <v>0</v>
      </c>
      <c r="CF15" s="281">
        <v>0</v>
      </c>
      <c r="CG15" s="281">
        <v>0</v>
      </c>
      <c r="CH15" s="281">
        <v>1</v>
      </c>
      <c r="CI15" s="281">
        <v>1</v>
      </c>
      <c r="CJ15" s="278">
        <v>2</v>
      </c>
      <c r="CK15" s="283">
        <v>2</v>
      </c>
      <c r="CL15" s="277">
        <v>0</v>
      </c>
      <c r="CM15" s="281">
        <v>0</v>
      </c>
      <c r="CN15" s="278">
        <v>0</v>
      </c>
      <c r="CO15" s="280">
        <v>0</v>
      </c>
      <c r="CP15" s="281">
        <v>2</v>
      </c>
      <c r="CQ15" s="281">
        <v>1</v>
      </c>
      <c r="CR15" s="281">
        <v>1</v>
      </c>
      <c r="CS15" s="281">
        <v>5</v>
      </c>
      <c r="CT15" s="281">
        <v>2</v>
      </c>
      <c r="CU15" s="278">
        <v>11</v>
      </c>
      <c r="CV15" s="283">
        <v>11</v>
      </c>
    </row>
    <row r="16" spans="1:100" ht="21" customHeight="1" x14ac:dyDescent="0.2">
      <c r="A16" s="262" t="s">
        <v>13</v>
      </c>
      <c r="B16" s="277">
        <v>0</v>
      </c>
      <c r="C16" s="278">
        <v>0</v>
      </c>
      <c r="D16" s="279">
        <v>0</v>
      </c>
      <c r="E16" s="280">
        <v>0</v>
      </c>
      <c r="F16" s="281">
        <v>0</v>
      </c>
      <c r="G16" s="281">
        <v>0</v>
      </c>
      <c r="H16" s="281">
        <v>0</v>
      </c>
      <c r="I16" s="281">
        <v>0</v>
      </c>
      <c r="J16" s="281">
        <v>0</v>
      </c>
      <c r="K16" s="282">
        <v>0</v>
      </c>
      <c r="L16" s="283">
        <v>0</v>
      </c>
      <c r="M16" s="277">
        <v>0</v>
      </c>
      <c r="N16" s="281">
        <v>0</v>
      </c>
      <c r="O16" s="278">
        <v>0</v>
      </c>
      <c r="P16" s="280">
        <v>0</v>
      </c>
      <c r="Q16" s="281">
        <v>0</v>
      </c>
      <c r="R16" s="281">
        <v>0</v>
      </c>
      <c r="S16" s="281">
        <v>0</v>
      </c>
      <c r="T16" s="281">
        <v>0</v>
      </c>
      <c r="U16" s="281">
        <v>0</v>
      </c>
      <c r="V16" s="278">
        <v>0</v>
      </c>
      <c r="W16" s="283">
        <v>0</v>
      </c>
      <c r="X16" s="277">
        <v>0</v>
      </c>
      <c r="Y16" s="281">
        <v>0</v>
      </c>
      <c r="Z16" s="278">
        <v>0</v>
      </c>
      <c r="AA16" s="280">
        <v>0</v>
      </c>
      <c r="AB16" s="281">
        <v>13</v>
      </c>
      <c r="AC16" s="281">
        <v>8</v>
      </c>
      <c r="AD16" s="281">
        <v>4</v>
      </c>
      <c r="AE16" s="281">
        <v>2</v>
      </c>
      <c r="AF16" s="281">
        <v>1</v>
      </c>
      <c r="AG16" s="278">
        <v>28</v>
      </c>
      <c r="AH16" s="283">
        <v>28</v>
      </c>
      <c r="AI16" s="277">
        <v>0</v>
      </c>
      <c r="AJ16" s="281">
        <v>0</v>
      </c>
      <c r="AK16" s="278">
        <v>0</v>
      </c>
      <c r="AL16" s="280">
        <v>0</v>
      </c>
      <c r="AM16" s="281">
        <v>0</v>
      </c>
      <c r="AN16" s="281">
        <v>0</v>
      </c>
      <c r="AO16" s="281">
        <v>2</v>
      </c>
      <c r="AP16" s="281">
        <v>2</v>
      </c>
      <c r="AQ16" s="281">
        <v>0</v>
      </c>
      <c r="AR16" s="278">
        <v>4</v>
      </c>
      <c r="AS16" s="283">
        <v>4</v>
      </c>
      <c r="AT16" s="277">
        <v>0</v>
      </c>
      <c r="AU16" s="281">
        <v>0</v>
      </c>
      <c r="AV16" s="278">
        <v>0</v>
      </c>
      <c r="AW16" s="280">
        <v>0</v>
      </c>
      <c r="AX16" s="281">
        <v>1</v>
      </c>
      <c r="AY16" s="281">
        <v>2</v>
      </c>
      <c r="AZ16" s="281">
        <v>0</v>
      </c>
      <c r="BA16" s="281">
        <v>1</v>
      </c>
      <c r="BB16" s="281">
        <v>0</v>
      </c>
      <c r="BC16" s="278">
        <v>4</v>
      </c>
      <c r="BD16" s="283">
        <v>4</v>
      </c>
      <c r="BE16" s="277">
        <v>0</v>
      </c>
      <c r="BF16" s="281">
        <v>0</v>
      </c>
      <c r="BG16" s="278">
        <v>0</v>
      </c>
      <c r="BH16" s="280">
        <v>0</v>
      </c>
      <c r="BI16" s="281">
        <v>1</v>
      </c>
      <c r="BJ16" s="281">
        <v>0</v>
      </c>
      <c r="BK16" s="281">
        <v>2</v>
      </c>
      <c r="BL16" s="281">
        <v>2</v>
      </c>
      <c r="BM16" s="281">
        <v>0</v>
      </c>
      <c r="BN16" s="282">
        <v>5</v>
      </c>
      <c r="BO16" s="283">
        <v>5</v>
      </c>
      <c r="BP16" s="277">
        <v>0</v>
      </c>
      <c r="BQ16" s="281">
        <v>0</v>
      </c>
      <c r="BR16" s="278">
        <v>0</v>
      </c>
      <c r="BS16" s="280">
        <v>0</v>
      </c>
      <c r="BT16" s="281">
        <v>0</v>
      </c>
      <c r="BU16" s="281">
        <v>0</v>
      </c>
      <c r="BV16" s="281">
        <v>0</v>
      </c>
      <c r="BW16" s="281">
        <v>1</v>
      </c>
      <c r="BX16" s="281">
        <v>0</v>
      </c>
      <c r="BY16" s="278">
        <v>1</v>
      </c>
      <c r="BZ16" s="283">
        <v>1</v>
      </c>
      <c r="CA16" s="277">
        <v>0</v>
      </c>
      <c r="CB16" s="281">
        <v>0</v>
      </c>
      <c r="CC16" s="278">
        <v>0</v>
      </c>
      <c r="CD16" s="280">
        <v>0</v>
      </c>
      <c r="CE16" s="281">
        <v>0</v>
      </c>
      <c r="CF16" s="281">
        <v>0</v>
      </c>
      <c r="CG16" s="281">
        <v>0</v>
      </c>
      <c r="CH16" s="281">
        <v>0</v>
      </c>
      <c r="CI16" s="281">
        <v>0</v>
      </c>
      <c r="CJ16" s="278">
        <v>0</v>
      </c>
      <c r="CK16" s="283">
        <v>0</v>
      </c>
      <c r="CL16" s="277">
        <v>0</v>
      </c>
      <c r="CM16" s="281">
        <v>0</v>
      </c>
      <c r="CN16" s="278">
        <v>0</v>
      </c>
      <c r="CO16" s="280">
        <v>0</v>
      </c>
      <c r="CP16" s="281">
        <v>0</v>
      </c>
      <c r="CQ16" s="281">
        <v>0</v>
      </c>
      <c r="CR16" s="281">
        <v>0</v>
      </c>
      <c r="CS16" s="281">
        <v>0</v>
      </c>
      <c r="CT16" s="281">
        <v>0</v>
      </c>
      <c r="CU16" s="278">
        <v>0</v>
      </c>
      <c r="CV16" s="283">
        <v>0</v>
      </c>
    </row>
    <row r="17" spans="1:100" ht="21" customHeight="1" x14ac:dyDescent="0.2">
      <c r="A17" s="262" t="s">
        <v>15</v>
      </c>
      <c r="B17" s="277">
        <v>0</v>
      </c>
      <c r="C17" s="278">
        <v>0</v>
      </c>
      <c r="D17" s="279">
        <v>0</v>
      </c>
      <c r="E17" s="280">
        <v>0</v>
      </c>
      <c r="F17" s="281">
        <v>0</v>
      </c>
      <c r="G17" s="281">
        <v>0</v>
      </c>
      <c r="H17" s="281">
        <v>0</v>
      </c>
      <c r="I17" s="281">
        <v>1</v>
      </c>
      <c r="J17" s="281">
        <v>1</v>
      </c>
      <c r="K17" s="282">
        <v>2</v>
      </c>
      <c r="L17" s="283">
        <v>2</v>
      </c>
      <c r="M17" s="277">
        <v>0</v>
      </c>
      <c r="N17" s="281">
        <v>0</v>
      </c>
      <c r="O17" s="278">
        <v>0</v>
      </c>
      <c r="P17" s="280">
        <v>0</v>
      </c>
      <c r="Q17" s="281">
        <v>0</v>
      </c>
      <c r="R17" s="281">
        <v>0</v>
      </c>
      <c r="S17" s="281">
        <v>0</v>
      </c>
      <c r="T17" s="281">
        <v>0</v>
      </c>
      <c r="U17" s="281">
        <v>0</v>
      </c>
      <c r="V17" s="278">
        <v>0</v>
      </c>
      <c r="W17" s="283">
        <v>0</v>
      </c>
      <c r="X17" s="277">
        <v>0</v>
      </c>
      <c r="Y17" s="281">
        <v>0</v>
      </c>
      <c r="Z17" s="278">
        <v>0</v>
      </c>
      <c r="AA17" s="280">
        <v>0</v>
      </c>
      <c r="AB17" s="281">
        <v>5</v>
      </c>
      <c r="AC17" s="281">
        <v>11</v>
      </c>
      <c r="AD17" s="281">
        <v>2</v>
      </c>
      <c r="AE17" s="281">
        <v>1</v>
      </c>
      <c r="AF17" s="281">
        <v>1</v>
      </c>
      <c r="AG17" s="278">
        <v>20</v>
      </c>
      <c r="AH17" s="283">
        <v>20</v>
      </c>
      <c r="AI17" s="277">
        <v>0</v>
      </c>
      <c r="AJ17" s="281">
        <v>0</v>
      </c>
      <c r="AK17" s="278">
        <v>0</v>
      </c>
      <c r="AL17" s="280">
        <v>0</v>
      </c>
      <c r="AM17" s="281">
        <v>0</v>
      </c>
      <c r="AN17" s="281">
        <v>1</v>
      </c>
      <c r="AO17" s="281">
        <v>0</v>
      </c>
      <c r="AP17" s="281">
        <v>0</v>
      </c>
      <c r="AQ17" s="281">
        <v>0</v>
      </c>
      <c r="AR17" s="278">
        <v>1</v>
      </c>
      <c r="AS17" s="283">
        <v>1</v>
      </c>
      <c r="AT17" s="277">
        <v>0</v>
      </c>
      <c r="AU17" s="281">
        <v>0</v>
      </c>
      <c r="AV17" s="278">
        <v>0</v>
      </c>
      <c r="AW17" s="280">
        <v>0</v>
      </c>
      <c r="AX17" s="281">
        <v>0</v>
      </c>
      <c r="AY17" s="281">
        <v>3</v>
      </c>
      <c r="AZ17" s="281">
        <v>0</v>
      </c>
      <c r="BA17" s="281">
        <v>2</v>
      </c>
      <c r="BB17" s="281">
        <v>0</v>
      </c>
      <c r="BC17" s="278">
        <v>5</v>
      </c>
      <c r="BD17" s="283">
        <v>5</v>
      </c>
      <c r="BE17" s="277">
        <v>0</v>
      </c>
      <c r="BF17" s="281">
        <v>0</v>
      </c>
      <c r="BG17" s="278">
        <v>0</v>
      </c>
      <c r="BH17" s="280">
        <v>0</v>
      </c>
      <c r="BI17" s="281">
        <v>2</v>
      </c>
      <c r="BJ17" s="281">
        <v>2</v>
      </c>
      <c r="BK17" s="281">
        <v>0</v>
      </c>
      <c r="BL17" s="281">
        <v>1</v>
      </c>
      <c r="BM17" s="281">
        <v>0</v>
      </c>
      <c r="BN17" s="282">
        <v>5</v>
      </c>
      <c r="BO17" s="283">
        <v>5</v>
      </c>
      <c r="BP17" s="277">
        <v>0</v>
      </c>
      <c r="BQ17" s="281">
        <v>0</v>
      </c>
      <c r="BR17" s="278">
        <v>0</v>
      </c>
      <c r="BS17" s="280">
        <v>0</v>
      </c>
      <c r="BT17" s="281">
        <v>0</v>
      </c>
      <c r="BU17" s="281">
        <v>0</v>
      </c>
      <c r="BV17" s="281">
        <v>0</v>
      </c>
      <c r="BW17" s="281">
        <v>0</v>
      </c>
      <c r="BX17" s="281">
        <v>0</v>
      </c>
      <c r="BY17" s="278">
        <v>0</v>
      </c>
      <c r="BZ17" s="283">
        <v>0</v>
      </c>
      <c r="CA17" s="277">
        <v>0</v>
      </c>
      <c r="CB17" s="281">
        <v>0</v>
      </c>
      <c r="CC17" s="278">
        <v>0</v>
      </c>
      <c r="CD17" s="280">
        <v>0</v>
      </c>
      <c r="CE17" s="281">
        <v>0</v>
      </c>
      <c r="CF17" s="281">
        <v>0</v>
      </c>
      <c r="CG17" s="281">
        <v>0</v>
      </c>
      <c r="CH17" s="281">
        <v>0</v>
      </c>
      <c r="CI17" s="281">
        <v>0</v>
      </c>
      <c r="CJ17" s="278">
        <v>0</v>
      </c>
      <c r="CK17" s="283">
        <v>0</v>
      </c>
      <c r="CL17" s="277">
        <v>0</v>
      </c>
      <c r="CM17" s="281">
        <v>0</v>
      </c>
      <c r="CN17" s="278">
        <v>0</v>
      </c>
      <c r="CO17" s="280">
        <v>0</v>
      </c>
      <c r="CP17" s="281">
        <v>0</v>
      </c>
      <c r="CQ17" s="281">
        <v>0</v>
      </c>
      <c r="CR17" s="281">
        <v>0</v>
      </c>
      <c r="CS17" s="281">
        <v>0</v>
      </c>
      <c r="CT17" s="281">
        <v>0</v>
      </c>
      <c r="CU17" s="278">
        <v>0</v>
      </c>
      <c r="CV17" s="283">
        <v>0</v>
      </c>
    </row>
    <row r="18" spans="1:100" ht="21" customHeight="1" x14ac:dyDescent="0.2">
      <c r="A18" s="262" t="s">
        <v>16</v>
      </c>
      <c r="B18" s="277">
        <v>0</v>
      </c>
      <c r="C18" s="278">
        <v>0</v>
      </c>
      <c r="D18" s="279">
        <v>0</v>
      </c>
      <c r="E18" s="280">
        <v>0</v>
      </c>
      <c r="F18" s="281">
        <v>0</v>
      </c>
      <c r="G18" s="281">
        <v>2</v>
      </c>
      <c r="H18" s="281">
        <v>2</v>
      </c>
      <c r="I18" s="281">
        <v>2</v>
      </c>
      <c r="J18" s="281">
        <v>2</v>
      </c>
      <c r="K18" s="282">
        <v>8</v>
      </c>
      <c r="L18" s="283">
        <v>8</v>
      </c>
      <c r="M18" s="277">
        <v>0</v>
      </c>
      <c r="N18" s="281">
        <v>0</v>
      </c>
      <c r="O18" s="278">
        <v>0</v>
      </c>
      <c r="P18" s="280">
        <v>0</v>
      </c>
      <c r="Q18" s="281">
        <v>0</v>
      </c>
      <c r="R18" s="281">
        <v>0</v>
      </c>
      <c r="S18" s="281">
        <v>0</v>
      </c>
      <c r="T18" s="281">
        <v>0</v>
      </c>
      <c r="U18" s="281">
        <v>0</v>
      </c>
      <c r="V18" s="278">
        <v>0</v>
      </c>
      <c r="W18" s="283">
        <v>0</v>
      </c>
      <c r="X18" s="277">
        <v>0</v>
      </c>
      <c r="Y18" s="281">
        <v>0</v>
      </c>
      <c r="Z18" s="278">
        <v>0</v>
      </c>
      <c r="AA18" s="280">
        <v>0</v>
      </c>
      <c r="AB18" s="281">
        <v>8</v>
      </c>
      <c r="AC18" s="281">
        <v>12</v>
      </c>
      <c r="AD18" s="281">
        <v>1</v>
      </c>
      <c r="AE18" s="281">
        <v>1</v>
      </c>
      <c r="AF18" s="281">
        <v>1</v>
      </c>
      <c r="AG18" s="278">
        <v>23</v>
      </c>
      <c r="AH18" s="283">
        <v>23</v>
      </c>
      <c r="AI18" s="277">
        <v>0</v>
      </c>
      <c r="AJ18" s="281">
        <v>0</v>
      </c>
      <c r="AK18" s="278">
        <v>0</v>
      </c>
      <c r="AL18" s="280">
        <v>0</v>
      </c>
      <c r="AM18" s="281">
        <v>2</v>
      </c>
      <c r="AN18" s="281">
        <v>0</v>
      </c>
      <c r="AO18" s="281">
        <v>2</v>
      </c>
      <c r="AP18" s="281">
        <v>0</v>
      </c>
      <c r="AQ18" s="281">
        <v>0</v>
      </c>
      <c r="AR18" s="278">
        <v>4</v>
      </c>
      <c r="AS18" s="283">
        <v>4</v>
      </c>
      <c r="AT18" s="277">
        <v>0</v>
      </c>
      <c r="AU18" s="281">
        <v>0</v>
      </c>
      <c r="AV18" s="278">
        <v>0</v>
      </c>
      <c r="AW18" s="280">
        <v>0</v>
      </c>
      <c r="AX18" s="281">
        <v>0</v>
      </c>
      <c r="AY18" s="281">
        <v>1</v>
      </c>
      <c r="AZ18" s="281">
        <v>2</v>
      </c>
      <c r="BA18" s="281">
        <v>0</v>
      </c>
      <c r="BB18" s="281">
        <v>0</v>
      </c>
      <c r="BC18" s="278">
        <v>3</v>
      </c>
      <c r="BD18" s="283">
        <v>3</v>
      </c>
      <c r="BE18" s="277">
        <v>0</v>
      </c>
      <c r="BF18" s="281">
        <v>0</v>
      </c>
      <c r="BG18" s="278">
        <v>0</v>
      </c>
      <c r="BH18" s="280">
        <v>0</v>
      </c>
      <c r="BI18" s="281">
        <v>1</v>
      </c>
      <c r="BJ18" s="281">
        <v>5</v>
      </c>
      <c r="BK18" s="281">
        <v>2</v>
      </c>
      <c r="BL18" s="281">
        <v>1</v>
      </c>
      <c r="BM18" s="281">
        <v>2</v>
      </c>
      <c r="BN18" s="282">
        <v>11</v>
      </c>
      <c r="BO18" s="283">
        <v>11</v>
      </c>
      <c r="BP18" s="277">
        <v>0</v>
      </c>
      <c r="BQ18" s="281">
        <v>0</v>
      </c>
      <c r="BR18" s="278">
        <v>0</v>
      </c>
      <c r="BS18" s="280">
        <v>0</v>
      </c>
      <c r="BT18" s="281">
        <v>0</v>
      </c>
      <c r="BU18" s="281">
        <v>0</v>
      </c>
      <c r="BV18" s="281">
        <v>0</v>
      </c>
      <c r="BW18" s="281">
        <v>0</v>
      </c>
      <c r="BX18" s="281">
        <v>0</v>
      </c>
      <c r="BY18" s="278">
        <v>0</v>
      </c>
      <c r="BZ18" s="283">
        <v>0</v>
      </c>
      <c r="CA18" s="277">
        <v>0</v>
      </c>
      <c r="CB18" s="281">
        <v>0</v>
      </c>
      <c r="CC18" s="278">
        <v>0</v>
      </c>
      <c r="CD18" s="280">
        <v>0</v>
      </c>
      <c r="CE18" s="281">
        <v>0</v>
      </c>
      <c r="CF18" s="281">
        <v>0</v>
      </c>
      <c r="CG18" s="281">
        <v>0</v>
      </c>
      <c r="CH18" s="281">
        <v>0</v>
      </c>
      <c r="CI18" s="281">
        <v>0</v>
      </c>
      <c r="CJ18" s="278">
        <v>0</v>
      </c>
      <c r="CK18" s="283">
        <v>0</v>
      </c>
      <c r="CL18" s="277">
        <v>0</v>
      </c>
      <c r="CM18" s="281">
        <v>0</v>
      </c>
      <c r="CN18" s="278">
        <v>0</v>
      </c>
      <c r="CO18" s="280">
        <v>0</v>
      </c>
      <c r="CP18" s="281">
        <v>0</v>
      </c>
      <c r="CQ18" s="281">
        <v>1</v>
      </c>
      <c r="CR18" s="281">
        <v>1</v>
      </c>
      <c r="CS18" s="281">
        <v>0</v>
      </c>
      <c r="CT18" s="281">
        <v>0</v>
      </c>
      <c r="CU18" s="278">
        <v>2</v>
      </c>
      <c r="CV18" s="283">
        <v>2</v>
      </c>
    </row>
    <row r="19" spans="1:100" ht="21" customHeight="1" x14ac:dyDescent="0.2">
      <c r="A19" s="262" t="s">
        <v>17</v>
      </c>
      <c r="B19" s="277">
        <v>0</v>
      </c>
      <c r="C19" s="278">
        <v>0</v>
      </c>
      <c r="D19" s="279">
        <v>0</v>
      </c>
      <c r="E19" s="280">
        <v>0</v>
      </c>
      <c r="F19" s="281">
        <v>0</v>
      </c>
      <c r="G19" s="281">
        <v>1</v>
      </c>
      <c r="H19" s="281">
        <v>0</v>
      </c>
      <c r="I19" s="281">
        <v>0</v>
      </c>
      <c r="J19" s="281">
        <v>0</v>
      </c>
      <c r="K19" s="282">
        <v>1</v>
      </c>
      <c r="L19" s="283">
        <v>1</v>
      </c>
      <c r="M19" s="277">
        <v>0</v>
      </c>
      <c r="N19" s="281">
        <v>0</v>
      </c>
      <c r="O19" s="278">
        <v>0</v>
      </c>
      <c r="P19" s="280">
        <v>0</v>
      </c>
      <c r="Q19" s="281">
        <v>0</v>
      </c>
      <c r="R19" s="281">
        <v>0</v>
      </c>
      <c r="S19" s="281">
        <v>0</v>
      </c>
      <c r="T19" s="281">
        <v>0</v>
      </c>
      <c r="U19" s="281">
        <v>0</v>
      </c>
      <c r="V19" s="278">
        <v>0</v>
      </c>
      <c r="W19" s="283">
        <v>0</v>
      </c>
      <c r="X19" s="277">
        <v>0</v>
      </c>
      <c r="Y19" s="281">
        <v>0</v>
      </c>
      <c r="Z19" s="278">
        <v>0</v>
      </c>
      <c r="AA19" s="280">
        <v>0</v>
      </c>
      <c r="AB19" s="281">
        <v>17</v>
      </c>
      <c r="AC19" s="281">
        <v>14</v>
      </c>
      <c r="AD19" s="281">
        <v>8</v>
      </c>
      <c r="AE19" s="281">
        <v>3</v>
      </c>
      <c r="AF19" s="281">
        <v>3</v>
      </c>
      <c r="AG19" s="278">
        <v>45</v>
      </c>
      <c r="AH19" s="283">
        <v>45</v>
      </c>
      <c r="AI19" s="277">
        <v>0</v>
      </c>
      <c r="AJ19" s="281">
        <v>0</v>
      </c>
      <c r="AK19" s="278">
        <v>0</v>
      </c>
      <c r="AL19" s="280">
        <v>0</v>
      </c>
      <c r="AM19" s="281">
        <v>1</v>
      </c>
      <c r="AN19" s="281">
        <v>0</v>
      </c>
      <c r="AO19" s="281">
        <v>3</v>
      </c>
      <c r="AP19" s="281">
        <v>0</v>
      </c>
      <c r="AQ19" s="281">
        <v>0</v>
      </c>
      <c r="AR19" s="278">
        <v>4</v>
      </c>
      <c r="AS19" s="283">
        <v>4</v>
      </c>
      <c r="AT19" s="277">
        <v>0</v>
      </c>
      <c r="AU19" s="281">
        <v>0</v>
      </c>
      <c r="AV19" s="278">
        <v>0</v>
      </c>
      <c r="AW19" s="280">
        <v>0</v>
      </c>
      <c r="AX19" s="281">
        <v>0</v>
      </c>
      <c r="AY19" s="281">
        <v>3</v>
      </c>
      <c r="AZ19" s="281">
        <v>2</v>
      </c>
      <c r="BA19" s="281">
        <v>1</v>
      </c>
      <c r="BB19" s="281">
        <v>2</v>
      </c>
      <c r="BC19" s="278">
        <v>8</v>
      </c>
      <c r="BD19" s="283">
        <v>8</v>
      </c>
      <c r="BE19" s="277">
        <v>0</v>
      </c>
      <c r="BF19" s="281">
        <v>0</v>
      </c>
      <c r="BG19" s="278">
        <v>0</v>
      </c>
      <c r="BH19" s="280">
        <v>0</v>
      </c>
      <c r="BI19" s="281">
        <v>2</v>
      </c>
      <c r="BJ19" s="281">
        <v>4</v>
      </c>
      <c r="BK19" s="281">
        <v>2</v>
      </c>
      <c r="BL19" s="281">
        <v>1</v>
      </c>
      <c r="BM19" s="281">
        <v>0</v>
      </c>
      <c r="BN19" s="282">
        <v>9</v>
      </c>
      <c r="BO19" s="283">
        <v>9</v>
      </c>
      <c r="BP19" s="277">
        <v>0</v>
      </c>
      <c r="BQ19" s="281">
        <v>0</v>
      </c>
      <c r="BR19" s="278">
        <v>0</v>
      </c>
      <c r="BS19" s="280">
        <v>0</v>
      </c>
      <c r="BT19" s="281">
        <v>0</v>
      </c>
      <c r="BU19" s="281">
        <v>0</v>
      </c>
      <c r="BV19" s="281">
        <v>0</v>
      </c>
      <c r="BW19" s="281">
        <v>0</v>
      </c>
      <c r="BX19" s="281">
        <v>0</v>
      </c>
      <c r="BY19" s="278">
        <v>0</v>
      </c>
      <c r="BZ19" s="283">
        <v>0</v>
      </c>
      <c r="CA19" s="277">
        <v>0</v>
      </c>
      <c r="CB19" s="281">
        <v>0</v>
      </c>
      <c r="CC19" s="278">
        <v>0</v>
      </c>
      <c r="CD19" s="280">
        <v>0</v>
      </c>
      <c r="CE19" s="281">
        <v>0</v>
      </c>
      <c r="CF19" s="281">
        <v>0</v>
      </c>
      <c r="CG19" s="281">
        <v>2</v>
      </c>
      <c r="CH19" s="281">
        <v>0</v>
      </c>
      <c r="CI19" s="281">
        <v>0</v>
      </c>
      <c r="CJ19" s="278">
        <v>2</v>
      </c>
      <c r="CK19" s="283">
        <v>2</v>
      </c>
      <c r="CL19" s="277">
        <v>0</v>
      </c>
      <c r="CM19" s="281">
        <v>0</v>
      </c>
      <c r="CN19" s="278">
        <v>0</v>
      </c>
      <c r="CO19" s="280">
        <v>0</v>
      </c>
      <c r="CP19" s="281">
        <v>1</v>
      </c>
      <c r="CQ19" s="281">
        <v>0</v>
      </c>
      <c r="CR19" s="281">
        <v>0</v>
      </c>
      <c r="CS19" s="281">
        <v>0</v>
      </c>
      <c r="CT19" s="281">
        <v>0</v>
      </c>
      <c r="CU19" s="278">
        <v>1</v>
      </c>
      <c r="CV19" s="283">
        <v>1</v>
      </c>
    </row>
    <row r="20" spans="1:100" ht="21" customHeight="1" x14ac:dyDescent="0.2">
      <c r="A20" s="262" t="s">
        <v>18</v>
      </c>
      <c r="B20" s="277">
        <v>0</v>
      </c>
      <c r="C20" s="278">
        <v>0</v>
      </c>
      <c r="D20" s="279">
        <v>0</v>
      </c>
      <c r="E20" s="280">
        <v>0</v>
      </c>
      <c r="F20" s="281">
        <v>0</v>
      </c>
      <c r="G20" s="281">
        <v>0</v>
      </c>
      <c r="H20" s="281">
        <v>0</v>
      </c>
      <c r="I20" s="281">
        <v>0</v>
      </c>
      <c r="J20" s="281">
        <v>0</v>
      </c>
      <c r="K20" s="282">
        <v>0</v>
      </c>
      <c r="L20" s="283">
        <v>0</v>
      </c>
      <c r="M20" s="277">
        <v>0</v>
      </c>
      <c r="N20" s="281">
        <v>0</v>
      </c>
      <c r="O20" s="278">
        <v>0</v>
      </c>
      <c r="P20" s="280">
        <v>0</v>
      </c>
      <c r="Q20" s="281">
        <v>0</v>
      </c>
      <c r="R20" s="281">
        <v>0</v>
      </c>
      <c r="S20" s="281">
        <v>0</v>
      </c>
      <c r="T20" s="281">
        <v>0</v>
      </c>
      <c r="U20" s="281">
        <v>0</v>
      </c>
      <c r="V20" s="278">
        <v>0</v>
      </c>
      <c r="W20" s="283">
        <v>0</v>
      </c>
      <c r="X20" s="277">
        <v>0</v>
      </c>
      <c r="Y20" s="281">
        <v>0</v>
      </c>
      <c r="Z20" s="278">
        <v>0</v>
      </c>
      <c r="AA20" s="280">
        <v>0</v>
      </c>
      <c r="AB20" s="281">
        <v>21</v>
      </c>
      <c r="AC20" s="281">
        <v>19</v>
      </c>
      <c r="AD20" s="281">
        <v>4</v>
      </c>
      <c r="AE20" s="281">
        <v>1</v>
      </c>
      <c r="AF20" s="281">
        <v>0</v>
      </c>
      <c r="AG20" s="278">
        <v>45</v>
      </c>
      <c r="AH20" s="283">
        <v>45</v>
      </c>
      <c r="AI20" s="277">
        <v>0</v>
      </c>
      <c r="AJ20" s="281">
        <v>0</v>
      </c>
      <c r="AK20" s="278">
        <v>0</v>
      </c>
      <c r="AL20" s="280">
        <v>0</v>
      </c>
      <c r="AM20" s="281">
        <v>2</v>
      </c>
      <c r="AN20" s="281">
        <v>0</v>
      </c>
      <c r="AO20" s="281">
        <v>2</v>
      </c>
      <c r="AP20" s="281">
        <v>1</v>
      </c>
      <c r="AQ20" s="281">
        <v>0</v>
      </c>
      <c r="AR20" s="278">
        <v>5</v>
      </c>
      <c r="AS20" s="283">
        <v>5</v>
      </c>
      <c r="AT20" s="277">
        <v>2</v>
      </c>
      <c r="AU20" s="281">
        <v>0</v>
      </c>
      <c r="AV20" s="278">
        <v>2</v>
      </c>
      <c r="AW20" s="280">
        <v>0</v>
      </c>
      <c r="AX20" s="281">
        <v>5</v>
      </c>
      <c r="AY20" s="281">
        <v>4</v>
      </c>
      <c r="AZ20" s="281">
        <v>3</v>
      </c>
      <c r="BA20" s="281">
        <v>1</v>
      </c>
      <c r="BB20" s="281">
        <v>0</v>
      </c>
      <c r="BC20" s="278">
        <v>13</v>
      </c>
      <c r="BD20" s="283">
        <v>15</v>
      </c>
      <c r="BE20" s="277">
        <v>0</v>
      </c>
      <c r="BF20" s="281">
        <v>0</v>
      </c>
      <c r="BG20" s="278">
        <v>0</v>
      </c>
      <c r="BH20" s="280">
        <v>0</v>
      </c>
      <c r="BI20" s="281">
        <v>2</v>
      </c>
      <c r="BJ20" s="281">
        <v>4</v>
      </c>
      <c r="BK20" s="281">
        <v>5</v>
      </c>
      <c r="BL20" s="281">
        <v>2</v>
      </c>
      <c r="BM20" s="281">
        <v>3</v>
      </c>
      <c r="BN20" s="282">
        <v>16</v>
      </c>
      <c r="BO20" s="283">
        <v>16</v>
      </c>
      <c r="BP20" s="277">
        <v>0</v>
      </c>
      <c r="BQ20" s="281">
        <v>0</v>
      </c>
      <c r="BR20" s="278">
        <v>0</v>
      </c>
      <c r="BS20" s="280">
        <v>0</v>
      </c>
      <c r="BT20" s="281">
        <v>0</v>
      </c>
      <c r="BU20" s="281">
        <v>0</v>
      </c>
      <c r="BV20" s="281">
        <v>0</v>
      </c>
      <c r="BW20" s="281">
        <v>0</v>
      </c>
      <c r="BX20" s="281">
        <v>0</v>
      </c>
      <c r="BY20" s="278">
        <v>0</v>
      </c>
      <c r="BZ20" s="283">
        <v>0</v>
      </c>
      <c r="CA20" s="277">
        <v>0</v>
      </c>
      <c r="CB20" s="281">
        <v>0</v>
      </c>
      <c r="CC20" s="278">
        <v>0</v>
      </c>
      <c r="CD20" s="280">
        <v>0</v>
      </c>
      <c r="CE20" s="281">
        <v>0</v>
      </c>
      <c r="CF20" s="281">
        <v>0</v>
      </c>
      <c r="CG20" s="281">
        <v>0</v>
      </c>
      <c r="CH20" s="281">
        <v>0</v>
      </c>
      <c r="CI20" s="281">
        <v>0</v>
      </c>
      <c r="CJ20" s="278">
        <v>0</v>
      </c>
      <c r="CK20" s="283">
        <v>0</v>
      </c>
      <c r="CL20" s="277">
        <v>0</v>
      </c>
      <c r="CM20" s="281">
        <v>0</v>
      </c>
      <c r="CN20" s="278">
        <v>0</v>
      </c>
      <c r="CO20" s="280">
        <v>0</v>
      </c>
      <c r="CP20" s="281">
        <v>0</v>
      </c>
      <c r="CQ20" s="281">
        <v>0</v>
      </c>
      <c r="CR20" s="281">
        <v>2</v>
      </c>
      <c r="CS20" s="281">
        <v>3</v>
      </c>
      <c r="CT20" s="281">
        <v>1</v>
      </c>
      <c r="CU20" s="278">
        <v>6</v>
      </c>
      <c r="CV20" s="283">
        <v>6</v>
      </c>
    </row>
    <row r="21" spans="1:100" ht="21" customHeight="1" x14ac:dyDescent="0.2">
      <c r="A21" s="262" t="s">
        <v>19</v>
      </c>
      <c r="B21" s="277">
        <v>0</v>
      </c>
      <c r="C21" s="278">
        <v>0</v>
      </c>
      <c r="D21" s="279">
        <v>0</v>
      </c>
      <c r="E21" s="280">
        <v>0</v>
      </c>
      <c r="F21" s="281">
        <v>1</v>
      </c>
      <c r="G21" s="281">
        <v>0</v>
      </c>
      <c r="H21" s="281">
        <v>0</v>
      </c>
      <c r="I21" s="281">
        <v>1</v>
      </c>
      <c r="J21" s="281">
        <v>0</v>
      </c>
      <c r="K21" s="282">
        <v>2</v>
      </c>
      <c r="L21" s="283">
        <v>2</v>
      </c>
      <c r="M21" s="277">
        <v>0</v>
      </c>
      <c r="N21" s="281">
        <v>0</v>
      </c>
      <c r="O21" s="278">
        <v>0</v>
      </c>
      <c r="P21" s="280">
        <v>0</v>
      </c>
      <c r="Q21" s="281">
        <v>0</v>
      </c>
      <c r="R21" s="281">
        <v>0</v>
      </c>
      <c r="S21" s="281">
        <v>0</v>
      </c>
      <c r="T21" s="281">
        <v>0</v>
      </c>
      <c r="U21" s="281">
        <v>0</v>
      </c>
      <c r="V21" s="278">
        <v>0</v>
      </c>
      <c r="W21" s="283">
        <v>0</v>
      </c>
      <c r="X21" s="277">
        <v>0</v>
      </c>
      <c r="Y21" s="281">
        <v>0</v>
      </c>
      <c r="Z21" s="278">
        <v>0</v>
      </c>
      <c r="AA21" s="280">
        <v>0</v>
      </c>
      <c r="AB21" s="281">
        <v>6</v>
      </c>
      <c r="AC21" s="281">
        <v>6</v>
      </c>
      <c r="AD21" s="281">
        <v>0</v>
      </c>
      <c r="AE21" s="281">
        <v>1</v>
      </c>
      <c r="AF21" s="281">
        <v>0</v>
      </c>
      <c r="AG21" s="278">
        <v>13</v>
      </c>
      <c r="AH21" s="283">
        <v>13</v>
      </c>
      <c r="AI21" s="277">
        <v>0</v>
      </c>
      <c r="AJ21" s="281">
        <v>0</v>
      </c>
      <c r="AK21" s="278">
        <v>0</v>
      </c>
      <c r="AL21" s="280">
        <v>0</v>
      </c>
      <c r="AM21" s="281">
        <v>0</v>
      </c>
      <c r="AN21" s="281">
        <v>3</v>
      </c>
      <c r="AO21" s="281">
        <v>0</v>
      </c>
      <c r="AP21" s="281">
        <v>0</v>
      </c>
      <c r="AQ21" s="281">
        <v>0</v>
      </c>
      <c r="AR21" s="278">
        <v>3</v>
      </c>
      <c r="AS21" s="283">
        <v>3</v>
      </c>
      <c r="AT21" s="277">
        <v>0</v>
      </c>
      <c r="AU21" s="281">
        <v>0</v>
      </c>
      <c r="AV21" s="278">
        <v>0</v>
      </c>
      <c r="AW21" s="280">
        <v>0</v>
      </c>
      <c r="AX21" s="281">
        <v>2</v>
      </c>
      <c r="AY21" s="281">
        <v>2</v>
      </c>
      <c r="AZ21" s="281">
        <v>1</v>
      </c>
      <c r="BA21" s="281">
        <v>0</v>
      </c>
      <c r="BB21" s="281">
        <v>2</v>
      </c>
      <c r="BC21" s="278">
        <v>7</v>
      </c>
      <c r="BD21" s="283">
        <v>7</v>
      </c>
      <c r="BE21" s="277">
        <v>0</v>
      </c>
      <c r="BF21" s="281">
        <v>0</v>
      </c>
      <c r="BG21" s="278">
        <v>0</v>
      </c>
      <c r="BH21" s="280">
        <v>0</v>
      </c>
      <c r="BI21" s="281">
        <v>2</v>
      </c>
      <c r="BJ21" s="281">
        <v>1</v>
      </c>
      <c r="BK21" s="281">
        <v>0</v>
      </c>
      <c r="BL21" s="281">
        <v>0</v>
      </c>
      <c r="BM21" s="281">
        <v>0</v>
      </c>
      <c r="BN21" s="282">
        <v>3</v>
      </c>
      <c r="BO21" s="283">
        <v>3</v>
      </c>
      <c r="BP21" s="277">
        <v>0</v>
      </c>
      <c r="BQ21" s="281">
        <v>0</v>
      </c>
      <c r="BR21" s="278">
        <v>0</v>
      </c>
      <c r="BS21" s="280">
        <v>0</v>
      </c>
      <c r="BT21" s="281">
        <v>0</v>
      </c>
      <c r="BU21" s="281">
        <v>0</v>
      </c>
      <c r="BV21" s="281">
        <v>0</v>
      </c>
      <c r="BW21" s="281">
        <v>0</v>
      </c>
      <c r="BX21" s="281">
        <v>0</v>
      </c>
      <c r="BY21" s="278">
        <v>0</v>
      </c>
      <c r="BZ21" s="283">
        <v>0</v>
      </c>
      <c r="CA21" s="277">
        <v>0</v>
      </c>
      <c r="CB21" s="281">
        <v>0</v>
      </c>
      <c r="CC21" s="278">
        <v>0</v>
      </c>
      <c r="CD21" s="280">
        <v>0</v>
      </c>
      <c r="CE21" s="281">
        <v>0</v>
      </c>
      <c r="CF21" s="281">
        <v>0</v>
      </c>
      <c r="CG21" s="281">
        <v>0</v>
      </c>
      <c r="CH21" s="281">
        <v>0</v>
      </c>
      <c r="CI21" s="281">
        <v>0</v>
      </c>
      <c r="CJ21" s="278">
        <v>0</v>
      </c>
      <c r="CK21" s="283">
        <v>0</v>
      </c>
      <c r="CL21" s="277">
        <v>0</v>
      </c>
      <c r="CM21" s="281">
        <v>0</v>
      </c>
      <c r="CN21" s="278">
        <v>0</v>
      </c>
      <c r="CO21" s="280">
        <v>0</v>
      </c>
      <c r="CP21" s="281">
        <v>0</v>
      </c>
      <c r="CQ21" s="281">
        <v>0</v>
      </c>
      <c r="CR21" s="281">
        <v>0</v>
      </c>
      <c r="CS21" s="281">
        <v>0</v>
      </c>
      <c r="CT21" s="281">
        <v>1</v>
      </c>
      <c r="CU21" s="278">
        <v>1</v>
      </c>
      <c r="CV21" s="283">
        <v>1</v>
      </c>
    </row>
    <row r="22" spans="1:100" ht="21" customHeight="1" x14ac:dyDescent="0.2">
      <c r="A22" s="262" t="s">
        <v>20</v>
      </c>
      <c r="B22" s="277">
        <v>0</v>
      </c>
      <c r="C22" s="278">
        <v>0</v>
      </c>
      <c r="D22" s="279">
        <v>0</v>
      </c>
      <c r="E22" s="280">
        <v>0</v>
      </c>
      <c r="F22" s="281">
        <v>0</v>
      </c>
      <c r="G22" s="281">
        <v>0</v>
      </c>
      <c r="H22" s="281">
        <v>0</v>
      </c>
      <c r="I22" s="281">
        <v>0</v>
      </c>
      <c r="J22" s="281">
        <v>0</v>
      </c>
      <c r="K22" s="282">
        <v>0</v>
      </c>
      <c r="L22" s="283">
        <v>0</v>
      </c>
      <c r="M22" s="277">
        <v>0</v>
      </c>
      <c r="N22" s="281">
        <v>0</v>
      </c>
      <c r="O22" s="278">
        <v>0</v>
      </c>
      <c r="P22" s="280">
        <v>0</v>
      </c>
      <c r="Q22" s="281">
        <v>0</v>
      </c>
      <c r="R22" s="281">
        <v>0</v>
      </c>
      <c r="S22" s="281">
        <v>0</v>
      </c>
      <c r="T22" s="281">
        <v>0</v>
      </c>
      <c r="U22" s="281">
        <v>0</v>
      </c>
      <c r="V22" s="278">
        <v>0</v>
      </c>
      <c r="W22" s="283">
        <v>0</v>
      </c>
      <c r="X22" s="277">
        <v>0</v>
      </c>
      <c r="Y22" s="281">
        <v>0</v>
      </c>
      <c r="Z22" s="278">
        <v>0</v>
      </c>
      <c r="AA22" s="280">
        <v>0</v>
      </c>
      <c r="AB22" s="281">
        <v>15</v>
      </c>
      <c r="AC22" s="281">
        <v>7</v>
      </c>
      <c r="AD22" s="281">
        <v>3</v>
      </c>
      <c r="AE22" s="281">
        <v>1</v>
      </c>
      <c r="AF22" s="281">
        <v>0</v>
      </c>
      <c r="AG22" s="278">
        <v>26</v>
      </c>
      <c r="AH22" s="283">
        <v>26</v>
      </c>
      <c r="AI22" s="277">
        <v>0</v>
      </c>
      <c r="AJ22" s="281">
        <v>0</v>
      </c>
      <c r="AK22" s="278">
        <v>0</v>
      </c>
      <c r="AL22" s="280">
        <v>0</v>
      </c>
      <c r="AM22" s="281">
        <v>0</v>
      </c>
      <c r="AN22" s="281">
        <v>0</v>
      </c>
      <c r="AO22" s="281">
        <v>1</v>
      </c>
      <c r="AP22" s="281">
        <v>0</v>
      </c>
      <c r="AQ22" s="281">
        <v>0</v>
      </c>
      <c r="AR22" s="278">
        <v>1</v>
      </c>
      <c r="AS22" s="283">
        <v>1</v>
      </c>
      <c r="AT22" s="277">
        <v>0</v>
      </c>
      <c r="AU22" s="281">
        <v>0</v>
      </c>
      <c r="AV22" s="278">
        <v>0</v>
      </c>
      <c r="AW22" s="280">
        <v>0</v>
      </c>
      <c r="AX22" s="281">
        <v>0</v>
      </c>
      <c r="AY22" s="281">
        <v>0</v>
      </c>
      <c r="AZ22" s="281">
        <v>0</v>
      </c>
      <c r="BA22" s="281">
        <v>0</v>
      </c>
      <c r="BB22" s="281">
        <v>0</v>
      </c>
      <c r="BC22" s="278">
        <v>0</v>
      </c>
      <c r="BD22" s="283">
        <v>0</v>
      </c>
      <c r="BE22" s="277">
        <v>0</v>
      </c>
      <c r="BF22" s="281">
        <v>0</v>
      </c>
      <c r="BG22" s="278">
        <v>0</v>
      </c>
      <c r="BH22" s="280">
        <v>0</v>
      </c>
      <c r="BI22" s="281">
        <v>1</v>
      </c>
      <c r="BJ22" s="281">
        <v>2</v>
      </c>
      <c r="BK22" s="281">
        <v>1</v>
      </c>
      <c r="BL22" s="281">
        <v>2</v>
      </c>
      <c r="BM22" s="281">
        <v>0</v>
      </c>
      <c r="BN22" s="282">
        <v>6</v>
      </c>
      <c r="BO22" s="283">
        <v>6</v>
      </c>
      <c r="BP22" s="277">
        <v>0</v>
      </c>
      <c r="BQ22" s="281">
        <v>0</v>
      </c>
      <c r="BR22" s="278">
        <v>0</v>
      </c>
      <c r="BS22" s="280">
        <v>0</v>
      </c>
      <c r="BT22" s="281">
        <v>0</v>
      </c>
      <c r="BU22" s="281">
        <v>0</v>
      </c>
      <c r="BV22" s="281">
        <v>0</v>
      </c>
      <c r="BW22" s="281">
        <v>0</v>
      </c>
      <c r="BX22" s="281">
        <v>0</v>
      </c>
      <c r="BY22" s="278">
        <v>0</v>
      </c>
      <c r="BZ22" s="283">
        <v>0</v>
      </c>
      <c r="CA22" s="277">
        <v>0</v>
      </c>
      <c r="CB22" s="281">
        <v>0</v>
      </c>
      <c r="CC22" s="278">
        <v>0</v>
      </c>
      <c r="CD22" s="280">
        <v>0</v>
      </c>
      <c r="CE22" s="281">
        <v>0</v>
      </c>
      <c r="CF22" s="281">
        <v>0</v>
      </c>
      <c r="CG22" s="281">
        <v>0</v>
      </c>
      <c r="CH22" s="281">
        <v>0</v>
      </c>
      <c r="CI22" s="281">
        <v>0</v>
      </c>
      <c r="CJ22" s="278">
        <v>0</v>
      </c>
      <c r="CK22" s="283">
        <v>0</v>
      </c>
      <c r="CL22" s="277">
        <v>0</v>
      </c>
      <c r="CM22" s="281">
        <v>0</v>
      </c>
      <c r="CN22" s="278">
        <v>0</v>
      </c>
      <c r="CO22" s="280">
        <v>0</v>
      </c>
      <c r="CP22" s="281">
        <v>0</v>
      </c>
      <c r="CQ22" s="281">
        <v>0</v>
      </c>
      <c r="CR22" s="281">
        <v>0</v>
      </c>
      <c r="CS22" s="281">
        <v>0</v>
      </c>
      <c r="CT22" s="281">
        <v>0</v>
      </c>
      <c r="CU22" s="278">
        <v>0</v>
      </c>
      <c r="CV22" s="283">
        <v>0</v>
      </c>
    </row>
    <row r="23" spans="1:100" ht="21" customHeight="1" x14ac:dyDescent="0.2">
      <c r="A23" s="262" t="s">
        <v>21</v>
      </c>
      <c r="B23" s="277">
        <v>0</v>
      </c>
      <c r="C23" s="278">
        <v>0</v>
      </c>
      <c r="D23" s="279">
        <v>0</v>
      </c>
      <c r="E23" s="280">
        <v>0</v>
      </c>
      <c r="F23" s="281">
        <v>0</v>
      </c>
      <c r="G23" s="281">
        <v>0</v>
      </c>
      <c r="H23" s="281">
        <v>0</v>
      </c>
      <c r="I23" s="281">
        <v>0</v>
      </c>
      <c r="J23" s="281">
        <v>0</v>
      </c>
      <c r="K23" s="282">
        <v>0</v>
      </c>
      <c r="L23" s="283">
        <v>0</v>
      </c>
      <c r="M23" s="277">
        <v>0</v>
      </c>
      <c r="N23" s="281">
        <v>0</v>
      </c>
      <c r="O23" s="278">
        <v>0</v>
      </c>
      <c r="P23" s="280">
        <v>0</v>
      </c>
      <c r="Q23" s="281">
        <v>0</v>
      </c>
      <c r="R23" s="281">
        <v>0</v>
      </c>
      <c r="S23" s="281">
        <v>0</v>
      </c>
      <c r="T23" s="281">
        <v>0</v>
      </c>
      <c r="U23" s="281">
        <v>0</v>
      </c>
      <c r="V23" s="278">
        <v>0</v>
      </c>
      <c r="W23" s="283">
        <v>0</v>
      </c>
      <c r="X23" s="277">
        <v>0</v>
      </c>
      <c r="Y23" s="281">
        <v>0</v>
      </c>
      <c r="Z23" s="278">
        <v>0</v>
      </c>
      <c r="AA23" s="280">
        <v>0</v>
      </c>
      <c r="AB23" s="281">
        <v>10</v>
      </c>
      <c r="AC23" s="281">
        <v>11</v>
      </c>
      <c r="AD23" s="281">
        <v>3</v>
      </c>
      <c r="AE23" s="281">
        <v>4</v>
      </c>
      <c r="AF23" s="281">
        <v>1</v>
      </c>
      <c r="AG23" s="278">
        <v>29</v>
      </c>
      <c r="AH23" s="283">
        <v>29</v>
      </c>
      <c r="AI23" s="277">
        <v>0</v>
      </c>
      <c r="AJ23" s="281">
        <v>0</v>
      </c>
      <c r="AK23" s="278">
        <v>0</v>
      </c>
      <c r="AL23" s="280">
        <v>0</v>
      </c>
      <c r="AM23" s="281">
        <v>0</v>
      </c>
      <c r="AN23" s="281">
        <v>0</v>
      </c>
      <c r="AO23" s="281">
        <v>0</v>
      </c>
      <c r="AP23" s="281">
        <v>0</v>
      </c>
      <c r="AQ23" s="281">
        <v>0</v>
      </c>
      <c r="AR23" s="278">
        <v>0</v>
      </c>
      <c r="AS23" s="283">
        <v>0</v>
      </c>
      <c r="AT23" s="277">
        <v>0</v>
      </c>
      <c r="AU23" s="281">
        <v>0</v>
      </c>
      <c r="AV23" s="278">
        <v>0</v>
      </c>
      <c r="AW23" s="280">
        <v>0</v>
      </c>
      <c r="AX23" s="281">
        <v>0</v>
      </c>
      <c r="AY23" s="281">
        <v>0</v>
      </c>
      <c r="AZ23" s="281">
        <v>2</v>
      </c>
      <c r="BA23" s="281">
        <v>0</v>
      </c>
      <c r="BB23" s="281">
        <v>0</v>
      </c>
      <c r="BC23" s="278">
        <v>2</v>
      </c>
      <c r="BD23" s="283">
        <v>2</v>
      </c>
      <c r="BE23" s="277">
        <v>0</v>
      </c>
      <c r="BF23" s="281">
        <v>0</v>
      </c>
      <c r="BG23" s="278">
        <v>0</v>
      </c>
      <c r="BH23" s="280">
        <v>0</v>
      </c>
      <c r="BI23" s="281">
        <v>2</v>
      </c>
      <c r="BJ23" s="281">
        <v>1</v>
      </c>
      <c r="BK23" s="281">
        <v>0</v>
      </c>
      <c r="BL23" s="281">
        <v>0</v>
      </c>
      <c r="BM23" s="281">
        <v>0</v>
      </c>
      <c r="BN23" s="282">
        <v>3</v>
      </c>
      <c r="BO23" s="283">
        <v>3</v>
      </c>
      <c r="BP23" s="277">
        <v>0</v>
      </c>
      <c r="BQ23" s="281">
        <v>0</v>
      </c>
      <c r="BR23" s="278">
        <v>0</v>
      </c>
      <c r="BS23" s="280">
        <v>0</v>
      </c>
      <c r="BT23" s="281">
        <v>0</v>
      </c>
      <c r="BU23" s="281">
        <v>0</v>
      </c>
      <c r="BV23" s="281">
        <v>0</v>
      </c>
      <c r="BW23" s="281">
        <v>0</v>
      </c>
      <c r="BX23" s="281">
        <v>0</v>
      </c>
      <c r="BY23" s="278">
        <v>0</v>
      </c>
      <c r="BZ23" s="283">
        <v>0</v>
      </c>
      <c r="CA23" s="277">
        <v>0</v>
      </c>
      <c r="CB23" s="281">
        <v>0</v>
      </c>
      <c r="CC23" s="278">
        <v>0</v>
      </c>
      <c r="CD23" s="280">
        <v>0</v>
      </c>
      <c r="CE23" s="281">
        <v>0</v>
      </c>
      <c r="CF23" s="281">
        <v>0</v>
      </c>
      <c r="CG23" s="281">
        <v>0</v>
      </c>
      <c r="CH23" s="281">
        <v>0</v>
      </c>
      <c r="CI23" s="281">
        <v>0</v>
      </c>
      <c r="CJ23" s="278">
        <v>0</v>
      </c>
      <c r="CK23" s="283">
        <v>0</v>
      </c>
      <c r="CL23" s="277">
        <v>0</v>
      </c>
      <c r="CM23" s="281">
        <v>0</v>
      </c>
      <c r="CN23" s="278">
        <v>0</v>
      </c>
      <c r="CO23" s="280">
        <v>0</v>
      </c>
      <c r="CP23" s="281">
        <v>0</v>
      </c>
      <c r="CQ23" s="281">
        <v>0</v>
      </c>
      <c r="CR23" s="281">
        <v>0</v>
      </c>
      <c r="CS23" s="281">
        <v>0</v>
      </c>
      <c r="CT23" s="281">
        <v>0</v>
      </c>
      <c r="CU23" s="278">
        <v>0</v>
      </c>
      <c r="CV23" s="283">
        <v>0</v>
      </c>
    </row>
    <row r="24" spans="1:100" ht="21" customHeight="1" x14ac:dyDescent="0.2">
      <c r="A24" s="262" t="s">
        <v>22</v>
      </c>
      <c r="B24" s="277">
        <v>0</v>
      </c>
      <c r="C24" s="278">
        <v>0</v>
      </c>
      <c r="D24" s="279">
        <v>0</v>
      </c>
      <c r="E24" s="280">
        <v>0</v>
      </c>
      <c r="F24" s="281">
        <v>0</v>
      </c>
      <c r="G24" s="281">
        <v>0</v>
      </c>
      <c r="H24" s="281">
        <v>1</v>
      </c>
      <c r="I24" s="281">
        <v>0</v>
      </c>
      <c r="J24" s="281">
        <v>0</v>
      </c>
      <c r="K24" s="282">
        <v>1</v>
      </c>
      <c r="L24" s="283">
        <v>1</v>
      </c>
      <c r="M24" s="277">
        <v>0</v>
      </c>
      <c r="N24" s="281">
        <v>0</v>
      </c>
      <c r="O24" s="278">
        <v>0</v>
      </c>
      <c r="P24" s="280">
        <v>0</v>
      </c>
      <c r="Q24" s="281">
        <v>0</v>
      </c>
      <c r="R24" s="281">
        <v>0</v>
      </c>
      <c r="S24" s="281">
        <v>0</v>
      </c>
      <c r="T24" s="281">
        <v>0</v>
      </c>
      <c r="U24" s="281">
        <v>0</v>
      </c>
      <c r="V24" s="278">
        <v>0</v>
      </c>
      <c r="W24" s="283">
        <v>0</v>
      </c>
      <c r="X24" s="277">
        <v>0</v>
      </c>
      <c r="Y24" s="281">
        <v>0</v>
      </c>
      <c r="Z24" s="278">
        <v>0</v>
      </c>
      <c r="AA24" s="280">
        <v>0</v>
      </c>
      <c r="AB24" s="281">
        <v>6</v>
      </c>
      <c r="AC24" s="281">
        <v>4</v>
      </c>
      <c r="AD24" s="281">
        <v>1</v>
      </c>
      <c r="AE24" s="281">
        <v>2</v>
      </c>
      <c r="AF24" s="281">
        <v>0</v>
      </c>
      <c r="AG24" s="278">
        <v>13</v>
      </c>
      <c r="AH24" s="283">
        <v>13</v>
      </c>
      <c r="AI24" s="277">
        <v>0</v>
      </c>
      <c r="AJ24" s="281">
        <v>0</v>
      </c>
      <c r="AK24" s="278">
        <v>0</v>
      </c>
      <c r="AL24" s="280">
        <v>0</v>
      </c>
      <c r="AM24" s="281">
        <v>1</v>
      </c>
      <c r="AN24" s="281">
        <v>0</v>
      </c>
      <c r="AO24" s="281">
        <v>1</v>
      </c>
      <c r="AP24" s="281">
        <v>1</v>
      </c>
      <c r="AQ24" s="281">
        <v>0</v>
      </c>
      <c r="AR24" s="278">
        <v>3</v>
      </c>
      <c r="AS24" s="283">
        <v>3</v>
      </c>
      <c r="AT24" s="277">
        <v>0</v>
      </c>
      <c r="AU24" s="281">
        <v>0</v>
      </c>
      <c r="AV24" s="278">
        <v>0</v>
      </c>
      <c r="AW24" s="280">
        <v>0</v>
      </c>
      <c r="AX24" s="281">
        <v>4</v>
      </c>
      <c r="AY24" s="281">
        <v>1</v>
      </c>
      <c r="AZ24" s="281">
        <v>0</v>
      </c>
      <c r="BA24" s="281">
        <v>0</v>
      </c>
      <c r="BB24" s="281">
        <v>1</v>
      </c>
      <c r="BC24" s="278">
        <v>6</v>
      </c>
      <c r="BD24" s="283">
        <v>6</v>
      </c>
      <c r="BE24" s="277">
        <v>0</v>
      </c>
      <c r="BF24" s="281">
        <v>0</v>
      </c>
      <c r="BG24" s="278">
        <v>0</v>
      </c>
      <c r="BH24" s="280">
        <v>0</v>
      </c>
      <c r="BI24" s="281">
        <v>1</v>
      </c>
      <c r="BJ24" s="281">
        <v>2</v>
      </c>
      <c r="BK24" s="281">
        <v>0</v>
      </c>
      <c r="BL24" s="281">
        <v>0</v>
      </c>
      <c r="BM24" s="281">
        <v>0</v>
      </c>
      <c r="BN24" s="282">
        <v>3</v>
      </c>
      <c r="BO24" s="283">
        <v>3</v>
      </c>
      <c r="BP24" s="277">
        <v>0</v>
      </c>
      <c r="BQ24" s="281">
        <v>0</v>
      </c>
      <c r="BR24" s="278">
        <v>0</v>
      </c>
      <c r="BS24" s="280">
        <v>0</v>
      </c>
      <c r="BT24" s="281">
        <v>0</v>
      </c>
      <c r="BU24" s="281">
        <v>0</v>
      </c>
      <c r="BV24" s="281">
        <v>0</v>
      </c>
      <c r="BW24" s="281">
        <v>0</v>
      </c>
      <c r="BX24" s="281">
        <v>0</v>
      </c>
      <c r="BY24" s="278">
        <v>0</v>
      </c>
      <c r="BZ24" s="283">
        <v>0</v>
      </c>
      <c r="CA24" s="277">
        <v>0</v>
      </c>
      <c r="CB24" s="281">
        <v>0</v>
      </c>
      <c r="CC24" s="278">
        <v>0</v>
      </c>
      <c r="CD24" s="280">
        <v>0</v>
      </c>
      <c r="CE24" s="281">
        <v>0</v>
      </c>
      <c r="CF24" s="281">
        <v>0</v>
      </c>
      <c r="CG24" s="281">
        <v>0</v>
      </c>
      <c r="CH24" s="281">
        <v>3</v>
      </c>
      <c r="CI24" s="281">
        <v>0</v>
      </c>
      <c r="CJ24" s="278">
        <v>3</v>
      </c>
      <c r="CK24" s="283">
        <v>3</v>
      </c>
      <c r="CL24" s="277">
        <v>0</v>
      </c>
      <c r="CM24" s="281">
        <v>0</v>
      </c>
      <c r="CN24" s="278">
        <v>0</v>
      </c>
      <c r="CO24" s="280">
        <v>0</v>
      </c>
      <c r="CP24" s="281">
        <v>0</v>
      </c>
      <c r="CQ24" s="281">
        <v>0</v>
      </c>
      <c r="CR24" s="281">
        <v>0</v>
      </c>
      <c r="CS24" s="281">
        <v>0</v>
      </c>
      <c r="CT24" s="281">
        <v>0</v>
      </c>
      <c r="CU24" s="278">
        <v>0</v>
      </c>
      <c r="CV24" s="283">
        <v>0</v>
      </c>
    </row>
    <row r="25" spans="1:100" ht="21" customHeight="1" x14ac:dyDescent="0.2">
      <c r="A25" s="262" t="s">
        <v>23</v>
      </c>
      <c r="B25" s="277">
        <v>0</v>
      </c>
      <c r="C25" s="278">
        <v>0</v>
      </c>
      <c r="D25" s="279">
        <v>0</v>
      </c>
      <c r="E25" s="280">
        <v>0</v>
      </c>
      <c r="F25" s="281">
        <v>0</v>
      </c>
      <c r="G25" s="281">
        <v>0</v>
      </c>
      <c r="H25" s="281">
        <v>0</v>
      </c>
      <c r="I25" s="281">
        <v>0</v>
      </c>
      <c r="J25" s="281">
        <v>0</v>
      </c>
      <c r="K25" s="282">
        <v>0</v>
      </c>
      <c r="L25" s="283">
        <v>0</v>
      </c>
      <c r="M25" s="277">
        <v>0</v>
      </c>
      <c r="N25" s="281">
        <v>0</v>
      </c>
      <c r="O25" s="278">
        <v>0</v>
      </c>
      <c r="P25" s="280">
        <v>0</v>
      </c>
      <c r="Q25" s="281">
        <v>0</v>
      </c>
      <c r="R25" s="281">
        <v>0</v>
      </c>
      <c r="S25" s="281">
        <v>0</v>
      </c>
      <c r="T25" s="281">
        <v>0</v>
      </c>
      <c r="U25" s="281">
        <v>0</v>
      </c>
      <c r="V25" s="278">
        <v>0</v>
      </c>
      <c r="W25" s="283">
        <v>0</v>
      </c>
      <c r="X25" s="277">
        <v>0</v>
      </c>
      <c r="Y25" s="281">
        <v>0</v>
      </c>
      <c r="Z25" s="278">
        <v>0</v>
      </c>
      <c r="AA25" s="280">
        <v>0</v>
      </c>
      <c r="AB25" s="281">
        <v>4</v>
      </c>
      <c r="AC25" s="281">
        <v>2</v>
      </c>
      <c r="AD25" s="281">
        <v>0</v>
      </c>
      <c r="AE25" s="281">
        <v>2</v>
      </c>
      <c r="AF25" s="281">
        <v>0</v>
      </c>
      <c r="AG25" s="278">
        <v>8</v>
      </c>
      <c r="AH25" s="283">
        <v>8</v>
      </c>
      <c r="AI25" s="277">
        <v>0</v>
      </c>
      <c r="AJ25" s="281">
        <v>0</v>
      </c>
      <c r="AK25" s="278">
        <v>0</v>
      </c>
      <c r="AL25" s="280">
        <v>0</v>
      </c>
      <c r="AM25" s="281">
        <v>0</v>
      </c>
      <c r="AN25" s="281">
        <v>0</v>
      </c>
      <c r="AO25" s="281">
        <v>0</v>
      </c>
      <c r="AP25" s="281">
        <v>0</v>
      </c>
      <c r="AQ25" s="281">
        <v>0</v>
      </c>
      <c r="AR25" s="278">
        <v>0</v>
      </c>
      <c r="AS25" s="283">
        <v>0</v>
      </c>
      <c r="AT25" s="277">
        <v>0</v>
      </c>
      <c r="AU25" s="281">
        <v>0</v>
      </c>
      <c r="AV25" s="278">
        <v>0</v>
      </c>
      <c r="AW25" s="280">
        <v>0</v>
      </c>
      <c r="AX25" s="281">
        <v>0</v>
      </c>
      <c r="AY25" s="281">
        <v>0</v>
      </c>
      <c r="AZ25" s="281">
        <v>0</v>
      </c>
      <c r="BA25" s="281">
        <v>0</v>
      </c>
      <c r="BB25" s="281">
        <v>0</v>
      </c>
      <c r="BC25" s="278">
        <v>0</v>
      </c>
      <c r="BD25" s="283">
        <v>0</v>
      </c>
      <c r="BE25" s="277">
        <v>0</v>
      </c>
      <c r="BF25" s="281">
        <v>0</v>
      </c>
      <c r="BG25" s="278">
        <v>0</v>
      </c>
      <c r="BH25" s="280">
        <v>0</v>
      </c>
      <c r="BI25" s="281">
        <v>3</v>
      </c>
      <c r="BJ25" s="281">
        <v>2</v>
      </c>
      <c r="BK25" s="281">
        <v>1</v>
      </c>
      <c r="BL25" s="281">
        <v>1</v>
      </c>
      <c r="BM25" s="281">
        <v>0</v>
      </c>
      <c r="BN25" s="282">
        <v>7</v>
      </c>
      <c r="BO25" s="283">
        <v>7</v>
      </c>
      <c r="BP25" s="277">
        <v>0</v>
      </c>
      <c r="BQ25" s="281">
        <v>0</v>
      </c>
      <c r="BR25" s="278">
        <v>0</v>
      </c>
      <c r="BS25" s="280">
        <v>0</v>
      </c>
      <c r="BT25" s="281">
        <v>0</v>
      </c>
      <c r="BU25" s="281">
        <v>0</v>
      </c>
      <c r="BV25" s="281">
        <v>0</v>
      </c>
      <c r="BW25" s="281">
        <v>0</v>
      </c>
      <c r="BX25" s="281">
        <v>0</v>
      </c>
      <c r="BY25" s="278">
        <v>0</v>
      </c>
      <c r="BZ25" s="283">
        <v>0</v>
      </c>
      <c r="CA25" s="277">
        <v>0</v>
      </c>
      <c r="CB25" s="281">
        <v>0</v>
      </c>
      <c r="CC25" s="278">
        <v>0</v>
      </c>
      <c r="CD25" s="280">
        <v>0</v>
      </c>
      <c r="CE25" s="281">
        <v>0</v>
      </c>
      <c r="CF25" s="281">
        <v>0</v>
      </c>
      <c r="CG25" s="281">
        <v>0</v>
      </c>
      <c r="CH25" s="281">
        <v>0</v>
      </c>
      <c r="CI25" s="281">
        <v>0</v>
      </c>
      <c r="CJ25" s="278">
        <v>0</v>
      </c>
      <c r="CK25" s="283">
        <v>0</v>
      </c>
      <c r="CL25" s="277">
        <v>0</v>
      </c>
      <c r="CM25" s="281">
        <v>0</v>
      </c>
      <c r="CN25" s="278">
        <v>0</v>
      </c>
      <c r="CO25" s="280">
        <v>0</v>
      </c>
      <c r="CP25" s="281">
        <v>0</v>
      </c>
      <c r="CQ25" s="281">
        <v>0</v>
      </c>
      <c r="CR25" s="281">
        <v>0</v>
      </c>
      <c r="CS25" s="281">
        <v>0</v>
      </c>
      <c r="CT25" s="281">
        <v>0</v>
      </c>
      <c r="CU25" s="278">
        <v>0</v>
      </c>
      <c r="CV25" s="283">
        <v>0</v>
      </c>
    </row>
    <row r="26" spans="1:100" ht="21" customHeight="1" x14ac:dyDescent="0.2">
      <c r="A26" s="262" t="s">
        <v>24</v>
      </c>
      <c r="B26" s="277">
        <v>0</v>
      </c>
      <c r="C26" s="278">
        <v>0</v>
      </c>
      <c r="D26" s="279">
        <v>0</v>
      </c>
      <c r="E26" s="280">
        <v>0</v>
      </c>
      <c r="F26" s="281">
        <v>0</v>
      </c>
      <c r="G26" s="281">
        <v>0</v>
      </c>
      <c r="H26" s="281">
        <v>0</v>
      </c>
      <c r="I26" s="281">
        <v>0</v>
      </c>
      <c r="J26" s="281">
        <v>0</v>
      </c>
      <c r="K26" s="282">
        <v>0</v>
      </c>
      <c r="L26" s="283">
        <v>0</v>
      </c>
      <c r="M26" s="277">
        <v>0</v>
      </c>
      <c r="N26" s="281">
        <v>0</v>
      </c>
      <c r="O26" s="278">
        <v>0</v>
      </c>
      <c r="P26" s="280">
        <v>0</v>
      </c>
      <c r="Q26" s="281">
        <v>0</v>
      </c>
      <c r="R26" s="281">
        <v>0</v>
      </c>
      <c r="S26" s="281">
        <v>0</v>
      </c>
      <c r="T26" s="281">
        <v>0</v>
      </c>
      <c r="U26" s="281">
        <v>0</v>
      </c>
      <c r="V26" s="278">
        <v>0</v>
      </c>
      <c r="W26" s="283">
        <v>0</v>
      </c>
      <c r="X26" s="277">
        <v>0</v>
      </c>
      <c r="Y26" s="281">
        <v>0</v>
      </c>
      <c r="Z26" s="278">
        <v>0</v>
      </c>
      <c r="AA26" s="280">
        <v>0</v>
      </c>
      <c r="AB26" s="281">
        <v>6</v>
      </c>
      <c r="AC26" s="281">
        <v>0</v>
      </c>
      <c r="AD26" s="281">
        <v>3</v>
      </c>
      <c r="AE26" s="281">
        <v>2</v>
      </c>
      <c r="AF26" s="281">
        <v>0</v>
      </c>
      <c r="AG26" s="278">
        <v>11</v>
      </c>
      <c r="AH26" s="283">
        <v>11</v>
      </c>
      <c r="AI26" s="277">
        <v>0</v>
      </c>
      <c r="AJ26" s="281">
        <v>0</v>
      </c>
      <c r="AK26" s="278">
        <v>0</v>
      </c>
      <c r="AL26" s="280">
        <v>0</v>
      </c>
      <c r="AM26" s="281">
        <v>0</v>
      </c>
      <c r="AN26" s="281">
        <v>0</v>
      </c>
      <c r="AO26" s="281">
        <v>1</v>
      </c>
      <c r="AP26" s="281">
        <v>0</v>
      </c>
      <c r="AQ26" s="281">
        <v>0</v>
      </c>
      <c r="AR26" s="278">
        <v>1</v>
      </c>
      <c r="AS26" s="283">
        <v>1</v>
      </c>
      <c r="AT26" s="277">
        <v>0</v>
      </c>
      <c r="AU26" s="281">
        <v>0</v>
      </c>
      <c r="AV26" s="278">
        <v>0</v>
      </c>
      <c r="AW26" s="280">
        <v>0</v>
      </c>
      <c r="AX26" s="281">
        <v>1</v>
      </c>
      <c r="AY26" s="281">
        <v>1</v>
      </c>
      <c r="AZ26" s="281">
        <v>0</v>
      </c>
      <c r="BA26" s="281">
        <v>0</v>
      </c>
      <c r="BB26" s="281">
        <v>0</v>
      </c>
      <c r="BC26" s="278">
        <v>2</v>
      </c>
      <c r="BD26" s="283">
        <v>2</v>
      </c>
      <c r="BE26" s="277">
        <v>0</v>
      </c>
      <c r="BF26" s="281">
        <v>0</v>
      </c>
      <c r="BG26" s="278">
        <v>0</v>
      </c>
      <c r="BH26" s="280">
        <v>0</v>
      </c>
      <c r="BI26" s="281">
        <v>0</v>
      </c>
      <c r="BJ26" s="281">
        <v>0</v>
      </c>
      <c r="BK26" s="281">
        <v>2</v>
      </c>
      <c r="BL26" s="281">
        <v>1</v>
      </c>
      <c r="BM26" s="281">
        <v>0</v>
      </c>
      <c r="BN26" s="282">
        <v>3</v>
      </c>
      <c r="BO26" s="283">
        <v>3</v>
      </c>
      <c r="BP26" s="277">
        <v>0</v>
      </c>
      <c r="BQ26" s="281">
        <v>0</v>
      </c>
      <c r="BR26" s="278">
        <v>0</v>
      </c>
      <c r="BS26" s="280">
        <v>0</v>
      </c>
      <c r="BT26" s="281">
        <v>0</v>
      </c>
      <c r="BU26" s="281">
        <v>0</v>
      </c>
      <c r="BV26" s="281">
        <v>0</v>
      </c>
      <c r="BW26" s="281">
        <v>0</v>
      </c>
      <c r="BX26" s="281">
        <v>0</v>
      </c>
      <c r="BY26" s="278">
        <v>0</v>
      </c>
      <c r="BZ26" s="283">
        <v>0</v>
      </c>
      <c r="CA26" s="277">
        <v>0</v>
      </c>
      <c r="CB26" s="281">
        <v>0</v>
      </c>
      <c r="CC26" s="278">
        <v>0</v>
      </c>
      <c r="CD26" s="280">
        <v>0</v>
      </c>
      <c r="CE26" s="281">
        <v>0</v>
      </c>
      <c r="CF26" s="281">
        <v>0</v>
      </c>
      <c r="CG26" s="281">
        <v>0</v>
      </c>
      <c r="CH26" s="281">
        <v>0</v>
      </c>
      <c r="CI26" s="281">
        <v>0</v>
      </c>
      <c r="CJ26" s="278">
        <v>0</v>
      </c>
      <c r="CK26" s="283">
        <v>0</v>
      </c>
      <c r="CL26" s="277">
        <v>0</v>
      </c>
      <c r="CM26" s="281">
        <v>0</v>
      </c>
      <c r="CN26" s="278">
        <v>0</v>
      </c>
      <c r="CO26" s="280">
        <v>0</v>
      </c>
      <c r="CP26" s="281">
        <v>0</v>
      </c>
      <c r="CQ26" s="281">
        <v>0</v>
      </c>
      <c r="CR26" s="281">
        <v>0</v>
      </c>
      <c r="CS26" s="281">
        <v>0</v>
      </c>
      <c r="CT26" s="281">
        <v>0</v>
      </c>
      <c r="CU26" s="278">
        <v>0</v>
      </c>
      <c r="CV26" s="283">
        <v>0</v>
      </c>
    </row>
    <row r="27" spans="1:100" ht="21" customHeight="1" x14ac:dyDescent="0.2">
      <c r="A27" s="262" t="s">
        <v>25</v>
      </c>
      <c r="B27" s="277">
        <v>0</v>
      </c>
      <c r="C27" s="278">
        <v>0</v>
      </c>
      <c r="D27" s="279">
        <v>0</v>
      </c>
      <c r="E27" s="280">
        <v>0</v>
      </c>
      <c r="F27" s="281">
        <v>0</v>
      </c>
      <c r="G27" s="281">
        <v>0</v>
      </c>
      <c r="H27" s="281">
        <v>0</v>
      </c>
      <c r="I27" s="281">
        <v>0</v>
      </c>
      <c r="J27" s="281">
        <v>0</v>
      </c>
      <c r="K27" s="282">
        <v>0</v>
      </c>
      <c r="L27" s="283">
        <v>0</v>
      </c>
      <c r="M27" s="277">
        <v>0</v>
      </c>
      <c r="N27" s="281">
        <v>0</v>
      </c>
      <c r="O27" s="278">
        <v>0</v>
      </c>
      <c r="P27" s="280">
        <v>0</v>
      </c>
      <c r="Q27" s="281">
        <v>0</v>
      </c>
      <c r="R27" s="281">
        <v>0</v>
      </c>
      <c r="S27" s="281">
        <v>0</v>
      </c>
      <c r="T27" s="281">
        <v>0</v>
      </c>
      <c r="U27" s="281">
        <v>0</v>
      </c>
      <c r="V27" s="278">
        <v>0</v>
      </c>
      <c r="W27" s="283">
        <v>0</v>
      </c>
      <c r="X27" s="277">
        <v>0</v>
      </c>
      <c r="Y27" s="281">
        <v>0</v>
      </c>
      <c r="Z27" s="278">
        <v>0</v>
      </c>
      <c r="AA27" s="280">
        <v>0</v>
      </c>
      <c r="AB27" s="281">
        <v>7</v>
      </c>
      <c r="AC27" s="281">
        <v>0</v>
      </c>
      <c r="AD27" s="281">
        <v>0</v>
      </c>
      <c r="AE27" s="281">
        <v>1</v>
      </c>
      <c r="AF27" s="281">
        <v>0</v>
      </c>
      <c r="AG27" s="278">
        <v>8</v>
      </c>
      <c r="AH27" s="283">
        <v>8</v>
      </c>
      <c r="AI27" s="277">
        <v>0</v>
      </c>
      <c r="AJ27" s="281">
        <v>0</v>
      </c>
      <c r="AK27" s="278">
        <v>0</v>
      </c>
      <c r="AL27" s="280">
        <v>0</v>
      </c>
      <c r="AM27" s="281">
        <v>0</v>
      </c>
      <c r="AN27" s="281">
        <v>0</v>
      </c>
      <c r="AO27" s="281">
        <v>0</v>
      </c>
      <c r="AP27" s="281">
        <v>0</v>
      </c>
      <c r="AQ27" s="281">
        <v>0</v>
      </c>
      <c r="AR27" s="278">
        <v>0</v>
      </c>
      <c r="AS27" s="283">
        <v>0</v>
      </c>
      <c r="AT27" s="277">
        <v>0</v>
      </c>
      <c r="AU27" s="281">
        <v>0</v>
      </c>
      <c r="AV27" s="278">
        <v>0</v>
      </c>
      <c r="AW27" s="280">
        <v>0</v>
      </c>
      <c r="AX27" s="281">
        <v>0</v>
      </c>
      <c r="AY27" s="281">
        <v>0</v>
      </c>
      <c r="AZ27" s="281">
        <v>0</v>
      </c>
      <c r="BA27" s="281">
        <v>0</v>
      </c>
      <c r="BB27" s="281">
        <v>0</v>
      </c>
      <c r="BC27" s="278">
        <v>0</v>
      </c>
      <c r="BD27" s="283">
        <v>0</v>
      </c>
      <c r="BE27" s="277">
        <v>0</v>
      </c>
      <c r="BF27" s="281">
        <v>0</v>
      </c>
      <c r="BG27" s="278">
        <v>0</v>
      </c>
      <c r="BH27" s="280">
        <v>0</v>
      </c>
      <c r="BI27" s="281">
        <v>0</v>
      </c>
      <c r="BJ27" s="281">
        <v>0</v>
      </c>
      <c r="BK27" s="281">
        <v>0</v>
      </c>
      <c r="BL27" s="281">
        <v>0</v>
      </c>
      <c r="BM27" s="281">
        <v>0</v>
      </c>
      <c r="BN27" s="282">
        <v>0</v>
      </c>
      <c r="BO27" s="283">
        <v>0</v>
      </c>
      <c r="BP27" s="277">
        <v>0</v>
      </c>
      <c r="BQ27" s="281">
        <v>0</v>
      </c>
      <c r="BR27" s="278">
        <v>0</v>
      </c>
      <c r="BS27" s="280">
        <v>0</v>
      </c>
      <c r="BT27" s="281">
        <v>0</v>
      </c>
      <c r="BU27" s="281">
        <v>0</v>
      </c>
      <c r="BV27" s="281">
        <v>0</v>
      </c>
      <c r="BW27" s="281">
        <v>0</v>
      </c>
      <c r="BX27" s="281">
        <v>0</v>
      </c>
      <c r="BY27" s="278">
        <v>0</v>
      </c>
      <c r="BZ27" s="283">
        <v>0</v>
      </c>
      <c r="CA27" s="277">
        <v>0</v>
      </c>
      <c r="CB27" s="281">
        <v>0</v>
      </c>
      <c r="CC27" s="278">
        <v>0</v>
      </c>
      <c r="CD27" s="280">
        <v>0</v>
      </c>
      <c r="CE27" s="281">
        <v>0</v>
      </c>
      <c r="CF27" s="281">
        <v>0</v>
      </c>
      <c r="CG27" s="281">
        <v>0</v>
      </c>
      <c r="CH27" s="281">
        <v>0</v>
      </c>
      <c r="CI27" s="281">
        <v>0</v>
      </c>
      <c r="CJ27" s="278">
        <v>0</v>
      </c>
      <c r="CK27" s="283">
        <v>0</v>
      </c>
      <c r="CL27" s="277">
        <v>0</v>
      </c>
      <c r="CM27" s="281">
        <v>0</v>
      </c>
      <c r="CN27" s="278">
        <v>0</v>
      </c>
      <c r="CO27" s="280">
        <v>0</v>
      </c>
      <c r="CP27" s="281">
        <v>0</v>
      </c>
      <c r="CQ27" s="281">
        <v>0</v>
      </c>
      <c r="CR27" s="281">
        <v>0</v>
      </c>
      <c r="CS27" s="281">
        <v>0</v>
      </c>
      <c r="CT27" s="281">
        <v>0</v>
      </c>
      <c r="CU27" s="278">
        <v>0</v>
      </c>
      <c r="CV27" s="283">
        <v>0</v>
      </c>
    </row>
    <row r="28" spans="1:100" ht="21" customHeight="1" x14ac:dyDescent="0.2">
      <c r="A28" s="262" t="s">
        <v>26</v>
      </c>
      <c r="B28" s="277">
        <v>0</v>
      </c>
      <c r="C28" s="278">
        <v>0</v>
      </c>
      <c r="D28" s="279">
        <v>0</v>
      </c>
      <c r="E28" s="280">
        <v>0</v>
      </c>
      <c r="F28" s="281">
        <v>0</v>
      </c>
      <c r="G28" s="281">
        <v>0</v>
      </c>
      <c r="H28" s="281">
        <v>0</v>
      </c>
      <c r="I28" s="281">
        <v>0</v>
      </c>
      <c r="J28" s="281">
        <v>0</v>
      </c>
      <c r="K28" s="282">
        <v>0</v>
      </c>
      <c r="L28" s="283">
        <v>0</v>
      </c>
      <c r="M28" s="277">
        <v>0</v>
      </c>
      <c r="N28" s="281">
        <v>0</v>
      </c>
      <c r="O28" s="278">
        <v>0</v>
      </c>
      <c r="P28" s="280">
        <v>0</v>
      </c>
      <c r="Q28" s="281">
        <v>0</v>
      </c>
      <c r="R28" s="281">
        <v>0</v>
      </c>
      <c r="S28" s="281">
        <v>0</v>
      </c>
      <c r="T28" s="281">
        <v>0</v>
      </c>
      <c r="U28" s="281">
        <v>0</v>
      </c>
      <c r="V28" s="278">
        <v>0</v>
      </c>
      <c r="W28" s="283">
        <v>0</v>
      </c>
      <c r="X28" s="277">
        <v>0</v>
      </c>
      <c r="Y28" s="281">
        <v>0</v>
      </c>
      <c r="Z28" s="278">
        <v>0</v>
      </c>
      <c r="AA28" s="280">
        <v>0</v>
      </c>
      <c r="AB28" s="281">
        <v>1</v>
      </c>
      <c r="AC28" s="281">
        <v>6</v>
      </c>
      <c r="AD28" s="281">
        <v>1</v>
      </c>
      <c r="AE28" s="281">
        <v>0</v>
      </c>
      <c r="AF28" s="281">
        <v>2</v>
      </c>
      <c r="AG28" s="278">
        <v>10</v>
      </c>
      <c r="AH28" s="283">
        <v>10</v>
      </c>
      <c r="AI28" s="277">
        <v>0</v>
      </c>
      <c r="AJ28" s="281">
        <v>0</v>
      </c>
      <c r="AK28" s="278">
        <v>0</v>
      </c>
      <c r="AL28" s="280">
        <v>0</v>
      </c>
      <c r="AM28" s="281">
        <v>0</v>
      </c>
      <c r="AN28" s="281">
        <v>0</v>
      </c>
      <c r="AO28" s="281">
        <v>0</v>
      </c>
      <c r="AP28" s="281">
        <v>0</v>
      </c>
      <c r="AQ28" s="281">
        <v>0</v>
      </c>
      <c r="AR28" s="278">
        <v>0</v>
      </c>
      <c r="AS28" s="283">
        <v>0</v>
      </c>
      <c r="AT28" s="277">
        <v>0</v>
      </c>
      <c r="AU28" s="281">
        <v>0</v>
      </c>
      <c r="AV28" s="278">
        <v>0</v>
      </c>
      <c r="AW28" s="280">
        <v>0</v>
      </c>
      <c r="AX28" s="281">
        <v>0</v>
      </c>
      <c r="AY28" s="281">
        <v>0</v>
      </c>
      <c r="AZ28" s="281">
        <v>0</v>
      </c>
      <c r="BA28" s="281">
        <v>0</v>
      </c>
      <c r="BB28" s="281">
        <v>0</v>
      </c>
      <c r="BC28" s="278">
        <v>0</v>
      </c>
      <c r="BD28" s="283">
        <v>0</v>
      </c>
      <c r="BE28" s="277">
        <v>0</v>
      </c>
      <c r="BF28" s="281">
        <v>0</v>
      </c>
      <c r="BG28" s="278">
        <v>0</v>
      </c>
      <c r="BH28" s="280">
        <v>0</v>
      </c>
      <c r="BI28" s="281">
        <v>0</v>
      </c>
      <c r="BJ28" s="281">
        <v>0</v>
      </c>
      <c r="BK28" s="281">
        <v>2</v>
      </c>
      <c r="BL28" s="281">
        <v>0</v>
      </c>
      <c r="BM28" s="281">
        <v>0</v>
      </c>
      <c r="BN28" s="282">
        <v>2</v>
      </c>
      <c r="BO28" s="283">
        <v>2</v>
      </c>
      <c r="BP28" s="277">
        <v>0</v>
      </c>
      <c r="BQ28" s="281">
        <v>0</v>
      </c>
      <c r="BR28" s="278">
        <v>0</v>
      </c>
      <c r="BS28" s="280">
        <v>0</v>
      </c>
      <c r="BT28" s="281">
        <v>0</v>
      </c>
      <c r="BU28" s="281">
        <v>0</v>
      </c>
      <c r="BV28" s="281">
        <v>0</v>
      </c>
      <c r="BW28" s="281">
        <v>0</v>
      </c>
      <c r="BX28" s="281">
        <v>0</v>
      </c>
      <c r="BY28" s="278">
        <v>0</v>
      </c>
      <c r="BZ28" s="283">
        <v>0</v>
      </c>
      <c r="CA28" s="277">
        <v>0</v>
      </c>
      <c r="CB28" s="281">
        <v>0</v>
      </c>
      <c r="CC28" s="278">
        <v>0</v>
      </c>
      <c r="CD28" s="280">
        <v>0</v>
      </c>
      <c r="CE28" s="281">
        <v>0</v>
      </c>
      <c r="CF28" s="281">
        <v>0</v>
      </c>
      <c r="CG28" s="281">
        <v>0</v>
      </c>
      <c r="CH28" s="281">
        <v>0</v>
      </c>
      <c r="CI28" s="281">
        <v>0</v>
      </c>
      <c r="CJ28" s="278">
        <v>0</v>
      </c>
      <c r="CK28" s="283">
        <v>0</v>
      </c>
      <c r="CL28" s="277">
        <v>0</v>
      </c>
      <c r="CM28" s="281">
        <v>0</v>
      </c>
      <c r="CN28" s="278">
        <v>0</v>
      </c>
      <c r="CO28" s="280">
        <v>0</v>
      </c>
      <c r="CP28" s="281">
        <v>0</v>
      </c>
      <c r="CQ28" s="281">
        <v>0</v>
      </c>
      <c r="CR28" s="281">
        <v>0</v>
      </c>
      <c r="CS28" s="281">
        <v>0</v>
      </c>
      <c r="CT28" s="281">
        <v>0</v>
      </c>
      <c r="CU28" s="278">
        <v>0</v>
      </c>
      <c r="CV28" s="283">
        <v>0</v>
      </c>
    </row>
    <row r="29" spans="1:100" ht="21" customHeight="1" x14ac:dyDescent="0.2">
      <c r="A29" s="262" t="s">
        <v>27</v>
      </c>
      <c r="B29" s="277">
        <v>0</v>
      </c>
      <c r="C29" s="278">
        <v>0</v>
      </c>
      <c r="D29" s="279">
        <v>0</v>
      </c>
      <c r="E29" s="280">
        <v>0</v>
      </c>
      <c r="F29" s="281">
        <v>0</v>
      </c>
      <c r="G29" s="281">
        <v>1</v>
      </c>
      <c r="H29" s="281">
        <v>0</v>
      </c>
      <c r="I29" s="281">
        <v>0</v>
      </c>
      <c r="J29" s="281">
        <v>0</v>
      </c>
      <c r="K29" s="282">
        <v>1</v>
      </c>
      <c r="L29" s="283">
        <v>1</v>
      </c>
      <c r="M29" s="277">
        <v>0</v>
      </c>
      <c r="N29" s="281">
        <v>0</v>
      </c>
      <c r="O29" s="278">
        <v>0</v>
      </c>
      <c r="P29" s="280">
        <v>0</v>
      </c>
      <c r="Q29" s="281">
        <v>0</v>
      </c>
      <c r="R29" s="281">
        <v>0</v>
      </c>
      <c r="S29" s="281">
        <v>0</v>
      </c>
      <c r="T29" s="281">
        <v>0</v>
      </c>
      <c r="U29" s="281">
        <v>0</v>
      </c>
      <c r="V29" s="278">
        <v>0</v>
      </c>
      <c r="W29" s="283">
        <v>0</v>
      </c>
      <c r="X29" s="277">
        <v>0</v>
      </c>
      <c r="Y29" s="281">
        <v>0</v>
      </c>
      <c r="Z29" s="278">
        <v>0</v>
      </c>
      <c r="AA29" s="280">
        <v>0</v>
      </c>
      <c r="AB29" s="281">
        <v>2</v>
      </c>
      <c r="AC29" s="281">
        <v>1</v>
      </c>
      <c r="AD29" s="281">
        <v>0</v>
      </c>
      <c r="AE29" s="281">
        <v>0</v>
      </c>
      <c r="AF29" s="281">
        <v>0</v>
      </c>
      <c r="AG29" s="278">
        <v>3</v>
      </c>
      <c r="AH29" s="283">
        <v>3</v>
      </c>
      <c r="AI29" s="277">
        <v>0</v>
      </c>
      <c r="AJ29" s="281">
        <v>0</v>
      </c>
      <c r="AK29" s="278">
        <v>0</v>
      </c>
      <c r="AL29" s="280">
        <v>0</v>
      </c>
      <c r="AM29" s="281">
        <v>1</v>
      </c>
      <c r="AN29" s="281">
        <v>1</v>
      </c>
      <c r="AO29" s="281">
        <v>0</v>
      </c>
      <c r="AP29" s="281">
        <v>0</v>
      </c>
      <c r="AQ29" s="281">
        <v>0</v>
      </c>
      <c r="AR29" s="278">
        <v>2</v>
      </c>
      <c r="AS29" s="283">
        <v>2</v>
      </c>
      <c r="AT29" s="277">
        <v>0</v>
      </c>
      <c r="AU29" s="281">
        <v>0</v>
      </c>
      <c r="AV29" s="278">
        <v>0</v>
      </c>
      <c r="AW29" s="280">
        <v>0</v>
      </c>
      <c r="AX29" s="281">
        <v>0</v>
      </c>
      <c r="AY29" s="281">
        <v>0</v>
      </c>
      <c r="AZ29" s="281">
        <v>0</v>
      </c>
      <c r="BA29" s="281">
        <v>0</v>
      </c>
      <c r="BB29" s="281">
        <v>0</v>
      </c>
      <c r="BC29" s="278">
        <v>0</v>
      </c>
      <c r="BD29" s="283">
        <v>0</v>
      </c>
      <c r="BE29" s="277">
        <v>0</v>
      </c>
      <c r="BF29" s="281">
        <v>0</v>
      </c>
      <c r="BG29" s="278">
        <v>0</v>
      </c>
      <c r="BH29" s="280">
        <v>0</v>
      </c>
      <c r="BI29" s="281">
        <v>0</v>
      </c>
      <c r="BJ29" s="281">
        <v>2</v>
      </c>
      <c r="BK29" s="281">
        <v>1</v>
      </c>
      <c r="BL29" s="281">
        <v>0</v>
      </c>
      <c r="BM29" s="281">
        <v>0</v>
      </c>
      <c r="BN29" s="282">
        <v>3</v>
      </c>
      <c r="BO29" s="283">
        <v>3</v>
      </c>
      <c r="BP29" s="277">
        <v>0</v>
      </c>
      <c r="BQ29" s="281">
        <v>0</v>
      </c>
      <c r="BR29" s="278">
        <v>0</v>
      </c>
      <c r="BS29" s="280">
        <v>0</v>
      </c>
      <c r="BT29" s="281">
        <v>0</v>
      </c>
      <c r="BU29" s="281">
        <v>0</v>
      </c>
      <c r="BV29" s="281">
        <v>0</v>
      </c>
      <c r="BW29" s="281">
        <v>0</v>
      </c>
      <c r="BX29" s="281">
        <v>0</v>
      </c>
      <c r="BY29" s="278">
        <v>0</v>
      </c>
      <c r="BZ29" s="283">
        <v>0</v>
      </c>
      <c r="CA29" s="277">
        <v>0</v>
      </c>
      <c r="CB29" s="281">
        <v>0</v>
      </c>
      <c r="CC29" s="278">
        <v>0</v>
      </c>
      <c r="CD29" s="280">
        <v>0</v>
      </c>
      <c r="CE29" s="281">
        <v>0</v>
      </c>
      <c r="CF29" s="281">
        <v>0</v>
      </c>
      <c r="CG29" s="281">
        <v>1</v>
      </c>
      <c r="CH29" s="281">
        <v>2</v>
      </c>
      <c r="CI29" s="281">
        <v>0</v>
      </c>
      <c r="CJ29" s="278">
        <v>3</v>
      </c>
      <c r="CK29" s="283">
        <v>3</v>
      </c>
      <c r="CL29" s="277">
        <v>0</v>
      </c>
      <c r="CM29" s="281">
        <v>0</v>
      </c>
      <c r="CN29" s="278">
        <v>0</v>
      </c>
      <c r="CO29" s="280">
        <v>0</v>
      </c>
      <c r="CP29" s="281">
        <v>0</v>
      </c>
      <c r="CQ29" s="281">
        <v>0</v>
      </c>
      <c r="CR29" s="281">
        <v>0</v>
      </c>
      <c r="CS29" s="281">
        <v>0</v>
      </c>
      <c r="CT29" s="281">
        <v>0</v>
      </c>
      <c r="CU29" s="278">
        <v>0</v>
      </c>
      <c r="CV29" s="283">
        <v>0</v>
      </c>
    </row>
    <row r="30" spans="1:100" ht="21" customHeight="1" x14ac:dyDescent="0.2">
      <c r="A30" s="262" t="s">
        <v>28</v>
      </c>
      <c r="B30" s="277">
        <v>0</v>
      </c>
      <c r="C30" s="278">
        <v>0</v>
      </c>
      <c r="D30" s="279">
        <v>0</v>
      </c>
      <c r="E30" s="280">
        <v>0</v>
      </c>
      <c r="F30" s="281">
        <v>0</v>
      </c>
      <c r="G30" s="281">
        <v>0</v>
      </c>
      <c r="H30" s="281">
        <v>0</v>
      </c>
      <c r="I30" s="281">
        <v>0</v>
      </c>
      <c r="J30" s="281">
        <v>0</v>
      </c>
      <c r="K30" s="282">
        <v>0</v>
      </c>
      <c r="L30" s="283">
        <v>0</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4</v>
      </c>
      <c r="AC30" s="281">
        <v>3</v>
      </c>
      <c r="AD30" s="281">
        <v>0</v>
      </c>
      <c r="AE30" s="281">
        <v>0</v>
      </c>
      <c r="AF30" s="281">
        <v>0</v>
      </c>
      <c r="AG30" s="278">
        <v>7</v>
      </c>
      <c r="AH30" s="283">
        <v>7</v>
      </c>
      <c r="AI30" s="277">
        <v>0</v>
      </c>
      <c r="AJ30" s="281">
        <v>0</v>
      </c>
      <c r="AK30" s="278">
        <v>0</v>
      </c>
      <c r="AL30" s="280">
        <v>0</v>
      </c>
      <c r="AM30" s="281">
        <v>0</v>
      </c>
      <c r="AN30" s="281">
        <v>0</v>
      </c>
      <c r="AO30" s="281">
        <v>0</v>
      </c>
      <c r="AP30" s="281">
        <v>0</v>
      </c>
      <c r="AQ30" s="281">
        <v>1</v>
      </c>
      <c r="AR30" s="278">
        <v>1</v>
      </c>
      <c r="AS30" s="283">
        <v>1</v>
      </c>
      <c r="AT30" s="277">
        <v>0</v>
      </c>
      <c r="AU30" s="281">
        <v>0</v>
      </c>
      <c r="AV30" s="278">
        <v>0</v>
      </c>
      <c r="AW30" s="280">
        <v>0</v>
      </c>
      <c r="AX30" s="281">
        <v>0</v>
      </c>
      <c r="AY30" s="281">
        <v>0</v>
      </c>
      <c r="AZ30" s="281">
        <v>0</v>
      </c>
      <c r="BA30" s="281">
        <v>0</v>
      </c>
      <c r="BB30" s="281">
        <v>0</v>
      </c>
      <c r="BC30" s="278">
        <v>0</v>
      </c>
      <c r="BD30" s="283">
        <v>0</v>
      </c>
      <c r="BE30" s="277">
        <v>0</v>
      </c>
      <c r="BF30" s="281">
        <v>0</v>
      </c>
      <c r="BG30" s="278">
        <v>0</v>
      </c>
      <c r="BH30" s="280">
        <v>0</v>
      </c>
      <c r="BI30" s="281">
        <v>0</v>
      </c>
      <c r="BJ30" s="281">
        <v>0</v>
      </c>
      <c r="BK30" s="281">
        <v>0</v>
      </c>
      <c r="BL30" s="281">
        <v>0</v>
      </c>
      <c r="BM30" s="281">
        <v>1</v>
      </c>
      <c r="BN30" s="282">
        <v>1</v>
      </c>
      <c r="BO30" s="283">
        <v>1</v>
      </c>
      <c r="BP30" s="277">
        <v>0</v>
      </c>
      <c r="BQ30" s="281">
        <v>0</v>
      </c>
      <c r="BR30" s="278">
        <v>0</v>
      </c>
      <c r="BS30" s="280">
        <v>0</v>
      </c>
      <c r="BT30" s="281">
        <v>0</v>
      </c>
      <c r="BU30" s="281">
        <v>0</v>
      </c>
      <c r="BV30" s="281">
        <v>0</v>
      </c>
      <c r="BW30" s="281">
        <v>0</v>
      </c>
      <c r="BX30" s="281">
        <v>0</v>
      </c>
      <c r="BY30" s="278">
        <v>0</v>
      </c>
      <c r="BZ30" s="283">
        <v>0</v>
      </c>
      <c r="CA30" s="277">
        <v>0</v>
      </c>
      <c r="CB30" s="281">
        <v>0</v>
      </c>
      <c r="CC30" s="278">
        <v>0</v>
      </c>
      <c r="CD30" s="280">
        <v>0</v>
      </c>
      <c r="CE30" s="281">
        <v>0</v>
      </c>
      <c r="CF30" s="281">
        <v>0</v>
      </c>
      <c r="CG30" s="281">
        <v>0</v>
      </c>
      <c r="CH30" s="281">
        <v>0</v>
      </c>
      <c r="CI30" s="281">
        <v>0</v>
      </c>
      <c r="CJ30" s="278">
        <v>0</v>
      </c>
      <c r="CK30" s="283">
        <v>0</v>
      </c>
      <c r="CL30" s="277">
        <v>0</v>
      </c>
      <c r="CM30" s="281">
        <v>0</v>
      </c>
      <c r="CN30" s="278">
        <v>0</v>
      </c>
      <c r="CO30" s="280">
        <v>0</v>
      </c>
      <c r="CP30" s="281">
        <v>0</v>
      </c>
      <c r="CQ30" s="281">
        <v>0</v>
      </c>
      <c r="CR30" s="281">
        <v>0</v>
      </c>
      <c r="CS30" s="281">
        <v>0</v>
      </c>
      <c r="CT30" s="281">
        <v>0</v>
      </c>
      <c r="CU30" s="278">
        <v>0</v>
      </c>
      <c r="CV30" s="283">
        <v>0</v>
      </c>
    </row>
    <row r="31" spans="1:100" ht="21" customHeight="1" x14ac:dyDescent="0.2">
      <c r="A31" s="262" t="s">
        <v>29</v>
      </c>
      <c r="B31" s="277">
        <v>0</v>
      </c>
      <c r="C31" s="278">
        <v>0</v>
      </c>
      <c r="D31" s="279">
        <v>0</v>
      </c>
      <c r="E31" s="280">
        <v>0</v>
      </c>
      <c r="F31" s="281">
        <v>0</v>
      </c>
      <c r="G31" s="281">
        <v>0</v>
      </c>
      <c r="H31" s="281">
        <v>0</v>
      </c>
      <c r="I31" s="281">
        <v>0</v>
      </c>
      <c r="J31" s="281">
        <v>0</v>
      </c>
      <c r="K31" s="282">
        <v>0</v>
      </c>
      <c r="L31" s="283">
        <v>0</v>
      </c>
      <c r="M31" s="277">
        <v>0</v>
      </c>
      <c r="N31" s="281">
        <v>0</v>
      </c>
      <c r="O31" s="278">
        <v>0</v>
      </c>
      <c r="P31" s="280">
        <v>0</v>
      </c>
      <c r="Q31" s="281">
        <v>0</v>
      </c>
      <c r="R31" s="281">
        <v>0</v>
      </c>
      <c r="S31" s="281">
        <v>0</v>
      </c>
      <c r="T31" s="281">
        <v>0</v>
      </c>
      <c r="U31" s="281">
        <v>0</v>
      </c>
      <c r="V31" s="278">
        <v>0</v>
      </c>
      <c r="W31" s="283">
        <v>0</v>
      </c>
      <c r="X31" s="277">
        <v>0</v>
      </c>
      <c r="Y31" s="281">
        <v>0</v>
      </c>
      <c r="Z31" s="278">
        <v>0</v>
      </c>
      <c r="AA31" s="280">
        <v>0</v>
      </c>
      <c r="AB31" s="281">
        <v>1</v>
      </c>
      <c r="AC31" s="281">
        <v>1</v>
      </c>
      <c r="AD31" s="281">
        <v>0</v>
      </c>
      <c r="AE31" s="281">
        <v>0</v>
      </c>
      <c r="AF31" s="281">
        <v>0</v>
      </c>
      <c r="AG31" s="278">
        <v>2</v>
      </c>
      <c r="AH31" s="283">
        <v>2</v>
      </c>
      <c r="AI31" s="277">
        <v>0</v>
      </c>
      <c r="AJ31" s="281">
        <v>0</v>
      </c>
      <c r="AK31" s="278">
        <v>0</v>
      </c>
      <c r="AL31" s="280">
        <v>0</v>
      </c>
      <c r="AM31" s="281">
        <v>0</v>
      </c>
      <c r="AN31" s="281">
        <v>0</v>
      </c>
      <c r="AO31" s="281">
        <v>0</v>
      </c>
      <c r="AP31" s="281">
        <v>0</v>
      </c>
      <c r="AQ31" s="281">
        <v>0</v>
      </c>
      <c r="AR31" s="278">
        <v>0</v>
      </c>
      <c r="AS31" s="283">
        <v>0</v>
      </c>
      <c r="AT31" s="277">
        <v>0</v>
      </c>
      <c r="AU31" s="281">
        <v>0</v>
      </c>
      <c r="AV31" s="278">
        <v>0</v>
      </c>
      <c r="AW31" s="280">
        <v>0</v>
      </c>
      <c r="AX31" s="281">
        <v>0</v>
      </c>
      <c r="AY31" s="281">
        <v>0</v>
      </c>
      <c r="AZ31" s="281">
        <v>0</v>
      </c>
      <c r="BA31" s="281">
        <v>1</v>
      </c>
      <c r="BB31" s="281">
        <v>0</v>
      </c>
      <c r="BC31" s="278">
        <v>1</v>
      </c>
      <c r="BD31" s="283">
        <v>1</v>
      </c>
      <c r="BE31" s="277">
        <v>0</v>
      </c>
      <c r="BF31" s="281">
        <v>0</v>
      </c>
      <c r="BG31" s="278">
        <v>0</v>
      </c>
      <c r="BH31" s="280">
        <v>0</v>
      </c>
      <c r="BI31" s="281">
        <v>0</v>
      </c>
      <c r="BJ31" s="281">
        <v>0</v>
      </c>
      <c r="BK31" s="281">
        <v>0</v>
      </c>
      <c r="BL31" s="281">
        <v>0</v>
      </c>
      <c r="BM31" s="281">
        <v>0</v>
      </c>
      <c r="BN31" s="282">
        <v>0</v>
      </c>
      <c r="BO31" s="283">
        <v>0</v>
      </c>
      <c r="BP31" s="277">
        <v>0</v>
      </c>
      <c r="BQ31" s="281">
        <v>0</v>
      </c>
      <c r="BR31" s="278">
        <v>0</v>
      </c>
      <c r="BS31" s="280">
        <v>0</v>
      </c>
      <c r="BT31" s="281">
        <v>0</v>
      </c>
      <c r="BU31" s="281">
        <v>0</v>
      </c>
      <c r="BV31" s="281">
        <v>0</v>
      </c>
      <c r="BW31" s="281">
        <v>0</v>
      </c>
      <c r="BX31" s="281">
        <v>0</v>
      </c>
      <c r="BY31" s="278">
        <v>0</v>
      </c>
      <c r="BZ31" s="283">
        <v>0</v>
      </c>
      <c r="CA31" s="277">
        <v>0</v>
      </c>
      <c r="CB31" s="281">
        <v>0</v>
      </c>
      <c r="CC31" s="278">
        <v>0</v>
      </c>
      <c r="CD31" s="280">
        <v>0</v>
      </c>
      <c r="CE31" s="281">
        <v>0</v>
      </c>
      <c r="CF31" s="281">
        <v>0</v>
      </c>
      <c r="CG31" s="281">
        <v>0</v>
      </c>
      <c r="CH31" s="281">
        <v>1</v>
      </c>
      <c r="CI31" s="281">
        <v>0</v>
      </c>
      <c r="CJ31" s="278">
        <v>1</v>
      </c>
      <c r="CK31" s="283">
        <v>1</v>
      </c>
      <c r="CL31" s="277">
        <v>0</v>
      </c>
      <c r="CM31" s="281">
        <v>0</v>
      </c>
      <c r="CN31" s="278">
        <v>0</v>
      </c>
      <c r="CO31" s="280">
        <v>0</v>
      </c>
      <c r="CP31" s="281">
        <v>0</v>
      </c>
      <c r="CQ31" s="281">
        <v>0</v>
      </c>
      <c r="CR31" s="281">
        <v>0</v>
      </c>
      <c r="CS31" s="281">
        <v>0</v>
      </c>
      <c r="CT31" s="281">
        <v>0</v>
      </c>
      <c r="CU31" s="278">
        <v>0</v>
      </c>
      <c r="CV31" s="283">
        <v>0</v>
      </c>
    </row>
    <row r="32" spans="1:100" ht="21" customHeight="1" x14ac:dyDescent="0.2">
      <c r="A32" s="262" t="s">
        <v>30</v>
      </c>
      <c r="B32" s="277">
        <v>0</v>
      </c>
      <c r="C32" s="278">
        <v>0</v>
      </c>
      <c r="D32" s="279">
        <v>0</v>
      </c>
      <c r="E32" s="280">
        <v>0</v>
      </c>
      <c r="F32" s="281">
        <v>0</v>
      </c>
      <c r="G32" s="281">
        <v>0</v>
      </c>
      <c r="H32" s="281">
        <v>0</v>
      </c>
      <c r="I32" s="281">
        <v>0</v>
      </c>
      <c r="J32" s="281">
        <v>0</v>
      </c>
      <c r="K32" s="282">
        <v>0</v>
      </c>
      <c r="L32" s="283">
        <v>0</v>
      </c>
      <c r="M32" s="277">
        <v>0</v>
      </c>
      <c r="N32" s="281">
        <v>0</v>
      </c>
      <c r="O32" s="278">
        <v>0</v>
      </c>
      <c r="P32" s="280">
        <v>0</v>
      </c>
      <c r="Q32" s="281">
        <v>0</v>
      </c>
      <c r="R32" s="281">
        <v>0</v>
      </c>
      <c r="S32" s="281">
        <v>0</v>
      </c>
      <c r="T32" s="281">
        <v>0</v>
      </c>
      <c r="U32" s="281">
        <v>0</v>
      </c>
      <c r="V32" s="278">
        <v>0</v>
      </c>
      <c r="W32" s="283">
        <v>0</v>
      </c>
      <c r="X32" s="277">
        <v>0</v>
      </c>
      <c r="Y32" s="281">
        <v>0</v>
      </c>
      <c r="Z32" s="278">
        <v>0</v>
      </c>
      <c r="AA32" s="280">
        <v>0</v>
      </c>
      <c r="AB32" s="281">
        <v>0</v>
      </c>
      <c r="AC32" s="281">
        <v>1</v>
      </c>
      <c r="AD32" s="281">
        <v>0</v>
      </c>
      <c r="AE32" s="281">
        <v>0</v>
      </c>
      <c r="AF32" s="281">
        <v>0</v>
      </c>
      <c r="AG32" s="278">
        <v>1</v>
      </c>
      <c r="AH32" s="283">
        <v>1</v>
      </c>
      <c r="AI32" s="277">
        <v>1</v>
      </c>
      <c r="AJ32" s="281">
        <v>0</v>
      </c>
      <c r="AK32" s="278">
        <v>1</v>
      </c>
      <c r="AL32" s="280">
        <v>0</v>
      </c>
      <c r="AM32" s="281">
        <v>0</v>
      </c>
      <c r="AN32" s="281">
        <v>0</v>
      </c>
      <c r="AO32" s="281">
        <v>0</v>
      </c>
      <c r="AP32" s="281">
        <v>0</v>
      </c>
      <c r="AQ32" s="281">
        <v>0</v>
      </c>
      <c r="AR32" s="278">
        <v>0</v>
      </c>
      <c r="AS32" s="283">
        <v>1</v>
      </c>
      <c r="AT32" s="277">
        <v>0</v>
      </c>
      <c r="AU32" s="281">
        <v>0</v>
      </c>
      <c r="AV32" s="278">
        <v>0</v>
      </c>
      <c r="AW32" s="280">
        <v>0</v>
      </c>
      <c r="AX32" s="281">
        <v>0</v>
      </c>
      <c r="AY32" s="281">
        <v>0</v>
      </c>
      <c r="AZ32" s="281">
        <v>0</v>
      </c>
      <c r="BA32" s="281">
        <v>0</v>
      </c>
      <c r="BB32" s="281">
        <v>0</v>
      </c>
      <c r="BC32" s="278">
        <v>0</v>
      </c>
      <c r="BD32" s="283">
        <v>0</v>
      </c>
      <c r="BE32" s="277">
        <v>0</v>
      </c>
      <c r="BF32" s="281">
        <v>0</v>
      </c>
      <c r="BG32" s="278">
        <v>0</v>
      </c>
      <c r="BH32" s="280">
        <v>0</v>
      </c>
      <c r="BI32" s="281">
        <v>0</v>
      </c>
      <c r="BJ32" s="281">
        <v>1</v>
      </c>
      <c r="BK32" s="281">
        <v>0</v>
      </c>
      <c r="BL32" s="281">
        <v>1</v>
      </c>
      <c r="BM32" s="281">
        <v>0</v>
      </c>
      <c r="BN32" s="282">
        <v>2</v>
      </c>
      <c r="BO32" s="283">
        <v>2</v>
      </c>
      <c r="BP32" s="277">
        <v>0</v>
      </c>
      <c r="BQ32" s="281">
        <v>0</v>
      </c>
      <c r="BR32" s="278">
        <v>0</v>
      </c>
      <c r="BS32" s="280">
        <v>0</v>
      </c>
      <c r="BT32" s="281">
        <v>0</v>
      </c>
      <c r="BU32" s="281">
        <v>0</v>
      </c>
      <c r="BV32" s="281">
        <v>0</v>
      </c>
      <c r="BW32" s="281">
        <v>0</v>
      </c>
      <c r="BX32" s="281">
        <v>0</v>
      </c>
      <c r="BY32" s="278">
        <v>0</v>
      </c>
      <c r="BZ32" s="283">
        <v>0</v>
      </c>
      <c r="CA32" s="277">
        <v>0</v>
      </c>
      <c r="CB32" s="281">
        <v>0</v>
      </c>
      <c r="CC32" s="278">
        <v>0</v>
      </c>
      <c r="CD32" s="280">
        <v>0</v>
      </c>
      <c r="CE32" s="281">
        <v>0</v>
      </c>
      <c r="CF32" s="281">
        <v>0</v>
      </c>
      <c r="CG32" s="281">
        <v>0</v>
      </c>
      <c r="CH32" s="281">
        <v>0</v>
      </c>
      <c r="CI32" s="281">
        <v>0</v>
      </c>
      <c r="CJ32" s="278">
        <v>0</v>
      </c>
      <c r="CK32" s="283">
        <v>0</v>
      </c>
      <c r="CL32" s="277">
        <v>0</v>
      </c>
      <c r="CM32" s="281">
        <v>0</v>
      </c>
      <c r="CN32" s="278">
        <v>0</v>
      </c>
      <c r="CO32" s="280">
        <v>0</v>
      </c>
      <c r="CP32" s="281">
        <v>0</v>
      </c>
      <c r="CQ32" s="281">
        <v>0</v>
      </c>
      <c r="CR32" s="281">
        <v>0</v>
      </c>
      <c r="CS32" s="281">
        <v>0</v>
      </c>
      <c r="CT32" s="281">
        <v>0</v>
      </c>
      <c r="CU32" s="278">
        <v>0</v>
      </c>
      <c r="CV32" s="283">
        <v>0</v>
      </c>
    </row>
    <row r="33" spans="1:100" ht="21" customHeight="1" x14ac:dyDescent="0.2">
      <c r="A33" s="262" t="s">
        <v>31</v>
      </c>
      <c r="B33" s="277">
        <v>0</v>
      </c>
      <c r="C33" s="278">
        <v>0</v>
      </c>
      <c r="D33" s="279">
        <v>0</v>
      </c>
      <c r="E33" s="280">
        <v>0</v>
      </c>
      <c r="F33" s="281">
        <v>0</v>
      </c>
      <c r="G33" s="281">
        <v>0</v>
      </c>
      <c r="H33" s="281">
        <v>0</v>
      </c>
      <c r="I33" s="281">
        <v>0</v>
      </c>
      <c r="J33" s="281">
        <v>0</v>
      </c>
      <c r="K33" s="282">
        <v>0</v>
      </c>
      <c r="L33" s="283">
        <v>0</v>
      </c>
      <c r="M33" s="277">
        <v>0</v>
      </c>
      <c r="N33" s="281">
        <v>0</v>
      </c>
      <c r="O33" s="278">
        <v>0</v>
      </c>
      <c r="P33" s="280">
        <v>0</v>
      </c>
      <c r="Q33" s="281">
        <v>0</v>
      </c>
      <c r="R33" s="281">
        <v>0</v>
      </c>
      <c r="S33" s="281">
        <v>0</v>
      </c>
      <c r="T33" s="281">
        <v>0</v>
      </c>
      <c r="U33" s="281">
        <v>0</v>
      </c>
      <c r="V33" s="278">
        <v>0</v>
      </c>
      <c r="W33" s="283">
        <v>0</v>
      </c>
      <c r="X33" s="277">
        <v>0</v>
      </c>
      <c r="Y33" s="281">
        <v>0</v>
      </c>
      <c r="Z33" s="278">
        <v>0</v>
      </c>
      <c r="AA33" s="280">
        <v>0</v>
      </c>
      <c r="AB33" s="281">
        <v>1</v>
      </c>
      <c r="AC33" s="281">
        <v>1</v>
      </c>
      <c r="AD33" s="281">
        <v>0</v>
      </c>
      <c r="AE33" s="281">
        <v>0</v>
      </c>
      <c r="AF33" s="281">
        <v>0</v>
      </c>
      <c r="AG33" s="278">
        <v>2</v>
      </c>
      <c r="AH33" s="283">
        <v>2</v>
      </c>
      <c r="AI33" s="277">
        <v>0</v>
      </c>
      <c r="AJ33" s="281">
        <v>0</v>
      </c>
      <c r="AK33" s="278">
        <v>0</v>
      </c>
      <c r="AL33" s="280">
        <v>0</v>
      </c>
      <c r="AM33" s="281">
        <v>0</v>
      </c>
      <c r="AN33" s="281">
        <v>0</v>
      </c>
      <c r="AO33" s="281">
        <v>1</v>
      </c>
      <c r="AP33" s="281">
        <v>0</v>
      </c>
      <c r="AQ33" s="281">
        <v>0</v>
      </c>
      <c r="AR33" s="278">
        <v>1</v>
      </c>
      <c r="AS33" s="283">
        <v>1</v>
      </c>
      <c r="AT33" s="277">
        <v>0</v>
      </c>
      <c r="AU33" s="281">
        <v>0</v>
      </c>
      <c r="AV33" s="278">
        <v>0</v>
      </c>
      <c r="AW33" s="280">
        <v>0</v>
      </c>
      <c r="AX33" s="281">
        <v>0</v>
      </c>
      <c r="AY33" s="281">
        <v>1</v>
      </c>
      <c r="AZ33" s="281">
        <v>0</v>
      </c>
      <c r="BA33" s="281">
        <v>0</v>
      </c>
      <c r="BB33" s="281">
        <v>0</v>
      </c>
      <c r="BC33" s="278">
        <v>1</v>
      </c>
      <c r="BD33" s="283">
        <v>1</v>
      </c>
      <c r="BE33" s="277">
        <v>0</v>
      </c>
      <c r="BF33" s="281">
        <v>0</v>
      </c>
      <c r="BG33" s="278">
        <v>0</v>
      </c>
      <c r="BH33" s="280">
        <v>0</v>
      </c>
      <c r="BI33" s="281">
        <v>0</v>
      </c>
      <c r="BJ33" s="281">
        <v>2</v>
      </c>
      <c r="BK33" s="281">
        <v>0</v>
      </c>
      <c r="BL33" s="281">
        <v>1</v>
      </c>
      <c r="BM33" s="281">
        <v>0</v>
      </c>
      <c r="BN33" s="282">
        <v>3</v>
      </c>
      <c r="BO33" s="283">
        <v>3</v>
      </c>
      <c r="BP33" s="277">
        <v>0</v>
      </c>
      <c r="BQ33" s="281">
        <v>0</v>
      </c>
      <c r="BR33" s="278">
        <v>0</v>
      </c>
      <c r="BS33" s="280">
        <v>0</v>
      </c>
      <c r="BT33" s="281">
        <v>0</v>
      </c>
      <c r="BU33" s="281">
        <v>0</v>
      </c>
      <c r="BV33" s="281">
        <v>0</v>
      </c>
      <c r="BW33" s="281">
        <v>0</v>
      </c>
      <c r="BX33" s="281">
        <v>0</v>
      </c>
      <c r="BY33" s="278">
        <v>0</v>
      </c>
      <c r="BZ33" s="283">
        <v>0</v>
      </c>
      <c r="CA33" s="277">
        <v>0</v>
      </c>
      <c r="CB33" s="281">
        <v>0</v>
      </c>
      <c r="CC33" s="278">
        <v>0</v>
      </c>
      <c r="CD33" s="280">
        <v>0</v>
      </c>
      <c r="CE33" s="281">
        <v>0</v>
      </c>
      <c r="CF33" s="281">
        <v>0</v>
      </c>
      <c r="CG33" s="281">
        <v>0</v>
      </c>
      <c r="CH33" s="281">
        <v>0</v>
      </c>
      <c r="CI33" s="281">
        <v>0</v>
      </c>
      <c r="CJ33" s="278">
        <v>0</v>
      </c>
      <c r="CK33" s="283">
        <v>0</v>
      </c>
      <c r="CL33" s="277">
        <v>0</v>
      </c>
      <c r="CM33" s="281">
        <v>0</v>
      </c>
      <c r="CN33" s="278">
        <v>0</v>
      </c>
      <c r="CO33" s="280">
        <v>0</v>
      </c>
      <c r="CP33" s="281">
        <v>0</v>
      </c>
      <c r="CQ33" s="281">
        <v>0</v>
      </c>
      <c r="CR33" s="281">
        <v>0</v>
      </c>
      <c r="CS33" s="281">
        <v>0</v>
      </c>
      <c r="CT33" s="281">
        <v>0</v>
      </c>
      <c r="CU33" s="278">
        <v>0</v>
      </c>
      <c r="CV33" s="283">
        <v>0</v>
      </c>
    </row>
    <row r="34" spans="1:100" ht="21" customHeight="1" x14ac:dyDescent="0.2">
      <c r="A34" s="262" t="s">
        <v>32</v>
      </c>
      <c r="B34" s="277">
        <v>0</v>
      </c>
      <c r="C34" s="278">
        <v>0</v>
      </c>
      <c r="D34" s="279">
        <v>0</v>
      </c>
      <c r="E34" s="280">
        <v>0</v>
      </c>
      <c r="F34" s="281">
        <v>0</v>
      </c>
      <c r="G34" s="281">
        <v>0</v>
      </c>
      <c r="H34" s="281">
        <v>0</v>
      </c>
      <c r="I34" s="281">
        <v>0</v>
      </c>
      <c r="J34" s="281">
        <v>0</v>
      </c>
      <c r="K34" s="282">
        <v>0</v>
      </c>
      <c r="L34" s="283">
        <v>0</v>
      </c>
      <c r="M34" s="277">
        <v>0</v>
      </c>
      <c r="N34" s="281">
        <v>0</v>
      </c>
      <c r="O34" s="278">
        <v>0</v>
      </c>
      <c r="P34" s="280">
        <v>0</v>
      </c>
      <c r="Q34" s="281">
        <v>0</v>
      </c>
      <c r="R34" s="281">
        <v>0</v>
      </c>
      <c r="S34" s="281">
        <v>0</v>
      </c>
      <c r="T34" s="281">
        <v>0</v>
      </c>
      <c r="U34" s="281">
        <v>0</v>
      </c>
      <c r="V34" s="278">
        <v>0</v>
      </c>
      <c r="W34" s="283">
        <v>0</v>
      </c>
      <c r="X34" s="277">
        <v>0</v>
      </c>
      <c r="Y34" s="281">
        <v>0</v>
      </c>
      <c r="Z34" s="278">
        <v>0</v>
      </c>
      <c r="AA34" s="280">
        <v>0</v>
      </c>
      <c r="AB34" s="281">
        <v>3</v>
      </c>
      <c r="AC34" s="281">
        <v>1</v>
      </c>
      <c r="AD34" s="281">
        <v>1</v>
      </c>
      <c r="AE34" s="281">
        <v>0</v>
      </c>
      <c r="AF34" s="281">
        <v>0</v>
      </c>
      <c r="AG34" s="278">
        <v>5</v>
      </c>
      <c r="AH34" s="283">
        <v>5</v>
      </c>
      <c r="AI34" s="277">
        <v>0</v>
      </c>
      <c r="AJ34" s="281">
        <v>0</v>
      </c>
      <c r="AK34" s="278">
        <v>0</v>
      </c>
      <c r="AL34" s="280">
        <v>0</v>
      </c>
      <c r="AM34" s="281">
        <v>0</v>
      </c>
      <c r="AN34" s="281">
        <v>0</v>
      </c>
      <c r="AO34" s="281">
        <v>0</v>
      </c>
      <c r="AP34" s="281">
        <v>1</v>
      </c>
      <c r="AQ34" s="281">
        <v>0</v>
      </c>
      <c r="AR34" s="278">
        <v>1</v>
      </c>
      <c r="AS34" s="283">
        <v>1</v>
      </c>
      <c r="AT34" s="277">
        <v>0</v>
      </c>
      <c r="AU34" s="281">
        <v>0</v>
      </c>
      <c r="AV34" s="278">
        <v>0</v>
      </c>
      <c r="AW34" s="280">
        <v>0</v>
      </c>
      <c r="AX34" s="281">
        <v>0</v>
      </c>
      <c r="AY34" s="281">
        <v>0</v>
      </c>
      <c r="AZ34" s="281">
        <v>0</v>
      </c>
      <c r="BA34" s="281">
        <v>0</v>
      </c>
      <c r="BB34" s="281">
        <v>0</v>
      </c>
      <c r="BC34" s="278">
        <v>0</v>
      </c>
      <c r="BD34" s="283">
        <v>0</v>
      </c>
      <c r="BE34" s="277">
        <v>0</v>
      </c>
      <c r="BF34" s="281">
        <v>0</v>
      </c>
      <c r="BG34" s="278">
        <v>0</v>
      </c>
      <c r="BH34" s="280">
        <v>0</v>
      </c>
      <c r="BI34" s="281">
        <v>0</v>
      </c>
      <c r="BJ34" s="281">
        <v>1</v>
      </c>
      <c r="BK34" s="281">
        <v>1</v>
      </c>
      <c r="BL34" s="281">
        <v>0</v>
      </c>
      <c r="BM34" s="281">
        <v>0</v>
      </c>
      <c r="BN34" s="282">
        <v>2</v>
      </c>
      <c r="BO34" s="283">
        <v>2</v>
      </c>
      <c r="BP34" s="277">
        <v>0</v>
      </c>
      <c r="BQ34" s="281">
        <v>0</v>
      </c>
      <c r="BR34" s="278">
        <v>0</v>
      </c>
      <c r="BS34" s="280">
        <v>0</v>
      </c>
      <c r="BT34" s="281">
        <v>0</v>
      </c>
      <c r="BU34" s="281">
        <v>0</v>
      </c>
      <c r="BV34" s="281">
        <v>0</v>
      </c>
      <c r="BW34" s="281">
        <v>0</v>
      </c>
      <c r="BX34" s="281">
        <v>0</v>
      </c>
      <c r="BY34" s="278">
        <v>0</v>
      </c>
      <c r="BZ34" s="283">
        <v>0</v>
      </c>
      <c r="CA34" s="277">
        <v>0</v>
      </c>
      <c r="CB34" s="281">
        <v>0</v>
      </c>
      <c r="CC34" s="278">
        <v>0</v>
      </c>
      <c r="CD34" s="280">
        <v>0</v>
      </c>
      <c r="CE34" s="281">
        <v>0</v>
      </c>
      <c r="CF34" s="281">
        <v>0</v>
      </c>
      <c r="CG34" s="281">
        <v>1</v>
      </c>
      <c r="CH34" s="281">
        <v>0</v>
      </c>
      <c r="CI34" s="281">
        <v>0</v>
      </c>
      <c r="CJ34" s="278">
        <v>1</v>
      </c>
      <c r="CK34" s="283">
        <v>1</v>
      </c>
      <c r="CL34" s="277">
        <v>0</v>
      </c>
      <c r="CM34" s="281">
        <v>0</v>
      </c>
      <c r="CN34" s="278">
        <v>0</v>
      </c>
      <c r="CO34" s="280">
        <v>0</v>
      </c>
      <c r="CP34" s="281">
        <v>0</v>
      </c>
      <c r="CQ34" s="281">
        <v>0</v>
      </c>
      <c r="CR34" s="281">
        <v>0</v>
      </c>
      <c r="CS34" s="281">
        <v>0</v>
      </c>
      <c r="CT34" s="281">
        <v>0</v>
      </c>
      <c r="CU34" s="278">
        <v>0</v>
      </c>
      <c r="CV34" s="283">
        <v>0</v>
      </c>
    </row>
    <row r="35" spans="1:100" ht="21" customHeight="1" x14ac:dyDescent="0.2">
      <c r="A35" s="262" t="s">
        <v>33</v>
      </c>
      <c r="B35" s="277">
        <v>0</v>
      </c>
      <c r="C35" s="278">
        <v>0</v>
      </c>
      <c r="D35" s="279">
        <v>0</v>
      </c>
      <c r="E35" s="280">
        <v>0</v>
      </c>
      <c r="F35" s="281">
        <v>0</v>
      </c>
      <c r="G35" s="281">
        <v>0</v>
      </c>
      <c r="H35" s="281">
        <v>0</v>
      </c>
      <c r="I35" s="281">
        <v>0</v>
      </c>
      <c r="J35" s="281">
        <v>0</v>
      </c>
      <c r="K35" s="282">
        <v>0</v>
      </c>
      <c r="L35" s="283">
        <v>0</v>
      </c>
      <c r="M35" s="277">
        <v>0</v>
      </c>
      <c r="N35" s="281">
        <v>0</v>
      </c>
      <c r="O35" s="278">
        <v>0</v>
      </c>
      <c r="P35" s="280">
        <v>0</v>
      </c>
      <c r="Q35" s="281">
        <v>0</v>
      </c>
      <c r="R35" s="281">
        <v>0</v>
      </c>
      <c r="S35" s="281">
        <v>0</v>
      </c>
      <c r="T35" s="281">
        <v>0</v>
      </c>
      <c r="U35" s="281">
        <v>0</v>
      </c>
      <c r="V35" s="278">
        <v>0</v>
      </c>
      <c r="W35" s="283">
        <v>0</v>
      </c>
      <c r="X35" s="277">
        <v>0</v>
      </c>
      <c r="Y35" s="281">
        <v>0</v>
      </c>
      <c r="Z35" s="278">
        <v>0</v>
      </c>
      <c r="AA35" s="280">
        <v>0</v>
      </c>
      <c r="AB35" s="281">
        <v>2</v>
      </c>
      <c r="AC35" s="281">
        <v>0</v>
      </c>
      <c r="AD35" s="281">
        <v>0</v>
      </c>
      <c r="AE35" s="281">
        <v>0</v>
      </c>
      <c r="AF35" s="281">
        <v>0</v>
      </c>
      <c r="AG35" s="278">
        <v>2</v>
      </c>
      <c r="AH35" s="283">
        <v>2</v>
      </c>
      <c r="AI35" s="277">
        <v>0</v>
      </c>
      <c r="AJ35" s="281">
        <v>0</v>
      </c>
      <c r="AK35" s="278">
        <v>0</v>
      </c>
      <c r="AL35" s="280">
        <v>0</v>
      </c>
      <c r="AM35" s="281">
        <v>0</v>
      </c>
      <c r="AN35" s="281">
        <v>0</v>
      </c>
      <c r="AO35" s="281">
        <v>0</v>
      </c>
      <c r="AP35" s="281">
        <v>0</v>
      </c>
      <c r="AQ35" s="281">
        <v>0</v>
      </c>
      <c r="AR35" s="278">
        <v>0</v>
      </c>
      <c r="AS35" s="283">
        <v>0</v>
      </c>
      <c r="AT35" s="277">
        <v>0</v>
      </c>
      <c r="AU35" s="281">
        <v>0</v>
      </c>
      <c r="AV35" s="278">
        <v>0</v>
      </c>
      <c r="AW35" s="280">
        <v>0</v>
      </c>
      <c r="AX35" s="281">
        <v>0</v>
      </c>
      <c r="AY35" s="281">
        <v>0</v>
      </c>
      <c r="AZ35" s="281">
        <v>0</v>
      </c>
      <c r="BA35" s="281">
        <v>0</v>
      </c>
      <c r="BB35" s="281">
        <v>0</v>
      </c>
      <c r="BC35" s="278">
        <v>0</v>
      </c>
      <c r="BD35" s="283">
        <v>0</v>
      </c>
      <c r="BE35" s="277">
        <v>0</v>
      </c>
      <c r="BF35" s="281">
        <v>0</v>
      </c>
      <c r="BG35" s="278">
        <v>0</v>
      </c>
      <c r="BH35" s="280">
        <v>0</v>
      </c>
      <c r="BI35" s="281">
        <v>0</v>
      </c>
      <c r="BJ35" s="281">
        <v>0</v>
      </c>
      <c r="BK35" s="281">
        <v>1</v>
      </c>
      <c r="BL35" s="281">
        <v>0</v>
      </c>
      <c r="BM35" s="281">
        <v>0</v>
      </c>
      <c r="BN35" s="282">
        <v>1</v>
      </c>
      <c r="BO35" s="283">
        <v>1</v>
      </c>
      <c r="BP35" s="277">
        <v>0</v>
      </c>
      <c r="BQ35" s="281">
        <v>0</v>
      </c>
      <c r="BR35" s="278">
        <v>0</v>
      </c>
      <c r="BS35" s="280">
        <v>0</v>
      </c>
      <c r="BT35" s="281">
        <v>0</v>
      </c>
      <c r="BU35" s="281">
        <v>0</v>
      </c>
      <c r="BV35" s="281">
        <v>0</v>
      </c>
      <c r="BW35" s="281">
        <v>0</v>
      </c>
      <c r="BX35" s="281">
        <v>0</v>
      </c>
      <c r="BY35" s="278">
        <v>0</v>
      </c>
      <c r="BZ35" s="283">
        <v>0</v>
      </c>
      <c r="CA35" s="277">
        <v>0</v>
      </c>
      <c r="CB35" s="281">
        <v>0</v>
      </c>
      <c r="CC35" s="278">
        <v>0</v>
      </c>
      <c r="CD35" s="280">
        <v>0</v>
      </c>
      <c r="CE35" s="281">
        <v>0</v>
      </c>
      <c r="CF35" s="281">
        <v>0</v>
      </c>
      <c r="CG35" s="281">
        <v>0</v>
      </c>
      <c r="CH35" s="281">
        <v>0</v>
      </c>
      <c r="CI35" s="281">
        <v>0</v>
      </c>
      <c r="CJ35" s="278">
        <v>0</v>
      </c>
      <c r="CK35" s="283">
        <v>0</v>
      </c>
      <c r="CL35" s="277">
        <v>0</v>
      </c>
      <c r="CM35" s="281">
        <v>0</v>
      </c>
      <c r="CN35" s="278">
        <v>0</v>
      </c>
      <c r="CO35" s="280">
        <v>0</v>
      </c>
      <c r="CP35" s="281">
        <v>1</v>
      </c>
      <c r="CQ35" s="281">
        <v>0</v>
      </c>
      <c r="CR35" s="281">
        <v>0</v>
      </c>
      <c r="CS35" s="281">
        <v>0</v>
      </c>
      <c r="CT35" s="281">
        <v>0</v>
      </c>
      <c r="CU35" s="278">
        <v>1</v>
      </c>
      <c r="CV35" s="283">
        <v>1</v>
      </c>
    </row>
    <row r="36" spans="1:100" ht="21" customHeight="1" x14ac:dyDescent="0.2">
      <c r="A36" s="262" t="s">
        <v>34</v>
      </c>
      <c r="B36" s="277">
        <v>0</v>
      </c>
      <c r="C36" s="278">
        <v>0</v>
      </c>
      <c r="D36" s="279">
        <v>0</v>
      </c>
      <c r="E36" s="280">
        <v>0</v>
      </c>
      <c r="F36" s="281">
        <v>0</v>
      </c>
      <c r="G36" s="281">
        <v>0</v>
      </c>
      <c r="H36" s="281">
        <v>0</v>
      </c>
      <c r="I36" s="281">
        <v>0</v>
      </c>
      <c r="J36" s="281">
        <v>0</v>
      </c>
      <c r="K36" s="282">
        <v>0</v>
      </c>
      <c r="L36" s="283">
        <v>0</v>
      </c>
      <c r="M36" s="277">
        <v>0</v>
      </c>
      <c r="N36" s="281">
        <v>0</v>
      </c>
      <c r="O36" s="278">
        <v>0</v>
      </c>
      <c r="P36" s="280">
        <v>0</v>
      </c>
      <c r="Q36" s="281">
        <v>0</v>
      </c>
      <c r="R36" s="281">
        <v>0</v>
      </c>
      <c r="S36" s="281">
        <v>0</v>
      </c>
      <c r="T36" s="281">
        <v>0</v>
      </c>
      <c r="U36" s="281">
        <v>0</v>
      </c>
      <c r="V36" s="278">
        <v>0</v>
      </c>
      <c r="W36" s="283">
        <v>0</v>
      </c>
      <c r="X36" s="277">
        <v>0</v>
      </c>
      <c r="Y36" s="281">
        <v>0</v>
      </c>
      <c r="Z36" s="278">
        <v>0</v>
      </c>
      <c r="AA36" s="280">
        <v>0</v>
      </c>
      <c r="AB36" s="281">
        <v>3</v>
      </c>
      <c r="AC36" s="281">
        <v>0</v>
      </c>
      <c r="AD36" s="281">
        <v>0</v>
      </c>
      <c r="AE36" s="281">
        <v>0</v>
      </c>
      <c r="AF36" s="281">
        <v>0</v>
      </c>
      <c r="AG36" s="278">
        <v>3</v>
      </c>
      <c r="AH36" s="283">
        <v>3</v>
      </c>
      <c r="AI36" s="277">
        <v>0</v>
      </c>
      <c r="AJ36" s="281">
        <v>0</v>
      </c>
      <c r="AK36" s="278">
        <v>0</v>
      </c>
      <c r="AL36" s="280">
        <v>0</v>
      </c>
      <c r="AM36" s="281">
        <v>0</v>
      </c>
      <c r="AN36" s="281">
        <v>0</v>
      </c>
      <c r="AO36" s="281">
        <v>0</v>
      </c>
      <c r="AP36" s="281">
        <v>0</v>
      </c>
      <c r="AQ36" s="281">
        <v>0</v>
      </c>
      <c r="AR36" s="278">
        <v>0</v>
      </c>
      <c r="AS36" s="283">
        <v>0</v>
      </c>
      <c r="AT36" s="277">
        <v>0</v>
      </c>
      <c r="AU36" s="281">
        <v>0</v>
      </c>
      <c r="AV36" s="278">
        <v>0</v>
      </c>
      <c r="AW36" s="280">
        <v>0</v>
      </c>
      <c r="AX36" s="281">
        <v>1</v>
      </c>
      <c r="AY36" s="281">
        <v>0</v>
      </c>
      <c r="AZ36" s="281">
        <v>0</v>
      </c>
      <c r="BA36" s="281">
        <v>0</v>
      </c>
      <c r="BB36" s="281">
        <v>0</v>
      </c>
      <c r="BC36" s="278">
        <v>1</v>
      </c>
      <c r="BD36" s="283">
        <v>1</v>
      </c>
      <c r="BE36" s="277">
        <v>0</v>
      </c>
      <c r="BF36" s="281">
        <v>0</v>
      </c>
      <c r="BG36" s="278">
        <v>0</v>
      </c>
      <c r="BH36" s="280">
        <v>0</v>
      </c>
      <c r="BI36" s="281">
        <v>0</v>
      </c>
      <c r="BJ36" s="281">
        <v>0</v>
      </c>
      <c r="BK36" s="281">
        <v>0</v>
      </c>
      <c r="BL36" s="281">
        <v>0</v>
      </c>
      <c r="BM36" s="281">
        <v>0</v>
      </c>
      <c r="BN36" s="282">
        <v>0</v>
      </c>
      <c r="BO36" s="283">
        <v>0</v>
      </c>
      <c r="BP36" s="277">
        <v>0</v>
      </c>
      <c r="BQ36" s="281">
        <v>0</v>
      </c>
      <c r="BR36" s="278">
        <v>0</v>
      </c>
      <c r="BS36" s="280">
        <v>0</v>
      </c>
      <c r="BT36" s="281">
        <v>0</v>
      </c>
      <c r="BU36" s="281">
        <v>0</v>
      </c>
      <c r="BV36" s="281">
        <v>0</v>
      </c>
      <c r="BW36" s="281">
        <v>0</v>
      </c>
      <c r="BX36" s="281">
        <v>0</v>
      </c>
      <c r="BY36" s="278">
        <v>0</v>
      </c>
      <c r="BZ36" s="283">
        <v>0</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0</v>
      </c>
      <c r="CQ36" s="281">
        <v>0</v>
      </c>
      <c r="CR36" s="281">
        <v>1</v>
      </c>
      <c r="CS36" s="281">
        <v>0</v>
      </c>
      <c r="CT36" s="281">
        <v>0</v>
      </c>
      <c r="CU36" s="278">
        <v>1</v>
      </c>
      <c r="CV36" s="283">
        <v>1</v>
      </c>
    </row>
    <row r="37" spans="1:100" ht="21" customHeight="1" x14ac:dyDescent="0.2">
      <c r="A37" s="262" t="s">
        <v>35</v>
      </c>
      <c r="B37" s="277">
        <v>0</v>
      </c>
      <c r="C37" s="278">
        <v>0</v>
      </c>
      <c r="D37" s="279">
        <v>0</v>
      </c>
      <c r="E37" s="280">
        <v>0</v>
      </c>
      <c r="F37" s="281">
        <v>0</v>
      </c>
      <c r="G37" s="281">
        <v>1</v>
      </c>
      <c r="H37" s="281">
        <v>0</v>
      </c>
      <c r="I37" s="281">
        <v>0</v>
      </c>
      <c r="J37" s="281">
        <v>0</v>
      </c>
      <c r="K37" s="282">
        <v>1</v>
      </c>
      <c r="L37" s="283">
        <v>1</v>
      </c>
      <c r="M37" s="277">
        <v>0</v>
      </c>
      <c r="N37" s="281">
        <v>0</v>
      </c>
      <c r="O37" s="278">
        <v>0</v>
      </c>
      <c r="P37" s="280">
        <v>0</v>
      </c>
      <c r="Q37" s="281">
        <v>0</v>
      </c>
      <c r="R37" s="281">
        <v>0</v>
      </c>
      <c r="S37" s="281">
        <v>0</v>
      </c>
      <c r="T37" s="281">
        <v>0</v>
      </c>
      <c r="U37" s="281">
        <v>0</v>
      </c>
      <c r="V37" s="278">
        <v>0</v>
      </c>
      <c r="W37" s="283">
        <v>0</v>
      </c>
      <c r="X37" s="277">
        <v>0</v>
      </c>
      <c r="Y37" s="281">
        <v>0</v>
      </c>
      <c r="Z37" s="278">
        <v>0</v>
      </c>
      <c r="AA37" s="280">
        <v>0</v>
      </c>
      <c r="AB37" s="281">
        <v>0</v>
      </c>
      <c r="AC37" s="281">
        <v>1</v>
      </c>
      <c r="AD37" s="281">
        <v>0</v>
      </c>
      <c r="AE37" s="281">
        <v>0</v>
      </c>
      <c r="AF37" s="281">
        <v>0</v>
      </c>
      <c r="AG37" s="278">
        <v>1</v>
      </c>
      <c r="AH37" s="283">
        <v>1</v>
      </c>
      <c r="AI37" s="277">
        <v>0</v>
      </c>
      <c r="AJ37" s="281">
        <v>0</v>
      </c>
      <c r="AK37" s="278">
        <v>0</v>
      </c>
      <c r="AL37" s="280">
        <v>0</v>
      </c>
      <c r="AM37" s="281">
        <v>0</v>
      </c>
      <c r="AN37" s="281">
        <v>0</v>
      </c>
      <c r="AO37" s="281">
        <v>0</v>
      </c>
      <c r="AP37" s="281">
        <v>0</v>
      </c>
      <c r="AQ37" s="281">
        <v>0</v>
      </c>
      <c r="AR37" s="278">
        <v>0</v>
      </c>
      <c r="AS37" s="283">
        <v>0</v>
      </c>
      <c r="AT37" s="277">
        <v>0</v>
      </c>
      <c r="AU37" s="281">
        <v>0</v>
      </c>
      <c r="AV37" s="278">
        <v>0</v>
      </c>
      <c r="AW37" s="280">
        <v>0</v>
      </c>
      <c r="AX37" s="281">
        <v>1</v>
      </c>
      <c r="AY37" s="281">
        <v>0</v>
      </c>
      <c r="AZ37" s="281">
        <v>0</v>
      </c>
      <c r="BA37" s="281">
        <v>0</v>
      </c>
      <c r="BB37" s="281">
        <v>0</v>
      </c>
      <c r="BC37" s="278">
        <v>1</v>
      </c>
      <c r="BD37" s="283">
        <v>1</v>
      </c>
      <c r="BE37" s="277">
        <v>0</v>
      </c>
      <c r="BF37" s="281">
        <v>0</v>
      </c>
      <c r="BG37" s="278">
        <v>0</v>
      </c>
      <c r="BH37" s="280">
        <v>0</v>
      </c>
      <c r="BI37" s="281">
        <v>0</v>
      </c>
      <c r="BJ37" s="281">
        <v>1</v>
      </c>
      <c r="BK37" s="281">
        <v>0</v>
      </c>
      <c r="BL37" s="281">
        <v>0</v>
      </c>
      <c r="BM37" s="281">
        <v>0</v>
      </c>
      <c r="BN37" s="282">
        <v>1</v>
      </c>
      <c r="BO37" s="283">
        <v>1</v>
      </c>
      <c r="BP37" s="277">
        <v>0</v>
      </c>
      <c r="BQ37" s="281">
        <v>0</v>
      </c>
      <c r="BR37" s="278">
        <v>0</v>
      </c>
      <c r="BS37" s="280">
        <v>0</v>
      </c>
      <c r="BT37" s="281">
        <v>0</v>
      </c>
      <c r="BU37" s="281">
        <v>0</v>
      </c>
      <c r="BV37" s="281">
        <v>0</v>
      </c>
      <c r="BW37" s="281">
        <v>0</v>
      </c>
      <c r="BX37" s="281">
        <v>0</v>
      </c>
      <c r="BY37" s="278">
        <v>0</v>
      </c>
      <c r="BZ37" s="283">
        <v>0</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row>
    <row r="38" spans="1:100" ht="21" customHeight="1" x14ac:dyDescent="0.2">
      <c r="A38" s="262" t="s">
        <v>36</v>
      </c>
      <c r="B38" s="277">
        <v>0</v>
      </c>
      <c r="C38" s="278">
        <v>0</v>
      </c>
      <c r="D38" s="279">
        <v>0</v>
      </c>
      <c r="E38" s="280">
        <v>0</v>
      </c>
      <c r="F38" s="281">
        <v>0</v>
      </c>
      <c r="G38" s="281">
        <v>0</v>
      </c>
      <c r="H38" s="281">
        <v>0</v>
      </c>
      <c r="I38" s="281">
        <v>0</v>
      </c>
      <c r="J38" s="281">
        <v>0</v>
      </c>
      <c r="K38" s="282">
        <v>0</v>
      </c>
      <c r="L38" s="283">
        <v>0</v>
      </c>
      <c r="M38" s="277">
        <v>0</v>
      </c>
      <c r="N38" s="281">
        <v>0</v>
      </c>
      <c r="O38" s="278">
        <v>0</v>
      </c>
      <c r="P38" s="280">
        <v>0</v>
      </c>
      <c r="Q38" s="281">
        <v>0</v>
      </c>
      <c r="R38" s="281">
        <v>0</v>
      </c>
      <c r="S38" s="281">
        <v>0</v>
      </c>
      <c r="T38" s="281">
        <v>0</v>
      </c>
      <c r="U38" s="281">
        <v>0</v>
      </c>
      <c r="V38" s="278">
        <v>0</v>
      </c>
      <c r="W38" s="283">
        <v>0</v>
      </c>
      <c r="X38" s="277">
        <v>0</v>
      </c>
      <c r="Y38" s="281">
        <v>0</v>
      </c>
      <c r="Z38" s="278">
        <v>0</v>
      </c>
      <c r="AA38" s="280">
        <v>0</v>
      </c>
      <c r="AB38" s="281">
        <v>3</v>
      </c>
      <c r="AC38" s="281">
        <v>2</v>
      </c>
      <c r="AD38" s="281">
        <v>0</v>
      </c>
      <c r="AE38" s="281">
        <v>0</v>
      </c>
      <c r="AF38" s="281">
        <v>1</v>
      </c>
      <c r="AG38" s="278">
        <v>6</v>
      </c>
      <c r="AH38" s="283">
        <v>6</v>
      </c>
      <c r="AI38" s="277">
        <v>0</v>
      </c>
      <c r="AJ38" s="281">
        <v>0</v>
      </c>
      <c r="AK38" s="278">
        <v>0</v>
      </c>
      <c r="AL38" s="280">
        <v>0</v>
      </c>
      <c r="AM38" s="281">
        <v>0</v>
      </c>
      <c r="AN38" s="281">
        <v>0</v>
      </c>
      <c r="AO38" s="281">
        <v>0</v>
      </c>
      <c r="AP38" s="281">
        <v>0</v>
      </c>
      <c r="AQ38" s="281">
        <v>0</v>
      </c>
      <c r="AR38" s="278">
        <v>0</v>
      </c>
      <c r="AS38" s="283">
        <v>0</v>
      </c>
      <c r="AT38" s="277">
        <v>0</v>
      </c>
      <c r="AU38" s="281">
        <v>0</v>
      </c>
      <c r="AV38" s="278">
        <v>0</v>
      </c>
      <c r="AW38" s="280">
        <v>0</v>
      </c>
      <c r="AX38" s="281">
        <v>0</v>
      </c>
      <c r="AY38" s="281">
        <v>0</v>
      </c>
      <c r="AZ38" s="281">
        <v>0</v>
      </c>
      <c r="BA38" s="281">
        <v>1</v>
      </c>
      <c r="BB38" s="281">
        <v>0</v>
      </c>
      <c r="BC38" s="278">
        <v>1</v>
      </c>
      <c r="BD38" s="283">
        <v>1</v>
      </c>
      <c r="BE38" s="277">
        <v>0</v>
      </c>
      <c r="BF38" s="281">
        <v>0</v>
      </c>
      <c r="BG38" s="278">
        <v>0</v>
      </c>
      <c r="BH38" s="280">
        <v>0</v>
      </c>
      <c r="BI38" s="281">
        <v>0</v>
      </c>
      <c r="BJ38" s="281">
        <v>1</v>
      </c>
      <c r="BK38" s="281">
        <v>1</v>
      </c>
      <c r="BL38" s="281">
        <v>0</v>
      </c>
      <c r="BM38" s="281">
        <v>0</v>
      </c>
      <c r="BN38" s="282">
        <v>2</v>
      </c>
      <c r="BO38" s="283">
        <v>2</v>
      </c>
      <c r="BP38" s="277">
        <v>0</v>
      </c>
      <c r="BQ38" s="281">
        <v>0</v>
      </c>
      <c r="BR38" s="278">
        <v>0</v>
      </c>
      <c r="BS38" s="280">
        <v>0</v>
      </c>
      <c r="BT38" s="281">
        <v>0</v>
      </c>
      <c r="BU38" s="281">
        <v>0</v>
      </c>
      <c r="BV38" s="281">
        <v>0</v>
      </c>
      <c r="BW38" s="281">
        <v>0</v>
      </c>
      <c r="BX38" s="281">
        <v>0</v>
      </c>
      <c r="BY38" s="278">
        <v>0</v>
      </c>
      <c r="BZ38" s="283">
        <v>0</v>
      </c>
      <c r="CA38" s="277">
        <v>0</v>
      </c>
      <c r="CB38" s="281">
        <v>0</v>
      </c>
      <c r="CC38" s="278">
        <v>0</v>
      </c>
      <c r="CD38" s="280">
        <v>0</v>
      </c>
      <c r="CE38" s="281">
        <v>0</v>
      </c>
      <c r="CF38" s="281">
        <v>0</v>
      </c>
      <c r="CG38" s="281">
        <v>0</v>
      </c>
      <c r="CH38" s="281">
        <v>0</v>
      </c>
      <c r="CI38" s="281">
        <v>0</v>
      </c>
      <c r="CJ38" s="278">
        <v>0</v>
      </c>
      <c r="CK38" s="283">
        <v>0</v>
      </c>
      <c r="CL38" s="277">
        <v>0</v>
      </c>
      <c r="CM38" s="281">
        <v>0</v>
      </c>
      <c r="CN38" s="278">
        <v>0</v>
      </c>
      <c r="CO38" s="280">
        <v>0</v>
      </c>
      <c r="CP38" s="281">
        <v>0</v>
      </c>
      <c r="CQ38" s="281">
        <v>0</v>
      </c>
      <c r="CR38" s="281">
        <v>0</v>
      </c>
      <c r="CS38" s="281">
        <v>0</v>
      </c>
      <c r="CT38" s="281">
        <v>0</v>
      </c>
      <c r="CU38" s="278">
        <v>0</v>
      </c>
      <c r="CV38" s="283">
        <v>0</v>
      </c>
    </row>
    <row r="39" spans="1:100" ht="21" customHeight="1" thickBot="1" x14ac:dyDescent="0.25">
      <c r="A39" s="263" t="s">
        <v>37</v>
      </c>
      <c r="B39" s="284">
        <v>0</v>
      </c>
      <c r="C39" s="285">
        <v>0</v>
      </c>
      <c r="D39" s="286">
        <v>0</v>
      </c>
      <c r="E39" s="287">
        <v>0</v>
      </c>
      <c r="F39" s="288">
        <v>0</v>
      </c>
      <c r="G39" s="288">
        <v>0</v>
      </c>
      <c r="H39" s="288">
        <v>0</v>
      </c>
      <c r="I39" s="288">
        <v>0</v>
      </c>
      <c r="J39" s="288">
        <v>0</v>
      </c>
      <c r="K39" s="289">
        <v>0</v>
      </c>
      <c r="L39" s="290">
        <v>0</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0</v>
      </c>
      <c r="AC39" s="288">
        <v>0</v>
      </c>
      <c r="AD39" s="288">
        <v>0</v>
      </c>
      <c r="AE39" s="288">
        <v>0</v>
      </c>
      <c r="AF39" s="288">
        <v>0</v>
      </c>
      <c r="AG39" s="285">
        <v>0</v>
      </c>
      <c r="AH39" s="290">
        <v>0</v>
      </c>
      <c r="AI39" s="284">
        <v>0</v>
      </c>
      <c r="AJ39" s="288">
        <v>0</v>
      </c>
      <c r="AK39" s="285">
        <v>0</v>
      </c>
      <c r="AL39" s="287">
        <v>0</v>
      </c>
      <c r="AM39" s="288">
        <v>0</v>
      </c>
      <c r="AN39" s="288">
        <v>0</v>
      </c>
      <c r="AO39" s="288">
        <v>0</v>
      </c>
      <c r="AP39" s="288">
        <v>0</v>
      </c>
      <c r="AQ39" s="288">
        <v>0</v>
      </c>
      <c r="AR39" s="285">
        <v>0</v>
      </c>
      <c r="AS39" s="290">
        <v>0</v>
      </c>
      <c r="AT39" s="284">
        <v>0</v>
      </c>
      <c r="AU39" s="288">
        <v>0</v>
      </c>
      <c r="AV39" s="285">
        <v>0</v>
      </c>
      <c r="AW39" s="287">
        <v>0</v>
      </c>
      <c r="AX39" s="288">
        <v>0</v>
      </c>
      <c r="AY39" s="288">
        <v>0</v>
      </c>
      <c r="AZ39" s="288">
        <v>0</v>
      </c>
      <c r="BA39" s="288">
        <v>0</v>
      </c>
      <c r="BB39" s="288">
        <v>0</v>
      </c>
      <c r="BC39" s="285">
        <v>0</v>
      </c>
      <c r="BD39" s="290">
        <v>0</v>
      </c>
      <c r="BE39" s="284">
        <v>0</v>
      </c>
      <c r="BF39" s="288">
        <v>0</v>
      </c>
      <c r="BG39" s="285">
        <v>0</v>
      </c>
      <c r="BH39" s="287">
        <v>0</v>
      </c>
      <c r="BI39" s="288">
        <v>0</v>
      </c>
      <c r="BJ39" s="288">
        <v>0</v>
      </c>
      <c r="BK39" s="288">
        <v>0</v>
      </c>
      <c r="BL39" s="288">
        <v>0</v>
      </c>
      <c r="BM39" s="288">
        <v>0</v>
      </c>
      <c r="BN39" s="289">
        <v>0</v>
      </c>
      <c r="BO39" s="290">
        <v>0</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0</v>
      </c>
      <c r="CI39" s="288">
        <v>0</v>
      </c>
      <c r="CJ39" s="285">
        <v>0</v>
      </c>
      <c r="CK39" s="290">
        <v>0</v>
      </c>
      <c r="CL39" s="284">
        <v>0</v>
      </c>
      <c r="CM39" s="288">
        <v>0</v>
      </c>
      <c r="CN39" s="285">
        <v>0</v>
      </c>
      <c r="CO39" s="287">
        <v>0</v>
      </c>
      <c r="CP39" s="288">
        <v>0</v>
      </c>
      <c r="CQ39" s="288">
        <v>0</v>
      </c>
      <c r="CR39" s="288">
        <v>0</v>
      </c>
      <c r="CS39" s="288">
        <v>0</v>
      </c>
      <c r="CT39" s="288">
        <v>0</v>
      </c>
      <c r="CU39" s="285">
        <v>0</v>
      </c>
      <c r="CV39" s="290">
        <v>0</v>
      </c>
    </row>
  </sheetData>
  <mergeCells count="39">
    <mergeCell ref="X3:AH3"/>
    <mergeCell ref="X4:Z4"/>
    <mergeCell ref="AA4:AG4"/>
    <mergeCell ref="AH4:AH5"/>
    <mergeCell ref="AI3:AS3"/>
    <mergeCell ref="AL4:AR4"/>
    <mergeCell ref="AS4:AS5"/>
    <mergeCell ref="H1:I1"/>
    <mergeCell ref="K1:L1"/>
    <mergeCell ref="A3:A5"/>
    <mergeCell ref="B3:L3"/>
    <mergeCell ref="M3:W3"/>
    <mergeCell ref="W4:W5"/>
    <mergeCell ref="B4:D4"/>
    <mergeCell ref="E4:K4"/>
    <mergeCell ref="L4:L5"/>
    <mergeCell ref="M4:O4"/>
    <mergeCell ref="P4:V4"/>
    <mergeCell ref="AT4:AV4"/>
    <mergeCell ref="AI4:AK4"/>
    <mergeCell ref="AW4:BC4"/>
    <mergeCell ref="CA4:CC4"/>
    <mergeCell ref="AT3:BD3"/>
    <mergeCell ref="BD4:BD5"/>
    <mergeCell ref="BE3:BO3"/>
    <mergeCell ref="BO4:BO5"/>
    <mergeCell ref="BP3:BZ3"/>
    <mergeCell ref="BZ4:BZ5"/>
    <mergeCell ref="CL3:CV3"/>
    <mergeCell ref="CL4:CN4"/>
    <mergeCell ref="CO4:CU4"/>
    <mergeCell ref="CD4:CJ4"/>
    <mergeCell ref="BE4:BG4"/>
    <mergeCell ref="BH4:BN4"/>
    <mergeCell ref="BP4:BR4"/>
    <mergeCell ref="BS4:BY4"/>
    <mergeCell ref="CA3:CK3"/>
    <mergeCell ref="CK4:CK5"/>
    <mergeCell ref="CV4:CV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8.44140625" style="256" customWidth="1"/>
    <col min="7" max="7" width="8.77734375" style="256" customWidth="1"/>
    <col min="8" max="15" width="9" style="256"/>
    <col min="16" max="16" width="7.21875" style="256" customWidth="1"/>
    <col min="17" max="26" width="9" style="256"/>
    <col min="27" max="27" width="7.6640625" style="256" customWidth="1"/>
    <col min="28" max="37" width="9" style="256"/>
    <col min="38" max="38" width="7.6640625" style="256" customWidth="1"/>
    <col min="39" max="48" width="9" style="256"/>
    <col min="49" max="49" width="7.6640625" style="256" customWidth="1"/>
    <col min="50" max="59" width="9" style="256"/>
    <col min="60" max="60" width="7.21875" style="256" customWidth="1"/>
    <col min="61" max="70" width="9" style="256"/>
    <col min="71" max="71" width="7.21875" style="256" customWidth="1"/>
    <col min="72" max="81" width="9" style="256"/>
    <col min="82" max="82" width="7.33203125" style="256" customWidth="1"/>
    <col min="83" max="92" width="9" style="256"/>
    <col min="93" max="93" width="7.44140625" style="256" customWidth="1"/>
    <col min="94" max="16384" width="9" style="256"/>
  </cols>
  <sheetData>
    <row r="1" spans="1:100" ht="22.5" customHeight="1" x14ac:dyDescent="0.2">
      <c r="A1" s="291" t="s">
        <v>124</v>
      </c>
      <c r="H1" s="528">
        <f>第１表!F2</f>
        <v>4</v>
      </c>
      <c r="I1" s="528"/>
      <c r="J1" s="248">
        <f>第１表!G2</f>
        <v>5</v>
      </c>
      <c r="K1" s="529">
        <f>IF(J1&lt;3,J1+12-2,J1-2)</f>
        <v>3</v>
      </c>
      <c r="L1" s="529"/>
    </row>
    <row r="2" spans="1:100" s="292" customFormat="1" ht="21" customHeight="1" thickBot="1" x14ac:dyDescent="0.25">
      <c r="A2" s="291" t="s">
        <v>155</v>
      </c>
    </row>
    <row r="3" spans="1:100" ht="23.25" customHeight="1" thickBot="1" x14ac:dyDescent="0.25">
      <c r="A3" s="537"/>
      <c r="B3" s="540" t="s">
        <v>94</v>
      </c>
      <c r="C3" s="541"/>
      <c r="D3" s="541"/>
      <c r="E3" s="541"/>
      <c r="F3" s="541"/>
      <c r="G3" s="541"/>
      <c r="H3" s="541"/>
      <c r="I3" s="541"/>
      <c r="J3" s="541"/>
      <c r="K3" s="541"/>
      <c r="L3" s="542"/>
      <c r="M3" s="540" t="s">
        <v>88</v>
      </c>
      <c r="N3" s="541"/>
      <c r="O3" s="541"/>
      <c r="P3" s="541"/>
      <c r="Q3" s="541"/>
      <c r="R3" s="541"/>
      <c r="S3" s="541"/>
      <c r="T3" s="541"/>
      <c r="U3" s="541"/>
      <c r="V3" s="541"/>
      <c r="W3" s="542"/>
      <c r="X3" s="540" t="s">
        <v>142</v>
      </c>
      <c r="Y3" s="541"/>
      <c r="Z3" s="541"/>
      <c r="AA3" s="541"/>
      <c r="AB3" s="541"/>
      <c r="AC3" s="541"/>
      <c r="AD3" s="541"/>
      <c r="AE3" s="541"/>
      <c r="AF3" s="541"/>
      <c r="AG3" s="541"/>
      <c r="AH3" s="542"/>
      <c r="AI3" s="540" t="s">
        <v>90</v>
      </c>
      <c r="AJ3" s="541"/>
      <c r="AK3" s="541"/>
      <c r="AL3" s="541"/>
      <c r="AM3" s="541"/>
      <c r="AN3" s="541"/>
      <c r="AO3" s="541"/>
      <c r="AP3" s="541"/>
      <c r="AQ3" s="541"/>
      <c r="AR3" s="541"/>
      <c r="AS3" s="542"/>
      <c r="AT3" s="546" t="s">
        <v>89</v>
      </c>
      <c r="AU3" s="547"/>
      <c r="AV3" s="547"/>
      <c r="AW3" s="547"/>
      <c r="AX3" s="547"/>
      <c r="AY3" s="547"/>
      <c r="AZ3" s="547"/>
      <c r="BA3" s="547"/>
      <c r="BB3" s="547"/>
      <c r="BC3" s="547"/>
      <c r="BD3" s="548"/>
      <c r="BE3" s="546" t="s">
        <v>91</v>
      </c>
      <c r="BF3" s="547"/>
      <c r="BG3" s="547"/>
      <c r="BH3" s="547"/>
      <c r="BI3" s="547"/>
      <c r="BJ3" s="547"/>
      <c r="BK3" s="547"/>
      <c r="BL3" s="547"/>
      <c r="BM3" s="547"/>
      <c r="BN3" s="547"/>
      <c r="BO3" s="548"/>
      <c r="BP3" s="546" t="s">
        <v>92</v>
      </c>
      <c r="BQ3" s="547"/>
      <c r="BR3" s="547"/>
      <c r="BS3" s="547"/>
      <c r="BT3" s="547"/>
      <c r="BU3" s="547"/>
      <c r="BV3" s="547"/>
      <c r="BW3" s="547"/>
      <c r="BX3" s="547"/>
      <c r="BY3" s="547"/>
      <c r="BZ3" s="548"/>
      <c r="CA3" s="546" t="s">
        <v>93</v>
      </c>
      <c r="CB3" s="547"/>
      <c r="CC3" s="547"/>
      <c r="CD3" s="547"/>
      <c r="CE3" s="547"/>
      <c r="CF3" s="547"/>
      <c r="CG3" s="547"/>
      <c r="CH3" s="547"/>
      <c r="CI3" s="547"/>
      <c r="CJ3" s="547"/>
      <c r="CK3" s="548"/>
      <c r="CL3" s="547" t="s">
        <v>141</v>
      </c>
      <c r="CM3" s="547"/>
      <c r="CN3" s="547"/>
      <c r="CO3" s="547"/>
      <c r="CP3" s="547"/>
      <c r="CQ3" s="547"/>
      <c r="CR3" s="547"/>
      <c r="CS3" s="547"/>
      <c r="CT3" s="547"/>
      <c r="CU3" s="547"/>
      <c r="CV3" s="548"/>
    </row>
    <row r="4" spans="1:100"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62" t="s">
        <v>61</v>
      </c>
      <c r="AU4" s="560"/>
      <c r="AV4" s="561"/>
      <c r="AW4" s="559" t="s">
        <v>62</v>
      </c>
      <c r="AX4" s="560"/>
      <c r="AY4" s="560"/>
      <c r="AZ4" s="560"/>
      <c r="BA4" s="560"/>
      <c r="BB4" s="560"/>
      <c r="BC4" s="561"/>
      <c r="BD4" s="563" t="s">
        <v>52</v>
      </c>
      <c r="BE4" s="562" t="s">
        <v>61</v>
      </c>
      <c r="BF4" s="560"/>
      <c r="BG4" s="561"/>
      <c r="BH4" s="559" t="s">
        <v>62</v>
      </c>
      <c r="BI4" s="560"/>
      <c r="BJ4" s="560"/>
      <c r="BK4" s="560"/>
      <c r="BL4" s="560"/>
      <c r="BM4" s="560"/>
      <c r="BN4" s="561"/>
      <c r="BO4" s="563" t="s">
        <v>52</v>
      </c>
      <c r="BP4" s="562" t="s">
        <v>61</v>
      </c>
      <c r="BQ4" s="560"/>
      <c r="BR4" s="561"/>
      <c r="BS4" s="559" t="s">
        <v>62</v>
      </c>
      <c r="BT4" s="560"/>
      <c r="BU4" s="560"/>
      <c r="BV4" s="560"/>
      <c r="BW4" s="560"/>
      <c r="BX4" s="560"/>
      <c r="BY4" s="561"/>
      <c r="BZ4" s="563" t="s">
        <v>52</v>
      </c>
      <c r="CA4" s="562" t="s">
        <v>61</v>
      </c>
      <c r="CB4" s="560"/>
      <c r="CC4" s="561"/>
      <c r="CD4" s="559" t="s">
        <v>62</v>
      </c>
      <c r="CE4" s="560"/>
      <c r="CF4" s="560"/>
      <c r="CG4" s="560"/>
      <c r="CH4" s="560"/>
      <c r="CI4" s="560"/>
      <c r="CJ4" s="561"/>
      <c r="CK4" s="563" t="s">
        <v>52</v>
      </c>
      <c r="CL4" s="562" t="s">
        <v>61</v>
      </c>
      <c r="CM4" s="560"/>
      <c r="CN4" s="561"/>
      <c r="CO4" s="559" t="s">
        <v>62</v>
      </c>
      <c r="CP4" s="560"/>
      <c r="CQ4" s="560"/>
      <c r="CR4" s="560"/>
      <c r="CS4" s="560"/>
      <c r="CT4" s="560"/>
      <c r="CU4" s="561"/>
      <c r="CV4" s="563" t="s">
        <v>52</v>
      </c>
    </row>
    <row r="5" spans="1:100" ht="34.5" customHeight="1" thickBot="1" x14ac:dyDescent="0.25">
      <c r="A5" s="539"/>
      <c r="B5" s="351" t="s">
        <v>43</v>
      </c>
      <c r="C5" s="266" t="s">
        <v>44</v>
      </c>
      <c r="D5" s="267" t="s">
        <v>45</v>
      </c>
      <c r="E5" s="268" t="s">
        <v>83</v>
      </c>
      <c r="F5" s="260" t="s">
        <v>47</v>
      </c>
      <c r="G5" s="260" t="s">
        <v>48</v>
      </c>
      <c r="H5" s="260" t="s">
        <v>49</v>
      </c>
      <c r="I5" s="260" t="s">
        <v>50</v>
      </c>
      <c r="J5" s="260" t="s">
        <v>51</v>
      </c>
      <c r="K5" s="269" t="s">
        <v>45</v>
      </c>
      <c r="L5" s="531"/>
      <c r="M5" s="351" t="s">
        <v>43</v>
      </c>
      <c r="N5" s="260" t="s">
        <v>44</v>
      </c>
      <c r="O5" s="266" t="s">
        <v>45</v>
      </c>
      <c r="P5" s="268" t="s">
        <v>83</v>
      </c>
      <c r="Q5" s="260" t="s">
        <v>47</v>
      </c>
      <c r="R5" s="260" t="s">
        <v>48</v>
      </c>
      <c r="S5" s="260" t="s">
        <v>49</v>
      </c>
      <c r="T5" s="260" t="s">
        <v>50</v>
      </c>
      <c r="U5" s="260" t="s">
        <v>51</v>
      </c>
      <c r="V5" s="266" t="s">
        <v>45</v>
      </c>
      <c r="W5" s="531"/>
      <c r="X5" s="351" t="s">
        <v>43</v>
      </c>
      <c r="Y5" s="260" t="s">
        <v>44</v>
      </c>
      <c r="Z5" s="266" t="s">
        <v>45</v>
      </c>
      <c r="AA5" s="268" t="s">
        <v>83</v>
      </c>
      <c r="AB5" s="260" t="s">
        <v>47</v>
      </c>
      <c r="AC5" s="260" t="s">
        <v>48</v>
      </c>
      <c r="AD5" s="260" t="s">
        <v>49</v>
      </c>
      <c r="AE5" s="260" t="s">
        <v>50</v>
      </c>
      <c r="AF5" s="260" t="s">
        <v>51</v>
      </c>
      <c r="AG5" s="266" t="s">
        <v>45</v>
      </c>
      <c r="AH5" s="531"/>
      <c r="AI5" s="351" t="s">
        <v>43</v>
      </c>
      <c r="AJ5" s="260" t="s">
        <v>44</v>
      </c>
      <c r="AK5" s="266" t="s">
        <v>45</v>
      </c>
      <c r="AL5" s="268" t="s">
        <v>83</v>
      </c>
      <c r="AM5" s="260" t="s">
        <v>47</v>
      </c>
      <c r="AN5" s="260" t="s">
        <v>48</v>
      </c>
      <c r="AO5" s="260" t="s">
        <v>49</v>
      </c>
      <c r="AP5" s="260" t="s">
        <v>50</v>
      </c>
      <c r="AQ5" s="260" t="s">
        <v>51</v>
      </c>
      <c r="AR5" s="266" t="s">
        <v>45</v>
      </c>
      <c r="AS5" s="531"/>
      <c r="AT5" s="351" t="s">
        <v>43</v>
      </c>
      <c r="AU5" s="260" t="s">
        <v>44</v>
      </c>
      <c r="AV5" s="266" t="s">
        <v>45</v>
      </c>
      <c r="AW5" s="268" t="s">
        <v>83</v>
      </c>
      <c r="AX5" s="260" t="s">
        <v>47</v>
      </c>
      <c r="AY5" s="260" t="s">
        <v>48</v>
      </c>
      <c r="AZ5" s="260" t="s">
        <v>49</v>
      </c>
      <c r="BA5" s="260" t="s">
        <v>50</v>
      </c>
      <c r="BB5" s="260" t="s">
        <v>51</v>
      </c>
      <c r="BC5" s="266" t="s">
        <v>45</v>
      </c>
      <c r="BD5" s="564"/>
      <c r="BE5" s="351" t="s">
        <v>43</v>
      </c>
      <c r="BF5" s="260" t="s">
        <v>44</v>
      </c>
      <c r="BG5" s="266" t="s">
        <v>45</v>
      </c>
      <c r="BH5" s="268" t="s">
        <v>83</v>
      </c>
      <c r="BI5" s="260" t="s">
        <v>47</v>
      </c>
      <c r="BJ5" s="260" t="s">
        <v>48</v>
      </c>
      <c r="BK5" s="260" t="s">
        <v>49</v>
      </c>
      <c r="BL5" s="260" t="s">
        <v>50</v>
      </c>
      <c r="BM5" s="260" t="s">
        <v>51</v>
      </c>
      <c r="BN5" s="266" t="s">
        <v>45</v>
      </c>
      <c r="BO5" s="564"/>
      <c r="BP5" s="351" t="s">
        <v>43</v>
      </c>
      <c r="BQ5" s="260" t="s">
        <v>44</v>
      </c>
      <c r="BR5" s="266" t="s">
        <v>45</v>
      </c>
      <c r="BS5" s="268" t="s">
        <v>83</v>
      </c>
      <c r="BT5" s="260" t="s">
        <v>47</v>
      </c>
      <c r="BU5" s="260" t="s">
        <v>48</v>
      </c>
      <c r="BV5" s="260" t="s">
        <v>49</v>
      </c>
      <c r="BW5" s="260" t="s">
        <v>50</v>
      </c>
      <c r="BX5" s="260" t="s">
        <v>51</v>
      </c>
      <c r="BY5" s="266" t="s">
        <v>45</v>
      </c>
      <c r="BZ5" s="564"/>
      <c r="CA5" s="351" t="s">
        <v>43</v>
      </c>
      <c r="CB5" s="260" t="s">
        <v>44</v>
      </c>
      <c r="CC5" s="266" t="s">
        <v>45</v>
      </c>
      <c r="CD5" s="268" t="s">
        <v>83</v>
      </c>
      <c r="CE5" s="260" t="s">
        <v>47</v>
      </c>
      <c r="CF5" s="260" t="s">
        <v>48</v>
      </c>
      <c r="CG5" s="260" t="s">
        <v>49</v>
      </c>
      <c r="CH5" s="260" t="s">
        <v>50</v>
      </c>
      <c r="CI5" s="260" t="s">
        <v>51</v>
      </c>
      <c r="CJ5" s="266" t="s">
        <v>45</v>
      </c>
      <c r="CK5" s="564"/>
      <c r="CL5" s="351" t="s">
        <v>43</v>
      </c>
      <c r="CM5" s="260" t="s">
        <v>44</v>
      </c>
      <c r="CN5" s="266" t="s">
        <v>45</v>
      </c>
      <c r="CO5" s="268" t="s">
        <v>83</v>
      </c>
      <c r="CP5" s="260" t="s">
        <v>47</v>
      </c>
      <c r="CQ5" s="260" t="s">
        <v>48</v>
      </c>
      <c r="CR5" s="260" t="s">
        <v>49</v>
      </c>
      <c r="CS5" s="260" t="s">
        <v>50</v>
      </c>
      <c r="CT5" s="260" t="s">
        <v>51</v>
      </c>
      <c r="CU5" s="266" t="s">
        <v>45</v>
      </c>
      <c r="CV5" s="564"/>
    </row>
    <row r="6" spans="1:100" ht="21" customHeight="1" x14ac:dyDescent="0.2">
      <c r="A6" s="261" t="s">
        <v>4</v>
      </c>
      <c r="B6" s="270">
        <v>0</v>
      </c>
      <c r="C6" s="271">
        <v>0</v>
      </c>
      <c r="D6" s="272">
        <v>0</v>
      </c>
      <c r="E6" s="273">
        <v>0</v>
      </c>
      <c r="F6" s="274">
        <v>27</v>
      </c>
      <c r="G6" s="274">
        <v>33</v>
      </c>
      <c r="H6" s="274">
        <v>20</v>
      </c>
      <c r="I6" s="274">
        <v>25</v>
      </c>
      <c r="J6" s="274">
        <v>18</v>
      </c>
      <c r="K6" s="275">
        <v>123</v>
      </c>
      <c r="L6" s="276">
        <v>123</v>
      </c>
      <c r="M6" s="270">
        <v>0</v>
      </c>
      <c r="N6" s="274">
        <v>0</v>
      </c>
      <c r="O6" s="271">
        <v>0</v>
      </c>
      <c r="P6" s="273">
        <v>0</v>
      </c>
      <c r="Q6" s="274">
        <v>9</v>
      </c>
      <c r="R6" s="274">
        <v>34</v>
      </c>
      <c r="S6" s="274">
        <v>33</v>
      </c>
      <c r="T6" s="274">
        <v>33</v>
      </c>
      <c r="U6" s="274">
        <v>17</v>
      </c>
      <c r="V6" s="271">
        <v>126</v>
      </c>
      <c r="W6" s="276">
        <v>126</v>
      </c>
      <c r="X6" s="270">
        <v>0</v>
      </c>
      <c r="Y6" s="274">
        <v>0</v>
      </c>
      <c r="Z6" s="271">
        <v>0</v>
      </c>
      <c r="AA6" s="273">
        <v>0</v>
      </c>
      <c r="AB6" s="274">
        <v>776</v>
      </c>
      <c r="AC6" s="274">
        <v>624</v>
      </c>
      <c r="AD6" s="274">
        <v>277</v>
      </c>
      <c r="AE6" s="274">
        <v>134</v>
      </c>
      <c r="AF6" s="274">
        <v>51</v>
      </c>
      <c r="AG6" s="271">
        <v>1862</v>
      </c>
      <c r="AH6" s="276">
        <v>1862</v>
      </c>
      <c r="AI6" s="270">
        <v>0</v>
      </c>
      <c r="AJ6" s="274">
        <v>0</v>
      </c>
      <c r="AK6" s="271">
        <v>0</v>
      </c>
      <c r="AL6" s="273">
        <v>0</v>
      </c>
      <c r="AM6" s="274">
        <v>49</v>
      </c>
      <c r="AN6" s="274">
        <v>65</v>
      </c>
      <c r="AO6" s="274">
        <v>59</v>
      </c>
      <c r="AP6" s="274">
        <v>26</v>
      </c>
      <c r="AQ6" s="274">
        <v>29</v>
      </c>
      <c r="AR6" s="271">
        <v>228</v>
      </c>
      <c r="AS6" s="276">
        <v>228</v>
      </c>
      <c r="AT6" s="270">
        <v>15</v>
      </c>
      <c r="AU6" s="274">
        <v>11</v>
      </c>
      <c r="AV6" s="271">
        <v>26</v>
      </c>
      <c r="AW6" s="273">
        <v>0</v>
      </c>
      <c r="AX6" s="274">
        <v>72</v>
      </c>
      <c r="AY6" s="274">
        <v>47</v>
      </c>
      <c r="AZ6" s="274">
        <v>60</v>
      </c>
      <c r="BA6" s="274">
        <v>38</v>
      </c>
      <c r="BB6" s="274">
        <v>20</v>
      </c>
      <c r="BC6" s="271">
        <v>237</v>
      </c>
      <c r="BD6" s="276">
        <v>263</v>
      </c>
      <c r="BE6" s="270">
        <v>0</v>
      </c>
      <c r="BF6" s="274">
        <v>0</v>
      </c>
      <c r="BG6" s="271">
        <v>0</v>
      </c>
      <c r="BH6" s="273">
        <v>0</v>
      </c>
      <c r="BI6" s="274">
        <v>71</v>
      </c>
      <c r="BJ6" s="274">
        <v>112</v>
      </c>
      <c r="BK6" s="274">
        <v>132</v>
      </c>
      <c r="BL6" s="274">
        <v>88</v>
      </c>
      <c r="BM6" s="274">
        <v>58</v>
      </c>
      <c r="BN6" s="275">
        <v>461</v>
      </c>
      <c r="BO6" s="276">
        <v>461</v>
      </c>
      <c r="BP6" s="270">
        <v>0</v>
      </c>
      <c r="BQ6" s="274">
        <v>0</v>
      </c>
      <c r="BR6" s="271">
        <v>0</v>
      </c>
      <c r="BS6" s="273">
        <v>0</v>
      </c>
      <c r="BT6" s="274">
        <v>2</v>
      </c>
      <c r="BU6" s="274">
        <v>8</v>
      </c>
      <c r="BV6" s="274">
        <v>8</v>
      </c>
      <c r="BW6" s="274">
        <v>7</v>
      </c>
      <c r="BX6" s="274">
        <v>5</v>
      </c>
      <c r="BY6" s="271">
        <v>30</v>
      </c>
      <c r="BZ6" s="276">
        <v>30</v>
      </c>
      <c r="CA6" s="270">
        <v>0</v>
      </c>
      <c r="CB6" s="274">
        <v>0</v>
      </c>
      <c r="CC6" s="271">
        <v>0</v>
      </c>
      <c r="CD6" s="273">
        <v>0</v>
      </c>
      <c r="CE6" s="274">
        <v>1</v>
      </c>
      <c r="CF6" s="274">
        <v>2</v>
      </c>
      <c r="CG6" s="274">
        <v>10</v>
      </c>
      <c r="CH6" s="274">
        <v>18</v>
      </c>
      <c r="CI6" s="274">
        <v>8</v>
      </c>
      <c r="CJ6" s="271">
        <v>39</v>
      </c>
      <c r="CK6" s="276">
        <v>39</v>
      </c>
      <c r="CL6" s="270">
        <v>0</v>
      </c>
      <c r="CM6" s="274">
        <v>0</v>
      </c>
      <c r="CN6" s="271">
        <v>0</v>
      </c>
      <c r="CO6" s="273">
        <v>0</v>
      </c>
      <c r="CP6" s="274">
        <v>8</v>
      </c>
      <c r="CQ6" s="274">
        <v>19</v>
      </c>
      <c r="CR6" s="274">
        <v>15</v>
      </c>
      <c r="CS6" s="274">
        <v>27</v>
      </c>
      <c r="CT6" s="274">
        <v>24</v>
      </c>
      <c r="CU6" s="271">
        <v>93</v>
      </c>
      <c r="CV6" s="276">
        <v>93</v>
      </c>
    </row>
    <row r="7" spans="1:100" ht="21" customHeight="1" x14ac:dyDescent="0.2">
      <c r="A7" s="262" t="s">
        <v>5</v>
      </c>
      <c r="B7" s="277">
        <v>0</v>
      </c>
      <c r="C7" s="278">
        <v>0</v>
      </c>
      <c r="D7" s="279">
        <v>0</v>
      </c>
      <c r="E7" s="280">
        <v>0</v>
      </c>
      <c r="F7" s="281">
        <v>11</v>
      </c>
      <c r="G7" s="281">
        <v>18</v>
      </c>
      <c r="H7" s="281">
        <v>11</v>
      </c>
      <c r="I7" s="281">
        <v>7</v>
      </c>
      <c r="J7" s="281">
        <v>5</v>
      </c>
      <c r="K7" s="282">
        <v>52</v>
      </c>
      <c r="L7" s="283">
        <v>52</v>
      </c>
      <c r="M7" s="277">
        <v>0</v>
      </c>
      <c r="N7" s="281">
        <v>0</v>
      </c>
      <c r="O7" s="278">
        <v>0</v>
      </c>
      <c r="P7" s="280">
        <v>0</v>
      </c>
      <c r="Q7" s="281">
        <v>6</v>
      </c>
      <c r="R7" s="281">
        <v>28</v>
      </c>
      <c r="S7" s="281">
        <v>24</v>
      </c>
      <c r="T7" s="281">
        <v>22</v>
      </c>
      <c r="U7" s="281">
        <v>10</v>
      </c>
      <c r="V7" s="278">
        <v>90</v>
      </c>
      <c r="W7" s="283">
        <v>90</v>
      </c>
      <c r="X7" s="277">
        <v>0</v>
      </c>
      <c r="Y7" s="281">
        <v>0</v>
      </c>
      <c r="Z7" s="278">
        <v>0</v>
      </c>
      <c r="AA7" s="280">
        <v>0</v>
      </c>
      <c r="AB7" s="281">
        <v>306</v>
      </c>
      <c r="AC7" s="281">
        <v>318</v>
      </c>
      <c r="AD7" s="281">
        <v>110</v>
      </c>
      <c r="AE7" s="281">
        <v>58</v>
      </c>
      <c r="AF7" s="281">
        <v>25</v>
      </c>
      <c r="AG7" s="278">
        <v>817</v>
      </c>
      <c r="AH7" s="283">
        <v>817</v>
      </c>
      <c r="AI7" s="277">
        <v>0</v>
      </c>
      <c r="AJ7" s="281">
        <v>0</v>
      </c>
      <c r="AK7" s="278">
        <v>0</v>
      </c>
      <c r="AL7" s="280">
        <v>0</v>
      </c>
      <c r="AM7" s="281">
        <v>32</v>
      </c>
      <c r="AN7" s="281">
        <v>40</v>
      </c>
      <c r="AO7" s="281">
        <v>29</v>
      </c>
      <c r="AP7" s="281">
        <v>17</v>
      </c>
      <c r="AQ7" s="281">
        <v>19</v>
      </c>
      <c r="AR7" s="278">
        <v>137</v>
      </c>
      <c r="AS7" s="283">
        <v>137</v>
      </c>
      <c r="AT7" s="277">
        <v>9</v>
      </c>
      <c r="AU7" s="281">
        <v>4</v>
      </c>
      <c r="AV7" s="278">
        <v>13</v>
      </c>
      <c r="AW7" s="280">
        <v>0</v>
      </c>
      <c r="AX7" s="281">
        <v>29</v>
      </c>
      <c r="AY7" s="281">
        <v>16</v>
      </c>
      <c r="AZ7" s="281">
        <v>31</v>
      </c>
      <c r="BA7" s="281">
        <v>19</v>
      </c>
      <c r="BB7" s="281">
        <v>8</v>
      </c>
      <c r="BC7" s="278">
        <v>103</v>
      </c>
      <c r="BD7" s="283">
        <v>116</v>
      </c>
      <c r="BE7" s="277">
        <v>0</v>
      </c>
      <c r="BF7" s="281">
        <v>0</v>
      </c>
      <c r="BG7" s="278">
        <v>0</v>
      </c>
      <c r="BH7" s="280">
        <v>0</v>
      </c>
      <c r="BI7" s="281">
        <v>24</v>
      </c>
      <c r="BJ7" s="281">
        <v>41</v>
      </c>
      <c r="BK7" s="281">
        <v>61</v>
      </c>
      <c r="BL7" s="281">
        <v>32</v>
      </c>
      <c r="BM7" s="281">
        <v>17</v>
      </c>
      <c r="BN7" s="282">
        <v>175</v>
      </c>
      <c r="BO7" s="283">
        <v>175</v>
      </c>
      <c r="BP7" s="277">
        <v>0</v>
      </c>
      <c r="BQ7" s="281">
        <v>0</v>
      </c>
      <c r="BR7" s="278">
        <v>0</v>
      </c>
      <c r="BS7" s="280">
        <v>0</v>
      </c>
      <c r="BT7" s="281">
        <v>0</v>
      </c>
      <c r="BU7" s="281">
        <v>0</v>
      </c>
      <c r="BV7" s="281">
        <v>0</v>
      </c>
      <c r="BW7" s="281">
        <v>0</v>
      </c>
      <c r="BX7" s="281">
        <v>0</v>
      </c>
      <c r="BY7" s="278">
        <v>0</v>
      </c>
      <c r="BZ7" s="283">
        <v>0</v>
      </c>
      <c r="CA7" s="277">
        <v>0</v>
      </c>
      <c r="CB7" s="281">
        <v>0</v>
      </c>
      <c r="CC7" s="278">
        <v>0</v>
      </c>
      <c r="CD7" s="280">
        <v>0</v>
      </c>
      <c r="CE7" s="281">
        <v>0</v>
      </c>
      <c r="CF7" s="281">
        <v>0</v>
      </c>
      <c r="CG7" s="281">
        <v>1</v>
      </c>
      <c r="CH7" s="281">
        <v>2</v>
      </c>
      <c r="CI7" s="281">
        <v>0</v>
      </c>
      <c r="CJ7" s="278">
        <v>3</v>
      </c>
      <c r="CK7" s="283">
        <v>3</v>
      </c>
      <c r="CL7" s="277">
        <v>0</v>
      </c>
      <c r="CM7" s="281">
        <v>0</v>
      </c>
      <c r="CN7" s="278">
        <v>0</v>
      </c>
      <c r="CO7" s="280">
        <v>0</v>
      </c>
      <c r="CP7" s="281">
        <v>2</v>
      </c>
      <c r="CQ7" s="281">
        <v>5</v>
      </c>
      <c r="CR7" s="281">
        <v>5</v>
      </c>
      <c r="CS7" s="281">
        <v>8</v>
      </c>
      <c r="CT7" s="281">
        <v>11</v>
      </c>
      <c r="CU7" s="278">
        <v>31</v>
      </c>
      <c r="CV7" s="283">
        <v>31</v>
      </c>
    </row>
    <row r="8" spans="1:100" ht="21" customHeight="1" x14ac:dyDescent="0.2">
      <c r="A8" s="262" t="s">
        <v>6</v>
      </c>
      <c r="B8" s="277">
        <v>0</v>
      </c>
      <c r="C8" s="278">
        <v>0</v>
      </c>
      <c r="D8" s="279">
        <v>0</v>
      </c>
      <c r="E8" s="280">
        <v>0</v>
      </c>
      <c r="F8" s="281">
        <v>10</v>
      </c>
      <c r="G8" s="281">
        <v>5</v>
      </c>
      <c r="H8" s="281">
        <v>6</v>
      </c>
      <c r="I8" s="281">
        <v>9</v>
      </c>
      <c r="J8" s="281">
        <v>7</v>
      </c>
      <c r="K8" s="282">
        <v>37</v>
      </c>
      <c r="L8" s="283">
        <v>37</v>
      </c>
      <c r="M8" s="277">
        <v>0</v>
      </c>
      <c r="N8" s="281">
        <v>0</v>
      </c>
      <c r="O8" s="278">
        <v>0</v>
      </c>
      <c r="P8" s="280">
        <v>0</v>
      </c>
      <c r="Q8" s="281">
        <v>2</v>
      </c>
      <c r="R8" s="281">
        <v>5</v>
      </c>
      <c r="S8" s="281">
        <v>6</v>
      </c>
      <c r="T8" s="281">
        <v>8</v>
      </c>
      <c r="U8" s="281">
        <v>6</v>
      </c>
      <c r="V8" s="278">
        <v>27</v>
      </c>
      <c r="W8" s="283">
        <v>27</v>
      </c>
      <c r="X8" s="277">
        <v>0</v>
      </c>
      <c r="Y8" s="281">
        <v>0</v>
      </c>
      <c r="Z8" s="278">
        <v>0</v>
      </c>
      <c r="AA8" s="280">
        <v>0</v>
      </c>
      <c r="AB8" s="281">
        <v>137</v>
      </c>
      <c r="AC8" s="281">
        <v>73</v>
      </c>
      <c r="AD8" s="281">
        <v>44</v>
      </c>
      <c r="AE8" s="281">
        <v>22</v>
      </c>
      <c r="AF8" s="281">
        <v>9</v>
      </c>
      <c r="AG8" s="278">
        <v>285</v>
      </c>
      <c r="AH8" s="283">
        <v>285</v>
      </c>
      <c r="AI8" s="277">
        <v>0</v>
      </c>
      <c r="AJ8" s="281">
        <v>0</v>
      </c>
      <c r="AK8" s="278">
        <v>0</v>
      </c>
      <c r="AL8" s="280">
        <v>0</v>
      </c>
      <c r="AM8" s="281">
        <v>8</v>
      </c>
      <c r="AN8" s="281">
        <v>11</v>
      </c>
      <c r="AO8" s="281">
        <v>15</v>
      </c>
      <c r="AP8" s="281">
        <v>5</v>
      </c>
      <c r="AQ8" s="281">
        <v>3</v>
      </c>
      <c r="AR8" s="278">
        <v>42</v>
      </c>
      <c r="AS8" s="283">
        <v>42</v>
      </c>
      <c r="AT8" s="277">
        <v>1</v>
      </c>
      <c r="AU8" s="281">
        <v>4</v>
      </c>
      <c r="AV8" s="278">
        <v>5</v>
      </c>
      <c r="AW8" s="280">
        <v>0</v>
      </c>
      <c r="AX8" s="281">
        <v>12</v>
      </c>
      <c r="AY8" s="281">
        <v>8</v>
      </c>
      <c r="AZ8" s="281">
        <v>9</v>
      </c>
      <c r="BA8" s="281">
        <v>3</v>
      </c>
      <c r="BB8" s="281">
        <v>0</v>
      </c>
      <c r="BC8" s="278">
        <v>32</v>
      </c>
      <c r="BD8" s="283">
        <v>37</v>
      </c>
      <c r="BE8" s="277">
        <v>0</v>
      </c>
      <c r="BF8" s="281">
        <v>0</v>
      </c>
      <c r="BG8" s="278">
        <v>0</v>
      </c>
      <c r="BH8" s="280">
        <v>0</v>
      </c>
      <c r="BI8" s="281">
        <v>15</v>
      </c>
      <c r="BJ8" s="281">
        <v>29</v>
      </c>
      <c r="BK8" s="281">
        <v>26</v>
      </c>
      <c r="BL8" s="281">
        <v>12</v>
      </c>
      <c r="BM8" s="281">
        <v>16</v>
      </c>
      <c r="BN8" s="282">
        <v>98</v>
      </c>
      <c r="BO8" s="283">
        <v>98</v>
      </c>
      <c r="BP8" s="277">
        <v>0</v>
      </c>
      <c r="BQ8" s="281">
        <v>0</v>
      </c>
      <c r="BR8" s="278">
        <v>0</v>
      </c>
      <c r="BS8" s="280">
        <v>0</v>
      </c>
      <c r="BT8" s="281">
        <v>0</v>
      </c>
      <c r="BU8" s="281">
        <v>0</v>
      </c>
      <c r="BV8" s="281">
        <v>0</v>
      </c>
      <c r="BW8" s="281">
        <v>0</v>
      </c>
      <c r="BX8" s="281">
        <v>0</v>
      </c>
      <c r="BY8" s="278">
        <v>0</v>
      </c>
      <c r="BZ8" s="283">
        <v>0</v>
      </c>
      <c r="CA8" s="277">
        <v>0</v>
      </c>
      <c r="CB8" s="281">
        <v>0</v>
      </c>
      <c r="CC8" s="278">
        <v>0</v>
      </c>
      <c r="CD8" s="280">
        <v>0</v>
      </c>
      <c r="CE8" s="281">
        <v>1</v>
      </c>
      <c r="CF8" s="281">
        <v>0</v>
      </c>
      <c r="CG8" s="281">
        <v>5</v>
      </c>
      <c r="CH8" s="281">
        <v>9</v>
      </c>
      <c r="CI8" s="281">
        <v>1</v>
      </c>
      <c r="CJ8" s="278">
        <v>16</v>
      </c>
      <c r="CK8" s="283">
        <v>16</v>
      </c>
      <c r="CL8" s="277">
        <v>0</v>
      </c>
      <c r="CM8" s="281">
        <v>0</v>
      </c>
      <c r="CN8" s="278">
        <v>0</v>
      </c>
      <c r="CO8" s="280">
        <v>0</v>
      </c>
      <c r="CP8" s="281">
        <v>2</v>
      </c>
      <c r="CQ8" s="281">
        <v>6</v>
      </c>
      <c r="CR8" s="281">
        <v>5</v>
      </c>
      <c r="CS8" s="281">
        <v>7</v>
      </c>
      <c r="CT8" s="281">
        <v>4</v>
      </c>
      <c r="CU8" s="278">
        <v>24</v>
      </c>
      <c r="CV8" s="283">
        <v>24</v>
      </c>
    </row>
    <row r="9" spans="1:100" ht="21" customHeight="1" x14ac:dyDescent="0.2">
      <c r="A9" s="262" t="s">
        <v>14</v>
      </c>
      <c r="B9" s="277">
        <v>0</v>
      </c>
      <c r="C9" s="278">
        <v>0</v>
      </c>
      <c r="D9" s="279">
        <v>0</v>
      </c>
      <c r="E9" s="280">
        <v>0</v>
      </c>
      <c r="F9" s="281">
        <v>0</v>
      </c>
      <c r="G9" s="281">
        <v>1</v>
      </c>
      <c r="H9" s="281">
        <v>1</v>
      </c>
      <c r="I9" s="281">
        <v>1</v>
      </c>
      <c r="J9" s="281">
        <v>3</v>
      </c>
      <c r="K9" s="282">
        <v>6</v>
      </c>
      <c r="L9" s="283">
        <v>6</v>
      </c>
      <c r="M9" s="277">
        <v>0</v>
      </c>
      <c r="N9" s="281">
        <v>0</v>
      </c>
      <c r="O9" s="278">
        <v>0</v>
      </c>
      <c r="P9" s="280">
        <v>0</v>
      </c>
      <c r="Q9" s="281">
        <v>0</v>
      </c>
      <c r="R9" s="281">
        <v>0</v>
      </c>
      <c r="S9" s="281">
        <v>0</v>
      </c>
      <c r="T9" s="281">
        <v>1</v>
      </c>
      <c r="U9" s="281">
        <v>0</v>
      </c>
      <c r="V9" s="278">
        <v>1</v>
      </c>
      <c r="W9" s="283">
        <v>1</v>
      </c>
      <c r="X9" s="277">
        <v>0</v>
      </c>
      <c r="Y9" s="281">
        <v>0</v>
      </c>
      <c r="Z9" s="278">
        <v>0</v>
      </c>
      <c r="AA9" s="280">
        <v>0</v>
      </c>
      <c r="AB9" s="281">
        <v>44</v>
      </c>
      <c r="AC9" s="281">
        <v>43</v>
      </c>
      <c r="AD9" s="281">
        <v>19</v>
      </c>
      <c r="AE9" s="281">
        <v>4</v>
      </c>
      <c r="AF9" s="281">
        <v>3</v>
      </c>
      <c r="AG9" s="278">
        <v>113</v>
      </c>
      <c r="AH9" s="283">
        <v>113</v>
      </c>
      <c r="AI9" s="277">
        <v>0</v>
      </c>
      <c r="AJ9" s="281">
        <v>0</v>
      </c>
      <c r="AK9" s="278">
        <v>0</v>
      </c>
      <c r="AL9" s="280">
        <v>0</v>
      </c>
      <c r="AM9" s="281">
        <v>2</v>
      </c>
      <c r="AN9" s="281">
        <v>1</v>
      </c>
      <c r="AO9" s="281">
        <v>1</v>
      </c>
      <c r="AP9" s="281">
        <v>0</v>
      </c>
      <c r="AQ9" s="281">
        <v>1</v>
      </c>
      <c r="AR9" s="278">
        <v>5</v>
      </c>
      <c r="AS9" s="283">
        <v>5</v>
      </c>
      <c r="AT9" s="277">
        <v>0</v>
      </c>
      <c r="AU9" s="281">
        <v>0</v>
      </c>
      <c r="AV9" s="278">
        <v>0</v>
      </c>
      <c r="AW9" s="280">
        <v>0</v>
      </c>
      <c r="AX9" s="281">
        <v>4</v>
      </c>
      <c r="AY9" s="281">
        <v>6</v>
      </c>
      <c r="AZ9" s="281">
        <v>4</v>
      </c>
      <c r="BA9" s="281">
        <v>3</v>
      </c>
      <c r="BB9" s="281">
        <v>2</v>
      </c>
      <c r="BC9" s="278">
        <v>19</v>
      </c>
      <c r="BD9" s="283">
        <v>19</v>
      </c>
      <c r="BE9" s="277">
        <v>0</v>
      </c>
      <c r="BF9" s="281">
        <v>0</v>
      </c>
      <c r="BG9" s="278">
        <v>0</v>
      </c>
      <c r="BH9" s="280">
        <v>0</v>
      </c>
      <c r="BI9" s="281">
        <v>12</v>
      </c>
      <c r="BJ9" s="281">
        <v>9</v>
      </c>
      <c r="BK9" s="281">
        <v>8</v>
      </c>
      <c r="BL9" s="281">
        <v>12</v>
      </c>
      <c r="BM9" s="281">
        <v>4</v>
      </c>
      <c r="BN9" s="282">
        <v>45</v>
      </c>
      <c r="BO9" s="283">
        <v>45</v>
      </c>
      <c r="BP9" s="277">
        <v>0</v>
      </c>
      <c r="BQ9" s="281">
        <v>0</v>
      </c>
      <c r="BR9" s="278">
        <v>0</v>
      </c>
      <c r="BS9" s="280">
        <v>0</v>
      </c>
      <c r="BT9" s="281">
        <v>0</v>
      </c>
      <c r="BU9" s="281">
        <v>0</v>
      </c>
      <c r="BV9" s="281">
        <v>0</v>
      </c>
      <c r="BW9" s="281">
        <v>0</v>
      </c>
      <c r="BX9" s="281">
        <v>0</v>
      </c>
      <c r="BY9" s="278">
        <v>0</v>
      </c>
      <c r="BZ9" s="283">
        <v>0</v>
      </c>
      <c r="CA9" s="277">
        <v>0</v>
      </c>
      <c r="CB9" s="281">
        <v>0</v>
      </c>
      <c r="CC9" s="278">
        <v>0</v>
      </c>
      <c r="CD9" s="280">
        <v>0</v>
      </c>
      <c r="CE9" s="281">
        <v>0</v>
      </c>
      <c r="CF9" s="281">
        <v>1</v>
      </c>
      <c r="CG9" s="281">
        <v>0</v>
      </c>
      <c r="CH9" s="281">
        <v>0</v>
      </c>
      <c r="CI9" s="281">
        <v>0</v>
      </c>
      <c r="CJ9" s="278">
        <v>1</v>
      </c>
      <c r="CK9" s="283">
        <v>1</v>
      </c>
      <c r="CL9" s="277">
        <v>0</v>
      </c>
      <c r="CM9" s="281">
        <v>0</v>
      </c>
      <c r="CN9" s="278">
        <v>0</v>
      </c>
      <c r="CO9" s="280">
        <v>0</v>
      </c>
      <c r="CP9" s="281">
        <v>1</v>
      </c>
      <c r="CQ9" s="281">
        <v>2</v>
      </c>
      <c r="CR9" s="281">
        <v>0</v>
      </c>
      <c r="CS9" s="281">
        <v>3</v>
      </c>
      <c r="CT9" s="281">
        <v>0</v>
      </c>
      <c r="CU9" s="278">
        <v>6</v>
      </c>
      <c r="CV9" s="283">
        <v>6</v>
      </c>
    </row>
    <row r="10" spans="1:100" ht="21" customHeight="1" x14ac:dyDescent="0.2">
      <c r="A10" s="262" t="s">
        <v>7</v>
      </c>
      <c r="B10" s="277">
        <v>0</v>
      </c>
      <c r="C10" s="278">
        <v>0</v>
      </c>
      <c r="D10" s="279">
        <v>0</v>
      </c>
      <c r="E10" s="280">
        <v>0</v>
      </c>
      <c r="F10" s="281">
        <v>0</v>
      </c>
      <c r="G10" s="281">
        <v>0</v>
      </c>
      <c r="H10" s="281">
        <v>1</v>
      </c>
      <c r="I10" s="281">
        <v>0</v>
      </c>
      <c r="J10" s="281">
        <v>0</v>
      </c>
      <c r="K10" s="282">
        <v>1</v>
      </c>
      <c r="L10" s="283">
        <v>1</v>
      </c>
      <c r="M10" s="277">
        <v>0</v>
      </c>
      <c r="N10" s="281">
        <v>0</v>
      </c>
      <c r="O10" s="278">
        <v>0</v>
      </c>
      <c r="P10" s="280">
        <v>0</v>
      </c>
      <c r="Q10" s="281">
        <v>0</v>
      </c>
      <c r="R10" s="281">
        <v>0</v>
      </c>
      <c r="S10" s="281">
        <v>0</v>
      </c>
      <c r="T10" s="281">
        <v>0</v>
      </c>
      <c r="U10" s="281">
        <v>0</v>
      </c>
      <c r="V10" s="278">
        <v>0</v>
      </c>
      <c r="W10" s="283">
        <v>0</v>
      </c>
      <c r="X10" s="277">
        <v>0</v>
      </c>
      <c r="Y10" s="281">
        <v>0</v>
      </c>
      <c r="Z10" s="278">
        <v>0</v>
      </c>
      <c r="AA10" s="280">
        <v>0</v>
      </c>
      <c r="AB10" s="281">
        <v>22</v>
      </c>
      <c r="AC10" s="281">
        <v>16</v>
      </c>
      <c r="AD10" s="281">
        <v>15</v>
      </c>
      <c r="AE10" s="281">
        <v>5</v>
      </c>
      <c r="AF10" s="281">
        <v>1</v>
      </c>
      <c r="AG10" s="278">
        <v>59</v>
      </c>
      <c r="AH10" s="283">
        <v>59</v>
      </c>
      <c r="AI10" s="277">
        <v>0</v>
      </c>
      <c r="AJ10" s="281">
        <v>0</v>
      </c>
      <c r="AK10" s="278">
        <v>0</v>
      </c>
      <c r="AL10" s="280">
        <v>0</v>
      </c>
      <c r="AM10" s="281">
        <v>1</v>
      </c>
      <c r="AN10" s="281">
        <v>3</v>
      </c>
      <c r="AO10" s="281">
        <v>4</v>
      </c>
      <c r="AP10" s="281">
        <v>2</v>
      </c>
      <c r="AQ10" s="281">
        <v>0</v>
      </c>
      <c r="AR10" s="278">
        <v>10</v>
      </c>
      <c r="AS10" s="283">
        <v>10</v>
      </c>
      <c r="AT10" s="277">
        <v>0</v>
      </c>
      <c r="AU10" s="281">
        <v>0</v>
      </c>
      <c r="AV10" s="278">
        <v>0</v>
      </c>
      <c r="AW10" s="280">
        <v>0</v>
      </c>
      <c r="AX10" s="281">
        <v>0</v>
      </c>
      <c r="AY10" s="281">
        <v>2</v>
      </c>
      <c r="AZ10" s="281">
        <v>1</v>
      </c>
      <c r="BA10" s="281">
        <v>1</v>
      </c>
      <c r="BB10" s="281">
        <v>0</v>
      </c>
      <c r="BC10" s="278">
        <v>4</v>
      </c>
      <c r="BD10" s="283">
        <v>4</v>
      </c>
      <c r="BE10" s="277">
        <v>0</v>
      </c>
      <c r="BF10" s="281">
        <v>0</v>
      </c>
      <c r="BG10" s="278">
        <v>0</v>
      </c>
      <c r="BH10" s="280">
        <v>0</v>
      </c>
      <c r="BI10" s="281">
        <v>4</v>
      </c>
      <c r="BJ10" s="281">
        <v>2</v>
      </c>
      <c r="BK10" s="281">
        <v>7</v>
      </c>
      <c r="BL10" s="281">
        <v>2</v>
      </c>
      <c r="BM10" s="281">
        <v>1</v>
      </c>
      <c r="BN10" s="282">
        <v>16</v>
      </c>
      <c r="BO10" s="283">
        <v>16</v>
      </c>
      <c r="BP10" s="277">
        <v>0</v>
      </c>
      <c r="BQ10" s="281">
        <v>0</v>
      </c>
      <c r="BR10" s="278">
        <v>0</v>
      </c>
      <c r="BS10" s="280">
        <v>0</v>
      </c>
      <c r="BT10" s="281">
        <v>0</v>
      </c>
      <c r="BU10" s="281">
        <v>0</v>
      </c>
      <c r="BV10" s="281">
        <v>0</v>
      </c>
      <c r="BW10" s="281">
        <v>0</v>
      </c>
      <c r="BX10" s="281">
        <v>0</v>
      </c>
      <c r="BY10" s="278">
        <v>0</v>
      </c>
      <c r="BZ10" s="283">
        <v>0</v>
      </c>
      <c r="CA10" s="277">
        <v>0</v>
      </c>
      <c r="CB10" s="281">
        <v>0</v>
      </c>
      <c r="CC10" s="278">
        <v>0</v>
      </c>
      <c r="CD10" s="280">
        <v>0</v>
      </c>
      <c r="CE10" s="281">
        <v>0</v>
      </c>
      <c r="CF10" s="281">
        <v>0</v>
      </c>
      <c r="CG10" s="281">
        <v>0</v>
      </c>
      <c r="CH10" s="281">
        <v>0</v>
      </c>
      <c r="CI10" s="281">
        <v>0</v>
      </c>
      <c r="CJ10" s="278">
        <v>0</v>
      </c>
      <c r="CK10" s="283">
        <v>0</v>
      </c>
      <c r="CL10" s="277">
        <v>0</v>
      </c>
      <c r="CM10" s="281">
        <v>0</v>
      </c>
      <c r="CN10" s="278">
        <v>0</v>
      </c>
      <c r="CO10" s="280">
        <v>0</v>
      </c>
      <c r="CP10" s="281">
        <v>0</v>
      </c>
      <c r="CQ10" s="281">
        <v>0</v>
      </c>
      <c r="CR10" s="281">
        <v>0</v>
      </c>
      <c r="CS10" s="281">
        <v>0</v>
      </c>
      <c r="CT10" s="281">
        <v>2</v>
      </c>
      <c r="CU10" s="278">
        <v>2</v>
      </c>
      <c r="CV10" s="283">
        <v>2</v>
      </c>
    </row>
    <row r="11" spans="1:100" ht="21" customHeight="1" x14ac:dyDescent="0.2">
      <c r="A11" s="262" t="s">
        <v>8</v>
      </c>
      <c r="B11" s="277">
        <v>0</v>
      </c>
      <c r="C11" s="278">
        <v>0</v>
      </c>
      <c r="D11" s="279">
        <v>0</v>
      </c>
      <c r="E11" s="280">
        <v>0</v>
      </c>
      <c r="F11" s="281">
        <v>0</v>
      </c>
      <c r="G11" s="281">
        <v>0</v>
      </c>
      <c r="H11" s="281">
        <v>0</v>
      </c>
      <c r="I11" s="281">
        <v>1</v>
      </c>
      <c r="J11" s="281">
        <v>0</v>
      </c>
      <c r="K11" s="282">
        <v>1</v>
      </c>
      <c r="L11" s="283">
        <v>1</v>
      </c>
      <c r="M11" s="277">
        <v>0</v>
      </c>
      <c r="N11" s="281">
        <v>0</v>
      </c>
      <c r="O11" s="278">
        <v>0</v>
      </c>
      <c r="P11" s="280">
        <v>0</v>
      </c>
      <c r="Q11" s="281">
        <v>0</v>
      </c>
      <c r="R11" s="281">
        <v>0</v>
      </c>
      <c r="S11" s="281">
        <v>0</v>
      </c>
      <c r="T11" s="281">
        <v>0</v>
      </c>
      <c r="U11" s="281">
        <v>0</v>
      </c>
      <c r="V11" s="278">
        <v>0</v>
      </c>
      <c r="W11" s="283">
        <v>0</v>
      </c>
      <c r="X11" s="277">
        <v>0</v>
      </c>
      <c r="Y11" s="281">
        <v>0</v>
      </c>
      <c r="Z11" s="278">
        <v>0</v>
      </c>
      <c r="AA11" s="280">
        <v>0</v>
      </c>
      <c r="AB11" s="281">
        <v>28</v>
      </c>
      <c r="AC11" s="281">
        <v>19</v>
      </c>
      <c r="AD11" s="281">
        <v>7</v>
      </c>
      <c r="AE11" s="281">
        <v>5</v>
      </c>
      <c r="AF11" s="281">
        <v>2</v>
      </c>
      <c r="AG11" s="278">
        <v>61</v>
      </c>
      <c r="AH11" s="283">
        <v>61</v>
      </c>
      <c r="AI11" s="277">
        <v>0</v>
      </c>
      <c r="AJ11" s="281">
        <v>0</v>
      </c>
      <c r="AK11" s="278">
        <v>0</v>
      </c>
      <c r="AL11" s="280">
        <v>0</v>
      </c>
      <c r="AM11" s="281">
        <v>0</v>
      </c>
      <c r="AN11" s="281">
        <v>1</v>
      </c>
      <c r="AO11" s="281">
        <v>0</v>
      </c>
      <c r="AP11" s="281">
        <v>0</v>
      </c>
      <c r="AQ11" s="281">
        <v>0</v>
      </c>
      <c r="AR11" s="278">
        <v>1</v>
      </c>
      <c r="AS11" s="283">
        <v>1</v>
      </c>
      <c r="AT11" s="277">
        <v>0</v>
      </c>
      <c r="AU11" s="281">
        <v>0</v>
      </c>
      <c r="AV11" s="278">
        <v>0</v>
      </c>
      <c r="AW11" s="280">
        <v>0</v>
      </c>
      <c r="AX11" s="281">
        <v>2</v>
      </c>
      <c r="AY11" s="281">
        <v>0</v>
      </c>
      <c r="AZ11" s="281">
        <v>1</v>
      </c>
      <c r="BA11" s="281">
        <v>0</v>
      </c>
      <c r="BB11" s="281">
        <v>1</v>
      </c>
      <c r="BC11" s="278">
        <v>4</v>
      </c>
      <c r="BD11" s="283">
        <v>4</v>
      </c>
      <c r="BE11" s="277">
        <v>0</v>
      </c>
      <c r="BF11" s="281">
        <v>0</v>
      </c>
      <c r="BG11" s="278">
        <v>0</v>
      </c>
      <c r="BH11" s="280">
        <v>0</v>
      </c>
      <c r="BI11" s="281">
        <v>0</v>
      </c>
      <c r="BJ11" s="281">
        <v>1</v>
      </c>
      <c r="BK11" s="281">
        <v>0</v>
      </c>
      <c r="BL11" s="281">
        <v>5</v>
      </c>
      <c r="BM11" s="281">
        <v>0</v>
      </c>
      <c r="BN11" s="282">
        <v>6</v>
      </c>
      <c r="BO11" s="283">
        <v>6</v>
      </c>
      <c r="BP11" s="277">
        <v>0</v>
      </c>
      <c r="BQ11" s="281">
        <v>0</v>
      </c>
      <c r="BR11" s="278">
        <v>0</v>
      </c>
      <c r="BS11" s="280">
        <v>0</v>
      </c>
      <c r="BT11" s="281">
        <v>0</v>
      </c>
      <c r="BU11" s="281">
        <v>1</v>
      </c>
      <c r="BV11" s="281">
        <v>0</v>
      </c>
      <c r="BW11" s="281">
        <v>1</v>
      </c>
      <c r="BX11" s="281">
        <v>0</v>
      </c>
      <c r="BY11" s="278">
        <v>2</v>
      </c>
      <c r="BZ11" s="283">
        <v>2</v>
      </c>
      <c r="CA11" s="277">
        <v>0</v>
      </c>
      <c r="CB11" s="281">
        <v>0</v>
      </c>
      <c r="CC11" s="278">
        <v>0</v>
      </c>
      <c r="CD11" s="280">
        <v>0</v>
      </c>
      <c r="CE11" s="281">
        <v>0</v>
      </c>
      <c r="CF11" s="281">
        <v>0</v>
      </c>
      <c r="CG11" s="281">
        <v>0</v>
      </c>
      <c r="CH11" s="281">
        <v>1</v>
      </c>
      <c r="CI11" s="281">
        <v>1</v>
      </c>
      <c r="CJ11" s="278">
        <v>2</v>
      </c>
      <c r="CK11" s="283">
        <v>2</v>
      </c>
      <c r="CL11" s="277">
        <v>0</v>
      </c>
      <c r="CM11" s="281">
        <v>0</v>
      </c>
      <c r="CN11" s="278">
        <v>0</v>
      </c>
      <c r="CO11" s="280">
        <v>0</v>
      </c>
      <c r="CP11" s="281">
        <v>0</v>
      </c>
      <c r="CQ11" s="281">
        <v>0</v>
      </c>
      <c r="CR11" s="281">
        <v>0</v>
      </c>
      <c r="CS11" s="281">
        <v>1</v>
      </c>
      <c r="CT11" s="281">
        <v>0</v>
      </c>
      <c r="CU11" s="278">
        <v>1</v>
      </c>
      <c r="CV11" s="283">
        <v>1</v>
      </c>
    </row>
    <row r="12" spans="1:100" ht="21" customHeight="1" x14ac:dyDescent="0.2">
      <c r="A12" s="262" t="s">
        <v>9</v>
      </c>
      <c r="B12" s="277">
        <v>0</v>
      </c>
      <c r="C12" s="278">
        <v>0</v>
      </c>
      <c r="D12" s="279">
        <v>0</v>
      </c>
      <c r="E12" s="280">
        <v>0</v>
      </c>
      <c r="F12" s="281">
        <v>0</v>
      </c>
      <c r="G12" s="281">
        <v>1</v>
      </c>
      <c r="H12" s="281">
        <v>0</v>
      </c>
      <c r="I12" s="281">
        <v>3</v>
      </c>
      <c r="J12" s="281">
        <v>1</v>
      </c>
      <c r="K12" s="282">
        <v>5</v>
      </c>
      <c r="L12" s="283">
        <v>5</v>
      </c>
      <c r="M12" s="277">
        <v>0</v>
      </c>
      <c r="N12" s="281">
        <v>0</v>
      </c>
      <c r="O12" s="278">
        <v>0</v>
      </c>
      <c r="P12" s="280">
        <v>0</v>
      </c>
      <c r="Q12" s="281">
        <v>0</v>
      </c>
      <c r="R12" s="281">
        <v>0</v>
      </c>
      <c r="S12" s="281">
        <v>0</v>
      </c>
      <c r="T12" s="281">
        <v>0</v>
      </c>
      <c r="U12" s="281">
        <v>0</v>
      </c>
      <c r="V12" s="278">
        <v>0</v>
      </c>
      <c r="W12" s="283">
        <v>0</v>
      </c>
      <c r="X12" s="277">
        <v>0</v>
      </c>
      <c r="Y12" s="281">
        <v>0</v>
      </c>
      <c r="Z12" s="278">
        <v>0</v>
      </c>
      <c r="AA12" s="280">
        <v>0</v>
      </c>
      <c r="AB12" s="281">
        <v>35</v>
      </c>
      <c r="AC12" s="281">
        <v>33</v>
      </c>
      <c r="AD12" s="281">
        <v>14</v>
      </c>
      <c r="AE12" s="281">
        <v>10</v>
      </c>
      <c r="AF12" s="281">
        <v>1</v>
      </c>
      <c r="AG12" s="278">
        <v>93</v>
      </c>
      <c r="AH12" s="283">
        <v>93</v>
      </c>
      <c r="AI12" s="277">
        <v>0</v>
      </c>
      <c r="AJ12" s="281">
        <v>0</v>
      </c>
      <c r="AK12" s="278">
        <v>0</v>
      </c>
      <c r="AL12" s="280">
        <v>0</v>
      </c>
      <c r="AM12" s="281">
        <v>2</v>
      </c>
      <c r="AN12" s="281">
        <v>0</v>
      </c>
      <c r="AO12" s="281">
        <v>1</v>
      </c>
      <c r="AP12" s="281">
        <v>0</v>
      </c>
      <c r="AQ12" s="281">
        <v>1</v>
      </c>
      <c r="AR12" s="278">
        <v>4</v>
      </c>
      <c r="AS12" s="283">
        <v>4</v>
      </c>
      <c r="AT12" s="277">
        <v>1</v>
      </c>
      <c r="AU12" s="281">
        <v>0</v>
      </c>
      <c r="AV12" s="278">
        <v>1</v>
      </c>
      <c r="AW12" s="280">
        <v>0</v>
      </c>
      <c r="AX12" s="281">
        <v>6</v>
      </c>
      <c r="AY12" s="281">
        <v>3</v>
      </c>
      <c r="AZ12" s="281">
        <v>3</v>
      </c>
      <c r="BA12" s="281">
        <v>3</v>
      </c>
      <c r="BB12" s="281">
        <v>1</v>
      </c>
      <c r="BC12" s="278">
        <v>16</v>
      </c>
      <c r="BD12" s="283">
        <v>17</v>
      </c>
      <c r="BE12" s="277">
        <v>0</v>
      </c>
      <c r="BF12" s="281">
        <v>0</v>
      </c>
      <c r="BG12" s="278">
        <v>0</v>
      </c>
      <c r="BH12" s="280">
        <v>0</v>
      </c>
      <c r="BI12" s="281">
        <v>0</v>
      </c>
      <c r="BJ12" s="281">
        <v>5</v>
      </c>
      <c r="BK12" s="281">
        <v>4</v>
      </c>
      <c r="BL12" s="281">
        <v>3</v>
      </c>
      <c r="BM12" s="281">
        <v>1</v>
      </c>
      <c r="BN12" s="282">
        <v>13</v>
      </c>
      <c r="BO12" s="283">
        <v>13</v>
      </c>
      <c r="BP12" s="277">
        <v>0</v>
      </c>
      <c r="BQ12" s="281">
        <v>0</v>
      </c>
      <c r="BR12" s="278">
        <v>0</v>
      </c>
      <c r="BS12" s="280">
        <v>0</v>
      </c>
      <c r="BT12" s="281">
        <v>0</v>
      </c>
      <c r="BU12" s="281">
        <v>2</v>
      </c>
      <c r="BV12" s="281">
        <v>0</v>
      </c>
      <c r="BW12" s="281">
        <v>1</v>
      </c>
      <c r="BX12" s="281">
        <v>0</v>
      </c>
      <c r="BY12" s="278">
        <v>3</v>
      </c>
      <c r="BZ12" s="283">
        <v>3</v>
      </c>
      <c r="CA12" s="277">
        <v>0</v>
      </c>
      <c r="CB12" s="281">
        <v>0</v>
      </c>
      <c r="CC12" s="278">
        <v>0</v>
      </c>
      <c r="CD12" s="280">
        <v>0</v>
      </c>
      <c r="CE12" s="281">
        <v>0</v>
      </c>
      <c r="CF12" s="281">
        <v>0</v>
      </c>
      <c r="CG12" s="281">
        <v>0</v>
      </c>
      <c r="CH12" s="281">
        <v>0</v>
      </c>
      <c r="CI12" s="281">
        <v>0</v>
      </c>
      <c r="CJ12" s="278">
        <v>0</v>
      </c>
      <c r="CK12" s="283">
        <v>0</v>
      </c>
      <c r="CL12" s="277">
        <v>0</v>
      </c>
      <c r="CM12" s="281">
        <v>0</v>
      </c>
      <c r="CN12" s="278">
        <v>0</v>
      </c>
      <c r="CO12" s="280">
        <v>0</v>
      </c>
      <c r="CP12" s="281">
        <v>1</v>
      </c>
      <c r="CQ12" s="281">
        <v>1</v>
      </c>
      <c r="CR12" s="281">
        <v>2</v>
      </c>
      <c r="CS12" s="281">
        <v>3</v>
      </c>
      <c r="CT12" s="281">
        <v>1</v>
      </c>
      <c r="CU12" s="278">
        <v>8</v>
      </c>
      <c r="CV12" s="283">
        <v>8</v>
      </c>
    </row>
    <row r="13" spans="1:100" ht="21" customHeight="1" x14ac:dyDescent="0.2">
      <c r="A13" s="262" t="s">
        <v>10</v>
      </c>
      <c r="B13" s="277">
        <v>0</v>
      </c>
      <c r="C13" s="278">
        <v>0</v>
      </c>
      <c r="D13" s="279">
        <v>0</v>
      </c>
      <c r="E13" s="280">
        <v>0</v>
      </c>
      <c r="F13" s="281">
        <v>1</v>
      </c>
      <c r="G13" s="281">
        <v>3</v>
      </c>
      <c r="H13" s="281">
        <v>0</v>
      </c>
      <c r="I13" s="281">
        <v>1</v>
      </c>
      <c r="J13" s="281">
        <v>0</v>
      </c>
      <c r="K13" s="282">
        <v>5</v>
      </c>
      <c r="L13" s="283">
        <v>5</v>
      </c>
      <c r="M13" s="277">
        <v>0</v>
      </c>
      <c r="N13" s="281">
        <v>0</v>
      </c>
      <c r="O13" s="278">
        <v>0</v>
      </c>
      <c r="P13" s="280">
        <v>0</v>
      </c>
      <c r="Q13" s="281">
        <v>0</v>
      </c>
      <c r="R13" s="281">
        <v>1</v>
      </c>
      <c r="S13" s="281">
        <v>1</v>
      </c>
      <c r="T13" s="281">
        <v>1</v>
      </c>
      <c r="U13" s="281">
        <v>0</v>
      </c>
      <c r="V13" s="278">
        <v>3</v>
      </c>
      <c r="W13" s="283">
        <v>3</v>
      </c>
      <c r="X13" s="277">
        <v>0</v>
      </c>
      <c r="Y13" s="281">
        <v>0</v>
      </c>
      <c r="Z13" s="278">
        <v>0</v>
      </c>
      <c r="AA13" s="280">
        <v>0</v>
      </c>
      <c r="AB13" s="281">
        <v>45</v>
      </c>
      <c r="AC13" s="281">
        <v>14</v>
      </c>
      <c r="AD13" s="281">
        <v>10</v>
      </c>
      <c r="AE13" s="281">
        <v>4</v>
      </c>
      <c r="AF13" s="281">
        <v>1</v>
      </c>
      <c r="AG13" s="278">
        <v>74</v>
      </c>
      <c r="AH13" s="283">
        <v>74</v>
      </c>
      <c r="AI13" s="277">
        <v>0</v>
      </c>
      <c r="AJ13" s="281">
        <v>0</v>
      </c>
      <c r="AK13" s="278">
        <v>0</v>
      </c>
      <c r="AL13" s="280">
        <v>0</v>
      </c>
      <c r="AM13" s="281">
        <v>2</v>
      </c>
      <c r="AN13" s="281">
        <v>2</v>
      </c>
      <c r="AO13" s="281">
        <v>1</v>
      </c>
      <c r="AP13" s="281">
        <v>1</v>
      </c>
      <c r="AQ13" s="281">
        <v>1</v>
      </c>
      <c r="AR13" s="278">
        <v>7</v>
      </c>
      <c r="AS13" s="283">
        <v>7</v>
      </c>
      <c r="AT13" s="277">
        <v>1</v>
      </c>
      <c r="AU13" s="281">
        <v>2</v>
      </c>
      <c r="AV13" s="278">
        <v>3</v>
      </c>
      <c r="AW13" s="280">
        <v>0</v>
      </c>
      <c r="AX13" s="281">
        <v>6</v>
      </c>
      <c r="AY13" s="281">
        <v>0</v>
      </c>
      <c r="AZ13" s="281">
        <v>4</v>
      </c>
      <c r="BA13" s="281">
        <v>2</v>
      </c>
      <c r="BB13" s="281">
        <v>3</v>
      </c>
      <c r="BC13" s="278">
        <v>15</v>
      </c>
      <c r="BD13" s="283">
        <v>18</v>
      </c>
      <c r="BE13" s="277">
        <v>0</v>
      </c>
      <c r="BF13" s="281">
        <v>0</v>
      </c>
      <c r="BG13" s="278">
        <v>0</v>
      </c>
      <c r="BH13" s="280">
        <v>0</v>
      </c>
      <c r="BI13" s="281">
        <v>4</v>
      </c>
      <c r="BJ13" s="281">
        <v>7</v>
      </c>
      <c r="BK13" s="281">
        <v>5</v>
      </c>
      <c r="BL13" s="281">
        <v>6</v>
      </c>
      <c r="BM13" s="281">
        <v>7</v>
      </c>
      <c r="BN13" s="282">
        <v>29</v>
      </c>
      <c r="BO13" s="283">
        <v>29</v>
      </c>
      <c r="BP13" s="277">
        <v>0</v>
      </c>
      <c r="BQ13" s="281">
        <v>0</v>
      </c>
      <c r="BR13" s="278">
        <v>0</v>
      </c>
      <c r="BS13" s="280">
        <v>0</v>
      </c>
      <c r="BT13" s="281">
        <v>2</v>
      </c>
      <c r="BU13" s="281">
        <v>3</v>
      </c>
      <c r="BV13" s="281">
        <v>6</v>
      </c>
      <c r="BW13" s="281">
        <v>2</v>
      </c>
      <c r="BX13" s="281">
        <v>5</v>
      </c>
      <c r="BY13" s="278">
        <v>18</v>
      </c>
      <c r="BZ13" s="283">
        <v>18</v>
      </c>
      <c r="CA13" s="277">
        <v>0</v>
      </c>
      <c r="CB13" s="281">
        <v>0</v>
      </c>
      <c r="CC13" s="278">
        <v>0</v>
      </c>
      <c r="CD13" s="280">
        <v>0</v>
      </c>
      <c r="CE13" s="281">
        <v>0</v>
      </c>
      <c r="CF13" s="281">
        <v>0</v>
      </c>
      <c r="CG13" s="281">
        <v>0</v>
      </c>
      <c r="CH13" s="281">
        <v>3</v>
      </c>
      <c r="CI13" s="281">
        <v>2</v>
      </c>
      <c r="CJ13" s="278">
        <v>5</v>
      </c>
      <c r="CK13" s="283">
        <v>5</v>
      </c>
      <c r="CL13" s="277">
        <v>0</v>
      </c>
      <c r="CM13" s="281">
        <v>0</v>
      </c>
      <c r="CN13" s="278">
        <v>0</v>
      </c>
      <c r="CO13" s="280">
        <v>0</v>
      </c>
      <c r="CP13" s="281">
        <v>1</v>
      </c>
      <c r="CQ13" s="281">
        <v>1</v>
      </c>
      <c r="CR13" s="281">
        <v>1</v>
      </c>
      <c r="CS13" s="281">
        <v>0</v>
      </c>
      <c r="CT13" s="281">
        <v>1</v>
      </c>
      <c r="CU13" s="278">
        <v>4</v>
      </c>
      <c r="CV13" s="283">
        <v>4</v>
      </c>
    </row>
    <row r="14" spans="1:100" ht="21" customHeight="1" x14ac:dyDescent="0.2">
      <c r="A14" s="262" t="s">
        <v>11</v>
      </c>
      <c r="B14" s="277">
        <v>0</v>
      </c>
      <c r="C14" s="278">
        <v>0</v>
      </c>
      <c r="D14" s="279">
        <v>0</v>
      </c>
      <c r="E14" s="280">
        <v>0</v>
      </c>
      <c r="F14" s="281">
        <v>1</v>
      </c>
      <c r="G14" s="281">
        <v>1</v>
      </c>
      <c r="H14" s="281">
        <v>1</v>
      </c>
      <c r="I14" s="281">
        <v>0</v>
      </c>
      <c r="J14" s="281">
        <v>0</v>
      </c>
      <c r="K14" s="282">
        <v>3</v>
      </c>
      <c r="L14" s="283">
        <v>3</v>
      </c>
      <c r="M14" s="277">
        <v>0</v>
      </c>
      <c r="N14" s="281">
        <v>0</v>
      </c>
      <c r="O14" s="278">
        <v>0</v>
      </c>
      <c r="P14" s="280">
        <v>0</v>
      </c>
      <c r="Q14" s="281">
        <v>1</v>
      </c>
      <c r="R14" s="281">
        <v>0</v>
      </c>
      <c r="S14" s="281">
        <v>0</v>
      </c>
      <c r="T14" s="281">
        <v>0</v>
      </c>
      <c r="U14" s="281">
        <v>1</v>
      </c>
      <c r="V14" s="278">
        <v>2</v>
      </c>
      <c r="W14" s="283">
        <v>2</v>
      </c>
      <c r="X14" s="277">
        <v>0</v>
      </c>
      <c r="Y14" s="281">
        <v>0</v>
      </c>
      <c r="Z14" s="278">
        <v>0</v>
      </c>
      <c r="AA14" s="280">
        <v>0</v>
      </c>
      <c r="AB14" s="281">
        <v>19</v>
      </c>
      <c r="AC14" s="281">
        <v>5</v>
      </c>
      <c r="AD14" s="281">
        <v>8</v>
      </c>
      <c r="AE14" s="281">
        <v>5</v>
      </c>
      <c r="AF14" s="281">
        <v>0</v>
      </c>
      <c r="AG14" s="278">
        <v>37</v>
      </c>
      <c r="AH14" s="283">
        <v>37</v>
      </c>
      <c r="AI14" s="277">
        <v>0</v>
      </c>
      <c r="AJ14" s="281">
        <v>0</v>
      </c>
      <c r="AK14" s="278">
        <v>0</v>
      </c>
      <c r="AL14" s="280">
        <v>0</v>
      </c>
      <c r="AM14" s="281">
        <v>0</v>
      </c>
      <c r="AN14" s="281">
        <v>0</v>
      </c>
      <c r="AO14" s="281">
        <v>0</v>
      </c>
      <c r="AP14" s="281">
        <v>0</v>
      </c>
      <c r="AQ14" s="281">
        <v>2</v>
      </c>
      <c r="AR14" s="278">
        <v>2</v>
      </c>
      <c r="AS14" s="283">
        <v>2</v>
      </c>
      <c r="AT14" s="277">
        <v>0</v>
      </c>
      <c r="AU14" s="281">
        <v>0</v>
      </c>
      <c r="AV14" s="278">
        <v>0</v>
      </c>
      <c r="AW14" s="280">
        <v>0</v>
      </c>
      <c r="AX14" s="281">
        <v>1</v>
      </c>
      <c r="AY14" s="281">
        <v>2</v>
      </c>
      <c r="AZ14" s="281">
        <v>2</v>
      </c>
      <c r="BA14" s="281">
        <v>1</v>
      </c>
      <c r="BB14" s="281">
        <v>0</v>
      </c>
      <c r="BC14" s="278">
        <v>6</v>
      </c>
      <c r="BD14" s="283">
        <v>6</v>
      </c>
      <c r="BE14" s="277">
        <v>0</v>
      </c>
      <c r="BF14" s="281">
        <v>0</v>
      </c>
      <c r="BG14" s="278">
        <v>0</v>
      </c>
      <c r="BH14" s="280">
        <v>0</v>
      </c>
      <c r="BI14" s="281">
        <v>0</v>
      </c>
      <c r="BJ14" s="281">
        <v>3</v>
      </c>
      <c r="BK14" s="281">
        <v>0</v>
      </c>
      <c r="BL14" s="281">
        <v>3</v>
      </c>
      <c r="BM14" s="281">
        <v>1</v>
      </c>
      <c r="BN14" s="282">
        <v>7</v>
      </c>
      <c r="BO14" s="283">
        <v>7</v>
      </c>
      <c r="BP14" s="277">
        <v>0</v>
      </c>
      <c r="BQ14" s="281">
        <v>0</v>
      </c>
      <c r="BR14" s="278">
        <v>0</v>
      </c>
      <c r="BS14" s="280">
        <v>0</v>
      </c>
      <c r="BT14" s="281">
        <v>0</v>
      </c>
      <c r="BU14" s="281">
        <v>0</v>
      </c>
      <c r="BV14" s="281">
        <v>0</v>
      </c>
      <c r="BW14" s="281">
        <v>0</v>
      </c>
      <c r="BX14" s="281">
        <v>0</v>
      </c>
      <c r="BY14" s="278">
        <v>0</v>
      </c>
      <c r="BZ14" s="283">
        <v>0</v>
      </c>
      <c r="CA14" s="277">
        <v>0</v>
      </c>
      <c r="CB14" s="281">
        <v>0</v>
      </c>
      <c r="CC14" s="278">
        <v>0</v>
      </c>
      <c r="CD14" s="280">
        <v>0</v>
      </c>
      <c r="CE14" s="281">
        <v>0</v>
      </c>
      <c r="CF14" s="281">
        <v>0</v>
      </c>
      <c r="CG14" s="281">
        <v>0</v>
      </c>
      <c r="CH14" s="281">
        <v>0</v>
      </c>
      <c r="CI14" s="281">
        <v>0</v>
      </c>
      <c r="CJ14" s="278">
        <v>0</v>
      </c>
      <c r="CK14" s="283">
        <v>0</v>
      </c>
      <c r="CL14" s="277">
        <v>0</v>
      </c>
      <c r="CM14" s="281">
        <v>0</v>
      </c>
      <c r="CN14" s="278">
        <v>0</v>
      </c>
      <c r="CO14" s="280">
        <v>0</v>
      </c>
      <c r="CP14" s="281">
        <v>0</v>
      </c>
      <c r="CQ14" s="281">
        <v>0</v>
      </c>
      <c r="CR14" s="281">
        <v>0</v>
      </c>
      <c r="CS14" s="281">
        <v>0</v>
      </c>
      <c r="CT14" s="281">
        <v>0</v>
      </c>
      <c r="CU14" s="278">
        <v>0</v>
      </c>
      <c r="CV14" s="283">
        <v>0</v>
      </c>
    </row>
    <row r="15" spans="1:100" ht="21" customHeight="1" x14ac:dyDescent="0.2">
      <c r="A15" s="262" t="s">
        <v>12</v>
      </c>
      <c r="B15" s="277">
        <v>0</v>
      </c>
      <c r="C15" s="278">
        <v>0</v>
      </c>
      <c r="D15" s="279">
        <v>0</v>
      </c>
      <c r="E15" s="280">
        <v>0</v>
      </c>
      <c r="F15" s="281">
        <v>1</v>
      </c>
      <c r="G15" s="281">
        <v>0</v>
      </c>
      <c r="H15" s="281">
        <v>0</v>
      </c>
      <c r="I15" s="281">
        <v>0</v>
      </c>
      <c r="J15" s="281">
        <v>0</v>
      </c>
      <c r="K15" s="282">
        <v>1</v>
      </c>
      <c r="L15" s="283">
        <v>1</v>
      </c>
      <c r="M15" s="277">
        <v>0</v>
      </c>
      <c r="N15" s="281">
        <v>0</v>
      </c>
      <c r="O15" s="278">
        <v>0</v>
      </c>
      <c r="P15" s="280">
        <v>0</v>
      </c>
      <c r="Q15" s="281">
        <v>0</v>
      </c>
      <c r="R15" s="281">
        <v>0</v>
      </c>
      <c r="S15" s="281">
        <v>0</v>
      </c>
      <c r="T15" s="281">
        <v>0</v>
      </c>
      <c r="U15" s="281">
        <v>0</v>
      </c>
      <c r="V15" s="278">
        <v>0</v>
      </c>
      <c r="W15" s="283">
        <v>0</v>
      </c>
      <c r="X15" s="277">
        <v>0</v>
      </c>
      <c r="Y15" s="281">
        <v>0</v>
      </c>
      <c r="Z15" s="278">
        <v>0</v>
      </c>
      <c r="AA15" s="280">
        <v>0</v>
      </c>
      <c r="AB15" s="281">
        <v>19</v>
      </c>
      <c r="AC15" s="281">
        <v>10</v>
      </c>
      <c r="AD15" s="281">
        <v>7</v>
      </c>
      <c r="AE15" s="281">
        <v>5</v>
      </c>
      <c r="AF15" s="281">
        <v>0</v>
      </c>
      <c r="AG15" s="278">
        <v>41</v>
      </c>
      <c r="AH15" s="283">
        <v>41</v>
      </c>
      <c r="AI15" s="277">
        <v>0</v>
      </c>
      <c r="AJ15" s="281">
        <v>0</v>
      </c>
      <c r="AK15" s="278">
        <v>0</v>
      </c>
      <c r="AL15" s="280">
        <v>0</v>
      </c>
      <c r="AM15" s="281">
        <v>0</v>
      </c>
      <c r="AN15" s="281">
        <v>1</v>
      </c>
      <c r="AO15" s="281">
        <v>0</v>
      </c>
      <c r="AP15" s="281">
        <v>0</v>
      </c>
      <c r="AQ15" s="281">
        <v>0</v>
      </c>
      <c r="AR15" s="278">
        <v>1</v>
      </c>
      <c r="AS15" s="283">
        <v>1</v>
      </c>
      <c r="AT15" s="277">
        <v>1</v>
      </c>
      <c r="AU15" s="281">
        <v>0</v>
      </c>
      <c r="AV15" s="278">
        <v>1</v>
      </c>
      <c r="AW15" s="280">
        <v>0</v>
      </c>
      <c r="AX15" s="281">
        <v>1</v>
      </c>
      <c r="AY15" s="281">
        <v>1</v>
      </c>
      <c r="AZ15" s="281">
        <v>1</v>
      </c>
      <c r="BA15" s="281">
        <v>1</v>
      </c>
      <c r="BB15" s="281">
        <v>0</v>
      </c>
      <c r="BC15" s="278">
        <v>4</v>
      </c>
      <c r="BD15" s="283">
        <v>5</v>
      </c>
      <c r="BE15" s="277">
        <v>0</v>
      </c>
      <c r="BF15" s="281">
        <v>0</v>
      </c>
      <c r="BG15" s="278">
        <v>0</v>
      </c>
      <c r="BH15" s="280">
        <v>0</v>
      </c>
      <c r="BI15" s="281">
        <v>3</v>
      </c>
      <c r="BJ15" s="281">
        <v>1</v>
      </c>
      <c r="BK15" s="281">
        <v>2</v>
      </c>
      <c r="BL15" s="281">
        <v>1</v>
      </c>
      <c r="BM15" s="281">
        <v>0</v>
      </c>
      <c r="BN15" s="282">
        <v>7</v>
      </c>
      <c r="BO15" s="283">
        <v>7</v>
      </c>
      <c r="BP15" s="277">
        <v>0</v>
      </c>
      <c r="BQ15" s="281">
        <v>0</v>
      </c>
      <c r="BR15" s="278">
        <v>0</v>
      </c>
      <c r="BS15" s="280">
        <v>0</v>
      </c>
      <c r="BT15" s="281">
        <v>0</v>
      </c>
      <c r="BU15" s="281">
        <v>2</v>
      </c>
      <c r="BV15" s="281">
        <v>0</v>
      </c>
      <c r="BW15" s="281">
        <v>2</v>
      </c>
      <c r="BX15" s="281">
        <v>0</v>
      </c>
      <c r="BY15" s="278">
        <v>4</v>
      </c>
      <c r="BZ15" s="283">
        <v>4</v>
      </c>
      <c r="CA15" s="277">
        <v>0</v>
      </c>
      <c r="CB15" s="281">
        <v>0</v>
      </c>
      <c r="CC15" s="278">
        <v>0</v>
      </c>
      <c r="CD15" s="280">
        <v>0</v>
      </c>
      <c r="CE15" s="281">
        <v>0</v>
      </c>
      <c r="CF15" s="281">
        <v>0</v>
      </c>
      <c r="CG15" s="281">
        <v>0</v>
      </c>
      <c r="CH15" s="281">
        <v>0</v>
      </c>
      <c r="CI15" s="281">
        <v>1</v>
      </c>
      <c r="CJ15" s="278">
        <v>1</v>
      </c>
      <c r="CK15" s="283">
        <v>1</v>
      </c>
      <c r="CL15" s="277">
        <v>0</v>
      </c>
      <c r="CM15" s="281">
        <v>0</v>
      </c>
      <c r="CN15" s="278">
        <v>0</v>
      </c>
      <c r="CO15" s="280">
        <v>0</v>
      </c>
      <c r="CP15" s="281">
        <v>1</v>
      </c>
      <c r="CQ15" s="281">
        <v>2</v>
      </c>
      <c r="CR15" s="281">
        <v>1</v>
      </c>
      <c r="CS15" s="281">
        <v>2</v>
      </c>
      <c r="CT15" s="281">
        <v>3</v>
      </c>
      <c r="CU15" s="278">
        <v>9</v>
      </c>
      <c r="CV15" s="283">
        <v>9</v>
      </c>
    </row>
    <row r="16" spans="1:100" ht="21" customHeight="1" x14ac:dyDescent="0.2">
      <c r="A16" s="262" t="s">
        <v>13</v>
      </c>
      <c r="B16" s="277">
        <v>0</v>
      </c>
      <c r="C16" s="278">
        <v>0</v>
      </c>
      <c r="D16" s="279">
        <v>0</v>
      </c>
      <c r="E16" s="280">
        <v>0</v>
      </c>
      <c r="F16" s="281">
        <v>0</v>
      </c>
      <c r="G16" s="281">
        <v>0</v>
      </c>
      <c r="H16" s="281">
        <v>0</v>
      </c>
      <c r="I16" s="281">
        <v>0</v>
      </c>
      <c r="J16" s="281">
        <v>0</v>
      </c>
      <c r="K16" s="282">
        <v>0</v>
      </c>
      <c r="L16" s="283">
        <v>0</v>
      </c>
      <c r="M16" s="277">
        <v>0</v>
      </c>
      <c r="N16" s="281">
        <v>0</v>
      </c>
      <c r="O16" s="278">
        <v>0</v>
      </c>
      <c r="P16" s="280">
        <v>0</v>
      </c>
      <c r="Q16" s="281">
        <v>0</v>
      </c>
      <c r="R16" s="281">
        <v>0</v>
      </c>
      <c r="S16" s="281">
        <v>0</v>
      </c>
      <c r="T16" s="281">
        <v>0</v>
      </c>
      <c r="U16" s="281">
        <v>0</v>
      </c>
      <c r="V16" s="278">
        <v>0</v>
      </c>
      <c r="W16" s="283">
        <v>0</v>
      </c>
      <c r="X16" s="277">
        <v>0</v>
      </c>
      <c r="Y16" s="281">
        <v>0</v>
      </c>
      <c r="Z16" s="278">
        <v>0</v>
      </c>
      <c r="AA16" s="280">
        <v>0</v>
      </c>
      <c r="AB16" s="281">
        <v>8</v>
      </c>
      <c r="AC16" s="281">
        <v>10</v>
      </c>
      <c r="AD16" s="281">
        <v>7</v>
      </c>
      <c r="AE16" s="281">
        <v>4</v>
      </c>
      <c r="AF16" s="281">
        <v>0</v>
      </c>
      <c r="AG16" s="278">
        <v>29</v>
      </c>
      <c r="AH16" s="283">
        <v>29</v>
      </c>
      <c r="AI16" s="277">
        <v>0</v>
      </c>
      <c r="AJ16" s="281">
        <v>0</v>
      </c>
      <c r="AK16" s="278">
        <v>0</v>
      </c>
      <c r="AL16" s="280">
        <v>0</v>
      </c>
      <c r="AM16" s="281">
        <v>0</v>
      </c>
      <c r="AN16" s="281">
        <v>0</v>
      </c>
      <c r="AO16" s="281">
        <v>0</v>
      </c>
      <c r="AP16" s="281">
        <v>0</v>
      </c>
      <c r="AQ16" s="281">
        <v>0</v>
      </c>
      <c r="AR16" s="278">
        <v>0</v>
      </c>
      <c r="AS16" s="283">
        <v>0</v>
      </c>
      <c r="AT16" s="277">
        <v>0</v>
      </c>
      <c r="AU16" s="281">
        <v>0</v>
      </c>
      <c r="AV16" s="278">
        <v>0</v>
      </c>
      <c r="AW16" s="280">
        <v>0</v>
      </c>
      <c r="AX16" s="281">
        <v>0</v>
      </c>
      <c r="AY16" s="281">
        <v>1</v>
      </c>
      <c r="AZ16" s="281">
        <v>0</v>
      </c>
      <c r="BA16" s="281">
        <v>0</v>
      </c>
      <c r="BB16" s="281">
        <v>0</v>
      </c>
      <c r="BC16" s="278">
        <v>1</v>
      </c>
      <c r="BD16" s="283">
        <v>1</v>
      </c>
      <c r="BE16" s="277">
        <v>0</v>
      </c>
      <c r="BF16" s="281">
        <v>0</v>
      </c>
      <c r="BG16" s="278">
        <v>0</v>
      </c>
      <c r="BH16" s="280">
        <v>0</v>
      </c>
      <c r="BI16" s="281">
        <v>0</v>
      </c>
      <c r="BJ16" s="281">
        <v>0</v>
      </c>
      <c r="BK16" s="281">
        <v>2</v>
      </c>
      <c r="BL16" s="281">
        <v>0</v>
      </c>
      <c r="BM16" s="281">
        <v>0</v>
      </c>
      <c r="BN16" s="282">
        <v>2</v>
      </c>
      <c r="BO16" s="283">
        <v>2</v>
      </c>
      <c r="BP16" s="277">
        <v>0</v>
      </c>
      <c r="BQ16" s="281">
        <v>0</v>
      </c>
      <c r="BR16" s="278">
        <v>0</v>
      </c>
      <c r="BS16" s="280">
        <v>0</v>
      </c>
      <c r="BT16" s="281">
        <v>0</v>
      </c>
      <c r="BU16" s="281">
        <v>0</v>
      </c>
      <c r="BV16" s="281">
        <v>2</v>
      </c>
      <c r="BW16" s="281">
        <v>1</v>
      </c>
      <c r="BX16" s="281">
        <v>0</v>
      </c>
      <c r="BY16" s="278">
        <v>3</v>
      </c>
      <c r="BZ16" s="283">
        <v>3</v>
      </c>
      <c r="CA16" s="277">
        <v>0</v>
      </c>
      <c r="CB16" s="281">
        <v>0</v>
      </c>
      <c r="CC16" s="278">
        <v>0</v>
      </c>
      <c r="CD16" s="280">
        <v>0</v>
      </c>
      <c r="CE16" s="281">
        <v>0</v>
      </c>
      <c r="CF16" s="281">
        <v>0</v>
      </c>
      <c r="CG16" s="281">
        <v>0</v>
      </c>
      <c r="CH16" s="281">
        <v>0</v>
      </c>
      <c r="CI16" s="281">
        <v>0</v>
      </c>
      <c r="CJ16" s="278">
        <v>0</v>
      </c>
      <c r="CK16" s="283">
        <v>0</v>
      </c>
      <c r="CL16" s="277">
        <v>0</v>
      </c>
      <c r="CM16" s="281">
        <v>0</v>
      </c>
      <c r="CN16" s="278">
        <v>0</v>
      </c>
      <c r="CO16" s="280">
        <v>0</v>
      </c>
      <c r="CP16" s="281">
        <v>0</v>
      </c>
      <c r="CQ16" s="281">
        <v>0</v>
      </c>
      <c r="CR16" s="281">
        <v>0</v>
      </c>
      <c r="CS16" s="281">
        <v>0</v>
      </c>
      <c r="CT16" s="281">
        <v>0</v>
      </c>
      <c r="CU16" s="278">
        <v>0</v>
      </c>
      <c r="CV16" s="283">
        <v>0</v>
      </c>
    </row>
    <row r="17" spans="1:100" ht="21" customHeight="1" x14ac:dyDescent="0.2">
      <c r="A17" s="262" t="s">
        <v>15</v>
      </c>
      <c r="B17" s="277">
        <v>0</v>
      </c>
      <c r="C17" s="278">
        <v>0</v>
      </c>
      <c r="D17" s="279">
        <v>0</v>
      </c>
      <c r="E17" s="280">
        <v>0</v>
      </c>
      <c r="F17" s="281">
        <v>0</v>
      </c>
      <c r="G17" s="281">
        <v>0</v>
      </c>
      <c r="H17" s="281">
        <v>0</v>
      </c>
      <c r="I17" s="281">
        <v>0</v>
      </c>
      <c r="J17" s="281">
        <v>0</v>
      </c>
      <c r="K17" s="282">
        <v>0</v>
      </c>
      <c r="L17" s="283">
        <v>0</v>
      </c>
      <c r="M17" s="277">
        <v>0</v>
      </c>
      <c r="N17" s="281">
        <v>0</v>
      </c>
      <c r="O17" s="278">
        <v>0</v>
      </c>
      <c r="P17" s="280">
        <v>0</v>
      </c>
      <c r="Q17" s="281">
        <v>0</v>
      </c>
      <c r="R17" s="281">
        <v>0</v>
      </c>
      <c r="S17" s="281">
        <v>0</v>
      </c>
      <c r="T17" s="281">
        <v>0</v>
      </c>
      <c r="U17" s="281">
        <v>0</v>
      </c>
      <c r="V17" s="278">
        <v>0</v>
      </c>
      <c r="W17" s="283">
        <v>0</v>
      </c>
      <c r="X17" s="277">
        <v>0</v>
      </c>
      <c r="Y17" s="281">
        <v>0</v>
      </c>
      <c r="Z17" s="278">
        <v>0</v>
      </c>
      <c r="AA17" s="280">
        <v>0</v>
      </c>
      <c r="AB17" s="281">
        <v>9</v>
      </c>
      <c r="AC17" s="281">
        <v>7</v>
      </c>
      <c r="AD17" s="281">
        <v>1</v>
      </c>
      <c r="AE17" s="281">
        <v>3</v>
      </c>
      <c r="AF17" s="281">
        <v>0</v>
      </c>
      <c r="AG17" s="278">
        <v>20</v>
      </c>
      <c r="AH17" s="283">
        <v>20</v>
      </c>
      <c r="AI17" s="277">
        <v>0</v>
      </c>
      <c r="AJ17" s="281">
        <v>0</v>
      </c>
      <c r="AK17" s="278">
        <v>0</v>
      </c>
      <c r="AL17" s="280">
        <v>0</v>
      </c>
      <c r="AM17" s="281">
        <v>0</v>
      </c>
      <c r="AN17" s="281">
        <v>0</v>
      </c>
      <c r="AO17" s="281">
        <v>0</v>
      </c>
      <c r="AP17" s="281">
        <v>0</v>
      </c>
      <c r="AQ17" s="281">
        <v>0</v>
      </c>
      <c r="AR17" s="278">
        <v>0</v>
      </c>
      <c r="AS17" s="283">
        <v>0</v>
      </c>
      <c r="AT17" s="277">
        <v>0</v>
      </c>
      <c r="AU17" s="281">
        <v>0</v>
      </c>
      <c r="AV17" s="278">
        <v>0</v>
      </c>
      <c r="AW17" s="280">
        <v>0</v>
      </c>
      <c r="AX17" s="281">
        <v>0</v>
      </c>
      <c r="AY17" s="281">
        <v>0</v>
      </c>
      <c r="AZ17" s="281">
        <v>0</v>
      </c>
      <c r="BA17" s="281">
        <v>0</v>
      </c>
      <c r="BB17" s="281">
        <v>0</v>
      </c>
      <c r="BC17" s="278">
        <v>0</v>
      </c>
      <c r="BD17" s="283">
        <v>0</v>
      </c>
      <c r="BE17" s="277">
        <v>0</v>
      </c>
      <c r="BF17" s="281">
        <v>0</v>
      </c>
      <c r="BG17" s="278">
        <v>0</v>
      </c>
      <c r="BH17" s="280">
        <v>0</v>
      </c>
      <c r="BI17" s="281">
        <v>0</v>
      </c>
      <c r="BJ17" s="281">
        <v>1</v>
      </c>
      <c r="BK17" s="281">
        <v>1</v>
      </c>
      <c r="BL17" s="281">
        <v>1</v>
      </c>
      <c r="BM17" s="281">
        <v>1</v>
      </c>
      <c r="BN17" s="282">
        <v>4</v>
      </c>
      <c r="BO17" s="283">
        <v>4</v>
      </c>
      <c r="BP17" s="277">
        <v>0</v>
      </c>
      <c r="BQ17" s="281">
        <v>0</v>
      </c>
      <c r="BR17" s="278">
        <v>0</v>
      </c>
      <c r="BS17" s="280">
        <v>0</v>
      </c>
      <c r="BT17" s="281">
        <v>0</v>
      </c>
      <c r="BU17" s="281">
        <v>0</v>
      </c>
      <c r="BV17" s="281">
        <v>0</v>
      </c>
      <c r="BW17" s="281">
        <v>0</v>
      </c>
      <c r="BX17" s="281">
        <v>0</v>
      </c>
      <c r="BY17" s="278">
        <v>0</v>
      </c>
      <c r="BZ17" s="283">
        <v>0</v>
      </c>
      <c r="CA17" s="277">
        <v>0</v>
      </c>
      <c r="CB17" s="281">
        <v>0</v>
      </c>
      <c r="CC17" s="278">
        <v>0</v>
      </c>
      <c r="CD17" s="280">
        <v>0</v>
      </c>
      <c r="CE17" s="281">
        <v>0</v>
      </c>
      <c r="CF17" s="281">
        <v>0</v>
      </c>
      <c r="CG17" s="281">
        <v>0</v>
      </c>
      <c r="CH17" s="281">
        <v>0</v>
      </c>
      <c r="CI17" s="281">
        <v>0</v>
      </c>
      <c r="CJ17" s="278">
        <v>0</v>
      </c>
      <c r="CK17" s="283">
        <v>0</v>
      </c>
      <c r="CL17" s="277">
        <v>0</v>
      </c>
      <c r="CM17" s="281">
        <v>0</v>
      </c>
      <c r="CN17" s="278">
        <v>0</v>
      </c>
      <c r="CO17" s="280">
        <v>0</v>
      </c>
      <c r="CP17" s="281">
        <v>0</v>
      </c>
      <c r="CQ17" s="281">
        <v>0</v>
      </c>
      <c r="CR17" s="281">
        <v>0</v>
      </c>
      <c r="CS17" s="281">
        <v>0</v>
      </c>
      <c r="CT17" s="281">
        <v>0</v>
      </c>
      <c r="CU17" s="278">
        <v>0</v>
      </c>
      <c r="CV17" s="283">
        <v>0</v>
      </c>
    </row>
    <row r="18" spans="1:100" ht="21" customHeight="1" x14ac:dyDescent="0.2">
      <c r="A18" s="262" t="s">
        <v>16</v>
      </c>
      <c r="B18" s="277">
        <v>0</v>
      </c>
      <c r="C18" s="278">
        <v>0</v>
      </c>
      <c r="D18" s="279">
        <v>0</v>
      </c>
      <c r="E18" s="280">
        <v>0</v>
      </c>
      <c r="F18" s="281">
        <v>0</v>
      </c>
      <c r="G18" s="281">
        <v>0</v>
      </c>
      <c r="H18" s="281">
        <v>0</v>
      </c>
      <c r="I18" s="281">
        <v>0</v>
      </c>
      <c r="J18" s="281">
        <v>1</v>
      </c>
      <c r="K18" s="282">
        <v>1</v>
      </c>
      <c r="L18" s="283">
        <v>1</v>
      </c>
      <c r="M18" s="277">
        <v>0</v>
      </c>
      <c r="N18" s="281">
        <v>0</v>
      </c>
      <c r="O18" s="278">
        <v>0</v>
      </c>
      <c r="P18" s="280">
        <v>0</v>
      </c>
      <c r="Q18" s="281">
        <v>0</v>
      </c>
      <c r="R18" s="281">
        <v>0</v>
      </c>
      <c r="S18" s="281">
        <v>1</v>
      </c>
      <c r="T18" s="281">
        <v>0</v>
      </c>
      <c r="U18" s="281">
        <v>0</v>
      </c>
      <c r="V18" s="278">
        <v>1</v>
      </c>
      <c r="W18" s="283">
        <v>1</v>
      </c>
      <c r="X18" s="277">
        <v>0</v>
      </c>
      <c r="Y18" s="281">
        <v>0</v>
      </c>
      <c r="Z18" s="278">
        <v>0</v>
      </c>
      <c r="AA18" s="280">
        <v>0</v>
      </c>
      <c r="AB18" s="281">
        <v>7</v>
      </c>
      <c r="AC18" s="281">
        <v>6</v>
      </c>
      <c r="AD18" s="281">
        <v>7</v>
      </c>
      <c r="AE18" s="281">
        <v>0</v>
      </c>
      <c r="AF18" s="281">
        <v>4</v>
      </c>
      <c r="AG18" s="278">
        <v>24</v>
      </c>
      <c r="AH18" s="283">
        <v>24</v>
      </c>
      <c r="AI18" s="277">
        <v>0</v>
      </c>
      <c r="AJ18" s="281">
        <v>0</v>
      </c>
      <c r="AK18" s="278">
        <v>0</v>
      </c>
      <c r="AL18" s="280">
        <v>0</v>
      </c>
      <c r="AM18" s="281">
        <v>0</v>
      </c>
      <c r="AN18" s="281">
        <v>1</v>
      </c>
      <c r="AO18" s="281">
        <v>1</v>
      </c>
      <c r="AP18" s="281">
        <v>0</v>
      </c>
      <c r="AQ18" s="281">
        <v>1</v>
      </c>
      <c r="AR18" s="278">
        <v>3</v>
      </c>
      <c r="AS18" s="283">
        <v>3</v>
      </c>
      <c r="AT18" s="277">
        <v>0</v>
      </c>
      <c r="AU18" s="281">
        <v>0</v>
      </c>
      <c r="AV18" s="278">
        <v>0</v>
      </c>
      <c r="AW18" s="280">
        <v>0</v>
      </c>
      <c r="AX18" s="281">
        <v>0</v>
      </c>
      <c r="AY18" s="281">
        <v>0</v>
      </c>
      <c r="AZ18" s="281">
        <v>0</v>
      </c>
      <c r="BA18" s="281">
        <v>0</v>
      </c>
      <c r="BB18" s="281">
        <v>1</v>
      </c>
      <c r="BC18" s="278">
        <v>1</v>
      </c>
      <c r="BD18" s="283">
        <v>1</v>
      </c>
      <c r="BE18" s="277">
        <v>0</v>
      </c>
      <c r="BF18" s="281">
        <v>0</v>
      </c>
      <c r="BG18" s="278">
        <v>0</v>
      </c>
      <c r="BH18" s="280">
        <v>0</v>
      </c>
      <c r="BI18" s="281">
        <v>1</v>
      </c>
      <c r="BJ18" s="281">
        <v>1</v>
      </c>
      <c r="BK18" s="281">
        <v>2</v>
      </c>
      <c r="BL18" s="281">
        <v>1</v>
      </c>
      <c r="BM18" s="281">
        <v>0</v>
      </c>
      <c r="BN18" s="282">
        <v>5</v>
      </c>
      <c r="BO18" s="283">
        <v>5</v>
      </c>
      <c r="BP18" s="277">
        <v>0</v>
      </c>
      <c r="BQ18" s="281">
        <v>0</v>
      </c>
      <c r="BR18" s="278">
        <v>0</v>
      </c>
      <c r="BS18" s="280">
        <v>0</v>
      </c>
      <c r="BT18" s="281">
        <v>0</v>
      </c>
      <c r="BU18" s="281">
        <v>0</v>
      </c>
      <c r="BV18" s="281">
        <v>0</v>
      </c>
      <c r="BW18" s="281">
        <v>0</v>
      </c>
      <c r="BX18" s="281">
        <v>0</v>
      </c>
      <c r="BY18" s="278">
        <v>0</v>
      </c>
      <c r="BZ18" s="283">
        <v>0</v>
      </c>
      <c r="CA18" s="277">
        <v>0</v>
      </c>
      <c r="CB18" s="281">
        <v>0</v>
      </c>
      <c r="CC18" s="278">
        <v>0</v>
      </c>
      <c r="CD18" s="280">
        <v>0</v>
      </c>
      <c r="CE18" s="281">
        <v>0</v>
      </c>
      <c r="CF18" s="281">
        <v>0</v>
      </c>
      <c r="CG18" s="281">
        <v>0</v>
      </c>
      <c r="CH18" s="281">
        <v>0</v>
      </c>
      <c r="CI18" s="281">
        <v>0</v>
      </c>
      <c r="CJ18" s="278">
        <v>0</v>
      </c>
      <c r="CK18" s="283">
        <v>0</v>
      </c>
      <c r="CL18" s="277">
        <v>0</v>
      </c>
      <c r="CM18" s="281">
        <v>0</v>
      </c>
      <c r="CN18" s="278">
        <v>0</v>
      </c>
      <c r="CO18" s="280">
        <v>0</v>
      </c>
      <c r="CP18" s="281">
        <v>0</v>
      </c>
      <c r="CQ18" s="281">
        <v>0</v>
      </c>
      <c r="CR18" s="281">
        <v>0</v>
      </c>
      <c r="CS18" s="281">
        <v>0</v>
      </c>
      <c r="CT18" s="281">
        <v>0</v>
      </c>
      <c r="CU18" s="278">
        <v>0</v>
      </c>
      <c r="CV18" s="283">
        <v>0</v>
      </c>
    </row>
    <row r="19" spans="1:100" ht="21" customHeight="1" x14ac:dyDescent="0.2">
      <c r="A19" s="262" t="s">
        <v>17</v>
      </c>
      <c r="B19" s="277">
        <v>0</v>
      </c>
      <c r="C19" s="278">
        <v>0</v>
      </c>
      <c r="D19" s="279">
        <v>0</v>
      </c>
      <c r="E19" s="280">
        <v>0</v>
      </c>
      <c r="F19" s="281">
        <v>0</v>
      </c>
      <c r="G19" s="281">
        <v>0</v>
      </c>
      <c r="H19" s="281">
        <v>0</v>
      </c>
      <c r="I19" s="281">
        <v>0</v>
      </c>
      <c r="J19" s="281">
        <v>0</v>
      </c>
      <c r="K19" s="282">
        <v>0</v>
      </c>
      <c r="L19" s="283">
        <v>0</v>
      </c>
      <c r="M19" s="277">
        <v>0</v>
      </c>
      <c r="N19" s="281">
        <v>0</v>
      </c>
      <c r="O19" s="278">
        <v>0</v>
      </c>
      <c r="P19" s="280">
        <v>0</v>
      </c>
      <c r="Q19" s="281">
        <v>0</v>
      </c>
      <c r="R19" s="281">
        <v>0</v>
      </c>
      <c r="S19" s="281">
        <v>0</v>
      </c>
      <c r="T19" s="281">
        <v>0</v>
      </c>
      <c r="U19" s="281">
        <v>0</v>
      </c>
      <c r="V19" s="278">
        <v>0</v>
      </c>
      <c r="W19" s="283">
        <v>0</v>
      </c>
      <c r="X19" s="277">
        <v>0</v>
      </c>
      <c r="Y19" s="281">
        <v>0</v>
      </c>
      <c r="Z19" s="278">
        <v>0</v>
      </c>
      <c r="AA19" s="280">
        <v>0</v>
      </c>
      <c r="AB19" s="281">
        <v>16</v>
      </c>
      <c r="AC19" s="281">
        <v>20</v>
      </c>
      <c r="AD19" s="281">
        <v>7</v>
      </c>
      <c r="AE19" s="281">
        <v>5</v>
      </c>
      <c r="AF19" s="281">
        <v>1</v>
      </c>
      <c r="AG19" s="278">
        <v>49</v>
      </c>
      <c r="AH19" s="283">
        <v>49</v>
      </c>
      <c r="AI19" s="277">
        <v>0</v>
      </c>
      <c r="AJ19" s="281">
        <v>0</v>
      </c>
      <c r="AK19" s="278">
        <v>0</v>
      </c>
      <c r="AL19" s="280">
        <v>0</v>
      </c>
      <c r="AM19" s="281">
        <v>0</v>
      </c>
      <c r="AN19" s="281">
        <v>0</v>
      </c>
      <c r="AO19" s="281">
        <v>0</v>
      </c>
      <c r="AP19" s="281">
        <v>0</v>
      </c>
      <c r="AQ19" s="281">
        <v>0</v>
      </c>
      <c r="AR19" s="278">
        <v>0</v>
      </c>
      <c r="AS19" s="283">
        <v>0</v>
      </c>
      <c r="AT19" s="277">
        <v>0</v>
      </c>
      <c r="AU19" s="281">
        <v>0</v>
      </c>
      <c r="AV19" s="278">
        <v>0</v>
      </c>
      <c r="AW19" s="280">
        <v>0</v>
      </c>
      <c r="AX19" s="281">
        <v>0</v>
      </c>
      <c r="AY19" s="281">
        <v>2</v>
      </c>
      <c r="AZ19" s="281">
        <v>1</v>
      </c>
      <c r="BA19" s="281">
        <v>2</v>
      </c>
      <c r="BB19" s="281">
        <v>0</v>
      </c>
      <c r="BC19" s="278">
        <v>5</v>
      </c>
      <c r="BD19" s="283">
        <v>5</v>
      </c>
      <c r="BE19" s="277">
        <v>0</v>
      </c>
      <c r="BF19" s="281">
        <v>0</v>
      </c>
      <c r="BG19" s="278">
        <v>0</v>
      </c>
      <c r="BH19" s="280">
        <v>0</v>
      </c>
      <c r="BI19" s="281">
        <v>2</v>
      </c>
      <c r="BJ19" s="281">
        <v>5</v>
      </c>
      <c r="BK19" s="281">
        <v>3</v>
      </c>
      <c r="BL19" s="281">
        <v>3</v>
      </c>
      <c r="BM19" s="281">
        <v>3</v>
      </c>
      <c r="BN19" s="282">
        <v>16</v>
      </c>
      <c r="BO19" s="283">
        <v>16</v>
      </c>
      <c r="BP19" s="277">
        <v>0</v>
      </c>
      <c r="BQ19" s="281">
        <v>0</v>
      </c>
      <c r="BR19" s="278">
        <v>0</v>
      </c>
      <c r="BS19" s="280">
        <v>0</v>
      </c>
      <c r="BT19" s="281">
        <v>0</v>
      </c>
      <c r="BU19" s="281">
        <v>0</v>
      </c>
      <c r="BV19" s="281">
        <v>0</v>
      </c>
      <c r="BW19" s="281">
        <v>0</v>
      </c>
      <c r="BX19" s="281">
        <v>0</v>
      </c>
      <c r="BY19" s="278">
        <v>0</v>
      </c>
      <c r="BZ19" s="283">
        <v>0</v>
      </c>
      <c r="CA19" s="277">
        <v>0</v>
      </c>
      <c r="CB19" s="281">
        <v>0</v>
      </c>
      <c r="CC19" s="278">
        <v>0</v>
      </c>
      <c r="CD19" s="280">
        <v>0</v>
      </c>
      <c r="CE19" s="281">
        <v>0</v>
      </c>
      <c r="CF19" s="281">
        <v>0</v>
      </c>
      <c r="CG19" s="281">
        <v>3</v>
      </c>
      <c r="CH19" s="281">
        <v>1</v>
      </c>
      <c r="CI19" s="281">
        <v>3</v>
      </c>
      <c r="CJ19" s="278">
        <v>7</v>
      </c>
      <c r="CK19" s="283">
        <v>7</v>
      </c>
      <c r="CL19" s="277">
        <v>0</v>
      </c>
      <c r="CM19" s="281">
        <v>0</v>
      </c>
      <c r="CN19" s="278">
        <v>0</v>
      </c>
      <c r="CO19" s="280">
        <v>0</v>
      </c>
      <c r="CP19" s="281">
        <v>0</v>
      </c>
      <c r="CQ19" s="281">
        <v>0</v>
      </c>
      <c r="CR19" s="281">
        <v>0</v>
      </c>
      <c r="CS19" s="281">
        <v>0</v>
      </c>
      <c r="CT19" s="281">
        <v>0</v>
      </c>
      <c r="CU19" s="278">
        <v>0</v>
      </c>
      <c r="CV19" s="283">
        <v>0</v>
      </c>
    </row>
    <row r="20" spans="1:100" ht="21" customHeight="1" x14ac:dyDescent="0.2">
      <c r="A20" s="262" t="s">
        <v>18</v>
      </c>
      <c r="B20" s="277">
        <v>0</v>
      </c>
      <c r="C20" s="278">
        <v>0</v>
      </c>
      <c r="D20" s="279">
        <v>0</v>
      </c>
      <c r="E20" s="280">
        <v>0</v>
      </c>
      <c r="F20" s="281">
        <v>0</v>
      </c>
      <c r="G20" s="281">
        <v>0</v>
      </c>
      <c r="H20" s="281">
        <v>0</v>
      </c>
      <c r="I20" s="281">
        <v>0</v>
      </c>
      <c r="J20" s="281">
        <v>1</v>
      </c>
      <c r="K20" s="282">
        <v>1</v>
      </c>
      <c r="L20" s="283">
        <v>1</v>
      </c>
      <c r="M20" s="277">
        <v>0</v>
      </c>
      <c r="N20" s="281">
        <v>0</v>
      </c>
      <c r="O20" s="278">
        <v>0</v>
      </c>
      <c r="P20" s="280">
        <v>0</v>
      </c>
      <c r="Q20" s="281">
        <v>0</v>
      </c>
      <c r="R20" s="281">
        <v>0</v>
      </c>
      <c r="S20" s="281">
        <v>0</v>
      </c>
      <c r="T20" s="281">
        <v>0</v>
      </c>
      <c r="U20" s="281">
        <v>0</v>
      </c>
      <c r="V20" s="278">
        <v>0</v>
      </c>
      <c r="W20" s="283">
        <v>0</v>
      </c>
      <c r="X20" s="277">
        <v>0</v>
      </c>
      <c r="Y20" s="281">
        <v>0</v>
      </c>
      <c r="Z20" s="278">
        <v>0</v>
      </c>
      <c r="AA20" s="280">
        <v>0</v>
      </c>
      <c r="AB20" s="281">
        <v>24</v>
      </c>
      <c r="AC20" s="281">
        <v>17</v>
      </c>
      <c r="AD20" s="281">
        <v>6</v>
      </c>
      <c r="AE20" s="281">
        <v>0</v>
      </c>
      <c r="AF20" s="281">
        <v>0</v>
      </c>
      <c r="AG20" s="278">
        <v>47</v>
      </c>
      <c r="AH20" s="283">
        <v>47</v>
      </c>
      <c r="AI20" s="277">
        <v>0</v>
      </c>
      <c r="AJ20" s="281">
        <v>0</v>
      </c>
      <c r="AK20" s="278">
        <v>0</v>
      </c>
      <c r="AL20" s="280">
        <v>0</v>
      </c>
      <c r="AM20" s="281">
        <v>0</v>
      </c>
      <c r="AN20" s="281">
        <v>0</v>
      </c>
      <c r="AO20" s="281">
        <v>3</v>
      </c>
      <c r="AP20" s="281">
        <v>0</v>
      </c>
      <c r="AQ20" s="281">
        <v>0</v>
      </c>
      <c r="AR20" s="278">
        <v>3</v>
      </c>
      <c r="AS20" s="283">
        <v>3</v>
      </c>
      <c r="AT20" s="277">
        <v>0</v>
      </c>
      <c r="AU20" s="281">
        <v>0</v>
      </c>
      <c r="AV20" s="278">
        <v>0</v>
      </c>
      <c r="AW20" s="280">
        <v>0</v>
      </c>
      <c r="AX20" s="281">
        <v>2</v>
      </c>
      <c r="AY20" s="281">
        <v>3</v>
      </c>
      <c r="AZ20" s="281">
        <v>0</v>
      </c>
      <c r="BA20" s="281">
        <v>1</v>
      </c>
      <c r="BB20" s="281">
        <v>1</v>
      </c>
      <c r="BC20" s="278">
        <v>7</v>
      </c>
      <c r="BD20" s="283">
        <v>7</v>
      </c>
      <c r="BE20" s="277">
        <v>0</v>
      </c>
      <c r="BF20" s="281">
        <v>0</v>
      </c>
      <c r="BG20" s="278">
        <v>0</v>
      </c>
      <c r="BH20" s="280">
        <v>0</v>
      </c>
      <c r="BI20" s="281">
        <v>0</v>
      </c>
      <c r="BJ20" s="281">
        <v>3</v>
      </c>
      <c r="BK20" s="281">
        <v>1</v>
      </c>
      <c r="BL20" s="281">
        <v>0</v>
      </c>
      <c r="BM20" s="281">
        <v>1</v>
      </c>
      <c r="BN20" s="282">
        <v>5</v>
      </c>
      <c r="BO20" s="283">
        <v>5</v>
      </c>
      <c r="BP20" s="277">
        <v>0</v>
      </c>
      <c r="BQ20" s="281">
        <v>0</v>
      </c>
      <c r="BR20" s="278">
        <v>0</v>
      </c>
      <c r="BS20" s="280">
        <v>0</v>
      </c>
      <c r="BT20" s="281">
        <v>0</v>
      </c>
      <c r="BU20" s="281">
        <v>0</v>
      </c>
      <c r="BV20" s="281">
        <v>0</v>
      </c>
      <c r="BW20" s="281">
        <v>0</v>
      </c>
      <c r="BX20" s="281">
        <v>0</v>
      </c>
      <c r="BY20" s="278">
        <v>0</v>
      </c>
      <c r="BZ20" s="283">
        <v>0</v>
      </c>
      <c r="CA20" s="277">
        <v>0</v>
      </c>
      <c r="CB20" s="281">
        <v>0</v>
      </c>
      <c r="CC20" s="278">
        <v>0</v>
      </c>
      <c r="CD20" s="280">
        <v>0</v>
      </c>
      <c r="CE20" s="281">
        <v>0</v>
      </c>
      <c r="CF20" s="281">
        <v>0</v>
      </c>
      <c r="CG20" s="281">
        <v>0</v>
      </c>
      <c r="CH20" s="281">
        <v>1</v>
      </c>
      <c r="CI20" s="281">
        <v>0</v>
      </c>
      <c r="CJ20" s="278">
        <v>1</v>
      </c>
      <c r="CK20" s="283">
        <v>1</v>
      </c>
      <c r="CL20" s="277">
        <v>0</v>
      </c>
      <c r="CM20" s="281">
        <v>0</v>
      </c>
      <c r="CN20" s="278">
        <v>0</v>
      </c>
      <c r="CO20" s="280">
        <v>0</v>
      </c>
      <c r="CP20" s="281">
        <v>0</v>
      </c>
      <c r="CQ20" s="281">
        <v>1</v>
      </c>
      <c r="CR20" s="281">
        <v>1</v>
      </c>
      <c r="CS20" s="281">
        <v>2</v>
      </c>
      <c r="CT20" s="281">
        <v>2</v>
      </c>
      <c r="CU20" s="278">
        <v>6</v>
      </c>
      <c r="CV20" s="283">
        <v>6</v>
      </c>
    </row>
    <row r="21" spans="1:100" ht="21" customHeight="1" x14ac:dyDescent="0.2">
      <c r="A21" s="262" t="s">
        <v>19</v>
      </c>
      <c r="B21" s="277">
        <v>0</v>
      </c>
      <c r="C21" s="278">
        <v>0</v>
      </c>
      <c r="D21" s="279">
        <v>0</v>
      </c>
      <c r="E21" s="280">
        <v>0</v>
      </c>
      <c r="F21" s="281">
        <v>0</v>
      </c>
      <c r="G21" s="281">
        <v>0</v>
      </c>
      <c r="H21" s="281">
        <v>0</v>
      </c>
      <c r="I21" s="281">
        <v>2</v>
      </c>
      <c r="J21" s="281">
        <v>0</v>
      </c>
      <c r="K21" s="282">
        <v>2</v>
      </c>
      <c r="L21" s="283">
        <v>2</v>
      </c>
      <c r="M21" s="277">
        <v>0</v>
      </c>
      <c r="N21" s="281">
        <v>0</v>
      </c>
      <c r="O21" s="278">
        <v>0</v>
      </c>
      <c r="P21" s="280">
        <v>0</v>
      </c>
      <c r="Q21" s="281">
        <v>0</v>
      </c>
      <c r="R21" s="281">
        <v>0</v>
      </c>
      <c r="S21" s="281">
        <v>1</v>
      </c>
      <c r="T21" s="281">
        <v>1</v>
      </c>
      <c r="U21" s="281">
        <v>0</v>
      </c>
      <c r="V21" s="278">
        <v>2</v>
      </c>
      <c r="W21" s="283">
        <v>2</v>
      </c>
      <c r="X21" s="277">
        <v>0</v>
      </c>
      <c r="Y21" s="281">
        <v>0</v>
      </c>
      <c r="Z21" s="278">
        <v>0</v>
      </c>
      <c r="AA21" s="280">
        <v>0</v>
      </c>
      <c r="AB21" s="281">
        <v>7</v>
      </c>
      <c r="AC21" s="281">
        <v>4</v>
      </c>
      <c r="AD21" s="281">
        <v>5</v>
      </c>
      <c r="AE21" s="281">
        <v>1</v>
      </c>
      <c r="AF21" s="281">
        <v>0</v>
      </c>
      <c r="AG21" s="278">
        <v>17</v>
      </c>
      <c r="AH21" s="283">
        <v>17</v>
      </c>
      <c r="AI21" s="277">
        <v>0</v>
      </c>
      <c r="AJ21" s="281">
        <v>0</v>
      </c>
      <c r="AK21" s="278">
        <v>0</v>
      </c>
      <c r="AL21" s="280">
        <v>0</v>
      </c>
      <c r="AM21" s="281">
        <v>1</v>
      </c>
      <c r="AN21" s="281">
        <v>3</v>
      </c>
      <c r="AO21" s="281">
        <v>1</v>
      </c>
      <c r="AP21" s="281">
        <v>0</v>
      </c>
      <c r="AQ21" s="281">
        <v>0</v>
      </c>
      <c r="AR21" s="278">
        <v>5</v>
      </c>
      <c r="AS21" s="283">
        <v>5</v>
      </c>
      <c r="AT21" s="277">
        <v>0</v>
      </c>
      <c r="AU21" s="281">
        <v>0</v>
      </c>
      <c r="AV21" s="278">
        <v>0</v>
      </c>
      <c r="AW21" s="280">
        <v>0</v>
      </c>
      <c r="AX21" s="281">
        <v>1</v>
      </c>
      <c r="AY21" s="281">
        <v>1</v>
      </c>
      <c r="AZ21" s="281">
        <v>1</v>
      </c>
      <c r="BA21" s="281">
        <v>2</v>
      </c>
      <c r="BB21" s="281">
        <v>1</v>
      </c>
      <c r="BC21" s="278">
        <v>6</v>
      </c>
      <c r="BD21" s="283">
        <v>6</v>
      </c>
      <c r="BE21" s="277">
        <v>0</v>
      </c>
      <c r="BF21" s="281">
        <v>0</v>
      </c>
      <c r="BG21" s="278">
        <v>0</v>
      </c>
      <c r="BH21" s="280">
        <v>0</v>
      </c>
      <c r="BI21" s="281">
        <v>0</v>
      </c>
      <c r="BJ21" s="281">
        <v>2</v>
      </c>
      <c r="BK21" s="281">
        <v>0</v>
      </c>
      <c r="BL21" s="281">
        <v>1</v>
      </c>
      <c r="BM21" s="281">
        <v>0</v>
      </c>
      <c r="BN21" s="282">
        <v>3</v>
      </c>
      <c r="BO21" s="283">
        <v>3</v>
      </c>
      <c r="BP21" s="277">
        <v>0</v>
      </c>
      <c r="BQ21" s="281">
        <v>0</v>
      </c>
      <c r="BR21" s="278">
        <v>0</v>
      </c>
      <c r="BS21" s="280">
        <v>0</v>
      </c>
      <c r="BT21" s="281">
        <v>0</v>
      </c>
      <c r="BU21" s="281">
        <v>0</v>
      </c>
      <c r="BV21" s="281">
        <v>0</v>
      </c>
      <c r="BW21" s="281">
        <v>0</v>
      </c>
      <c r="BX21" s="281">
        <v>0</v>
      </c>
      <c r="BY21" s="278">
        <v>0</v>
      </c>
      <c r="BZ21" s="283">
        <v>0</v>
      </c>
      <c r="CA21" s="277">
        <v>0</v>
      </c>
      <c r="CB21" s="281">
        <v>0</v>
      </c>
      <c r="CC21" s="278">
        <v>0</v>
      </c>
      <c r="CD21" s="280">
        <v>0</v>
      </c>
      <c r="CE21" s="281">
        <v>0</v>
      </c>
      <c r="CF21" s="281">
        <v>0</v>
      </c>
      <c r="CG21" s="281">
        <v>0</v>
      </c>
      <c r="CH21" s="281">
        <v>0</v>
      </c>
      <c r="CI21" s="281">
        <v>0</v>
      </c>
      <c r="CJ21" s="278">
        <v>0</v>
      </c>
      <c r="CK21" s="283">
        <v>0</v>
      </c>
      <c r="CL21" s="277">
        <v>0</v>
      </c>
      <c r="CM21" s="281">
        <v>0</v>
      </c>
      <c r="CN21" s="278">
        <v>0</v>
      </c>
      <c r="CO21" s="280">
        <v>0</v>
      </c>
      <c r="CP21" s="281">
        <v>0</v>
      </c>
      <c r="CQ21" s="281">
        <v>0</v>
      </c>
      <c r="CR21" s="281">
        <v>0</v>
      </c>
      <c r="CS21" s="281">
        <v>0</v>
      </c>
      <c r="CT21" s="281">
        <v>0</v>
      </c>
      <c r="CU21" s="278">
        <v>0</v>
      </c>
      <c r="CV21" s="283">
        <v>0</v>
      </c>
    </row>
    <row r="22" spans="1:100" ht="21" customHeight="1" x14ac:dyDescent="0.2">
      <c r="A22" s="262" t="s">
        <v>20</v>
      </c>
      <c r="B22" s="277">
        <v>0</v>
      </c>
      <c r="C22" s="278">
        <v>0</v>
      </c>
      <c r="D22" s="279">
        <v>0</v>
      </c>
      <c r="E22" s="280">
        <v>0</v>
      </c>
      <c r="F22" s="281">
        <v>0</v>
      </c>
      <c r="G22" s="281">
        <v>0</v>
      </c>
      <c r="H22" s="281">
        <v>0</v>
      </c>
      <c r="I22" s="281">
        <v>0</v>
      </c>
      <c r="J22" s="281">
        <v>0</v>
      </c>
      <c r="K22" s="282">
        <v>0</v>
      </c>
      <c r="L22" s="283">
        <v>0</v>
      </c>
      <c r="M22" s="277">
        <v>0</v>
      </c>
      <c r="N22" s="281">
        <v>0</v>
      </c>
      <c r="O22" s="278">
        <v>0</v>
      </c>
      <c r="P22" s="280">
        <v>0</v>
      </c>
      <c r="Q22" s="281">
        <v>0</v>
      </c>
      <c r="R22" s="281">
        <v>0</v>
      </c>
      <c r="S22" s="281">
        <v>0</v>
      </c>
      <c r="T22" s="281">
        <v>0</v>
      </c>
      <c r="U22" s="281">
        <v>0</v>
      </c>
      <c r="V22" s="278">
        <v>0</v>
      </c>
      <c r="W22" s="283">
        <v>0</v>
      </c>
      <c r="X22" s="277">
        <v>0</v>
      </c>
      <c r="Y22" s="281">
        <v>0</v>
      </c>
      <c r="Z22" s="278">
        <v>0</v>
      </c>
      <c r="AA22" s="280">
        <v>0</v>
      </c>
      <c r="AB22" s="281">
        <v>9</v>
      </c>
      <c r="AC22" s="281">
        <v>6</v>
      </c>
      <c r="AD22" s="281">
        <v>0</v>
      </c>
      <c r="AE22" s="281">
        <v>1</v>
      </c>
      <c r="AF22" s="281">
        <v>0</v>
      </c>
      <c r="AG22" s="278">
        <v>16</v>
      </c>
      <c r="AH22" s="283">
        <v>16</v>
      </c>
      <c r="AI22" s="277">
        <v>0</v>
      </c>
      <c r="AJ22" s="281">
        <v>0</v>
      </c>
      <c r="AK22" s="278">
        <v>0</v>
      </c>
      <c r="AL22" s="280">
        <v>0</v>
      </c>
      <c r="AM22" s="281">
        <v>0</v>
      </c>
      <c r="AN22" s="281">
        <v>0</v>
      </c>
      <c r="AO22" s="281">
        <v>0</v>
      </c>
      <c r="AP22" s="281">
        <v>1</v>
      </c>
      <c r="AQ22" s="281">
        <v>0</v>
      </c>
      <c r="AR22" s="278">
        <v>1</v>
      </c>
      <c r="AS22" s="283">
        <v>1</v>
      </c>
      <c r="AT22" s="277">
        <v>0</v>
      </c>
      <c r="AU22" s="281">
        <v>0</v>
      </c>
      <c r="AV22" s="278">
        <v>0</v>
      </c>
      <c r="AW22" s="280">
        <v>0</v>
      </c>
      <c r="AX22" s="281">
        <v>0</v>
      </c>
      <c r="AY22" s="281">
        <v>1</v>
      </c>
      <c r="AZ22" s="281">
        <v>0</v>
      </c>
      <c r="BA22" s="281">
        <v>0</v>
      </c>
      <c r="BB22" s="281">
        <v>0</v>
      </c>
      <c r="BC22" s="278">
        <v>1</v>
      </c>
      <c r="BD22" s="283">
        <v>1</v>
      </c>
      <c r="BE22" s="277">
        <v>0</v>
      </c>
      <c r="BF22" s="281">
        <v>0</v>
      </c>
      <c r="BG22" s="278">
        <v>0</v>
      </c>
      <c r="BH22" s="280">
        <v>0</v>
      </c>
      <c r="BI22" s="281">
        <v>2</v>
      </c>
      <c r="BJ22" s="281">
        <v>1</v>
      </c>
      <c r="BK22" s="281">
        <v>1</v>
      </c>
      <c r="BL22" s="281">
        <v>1</v>
      </c>
      <c r="BM22" s="281">
        <v>0</v>
      </c>
      <c r="BN22" s="282">
        <v>5</v>
      </c>
      <c r="BO22" s="283">
        <v>5</v>
      </c>
      <c r="BP22" s="277">
        <v>0</v>
      </c>
      <c r="BQ22" s="281">
        <v>0</v>
      </c>
      <c r="BR22" s="278">
        <v>0</v>
      </c>
      <c r="BS22" s="280">
        <v>0</v>
      </c>
      <c r="BT22" s="281">
        <v>0</v>
      </c>
      <c r="BU22" s="281">
        <v>0</v>
      </c>
      <c r="BV22" s="281">
        <v>0</v>
      </c>
      <c r="BW22" s="281">
        <v>0</v>
      </c>
      <c r="BX22" s="281">
        <v>0</v>
      </c>
      <c r="BY22" s="278">
        <v>0</v>
      </c>
      <c r="BZ22" s="283">
        <v>0</v>
      </c>
      <c r="CA22" s="277">
        <v>0</v>
      </c>
      <c r="CB22" s="281">
        <v>0</v>
      </c>
      <c r="CC22" s="278">
        <v>0</v>
      </c>
      <c r="CD22" s="280">
        <v>0</v>
      </c>
      <c r="CE22" s="281">
        <v>0</v>
      </c>
      <c r="CF22" s="281">
        <v>0</v>
      </c>
      <c r="CG22" s="281">
        <v>0</v>
      </c>
      <c r="CH22" s="281">
        <v>0</v>
      </c>
      <c r="CI22" s="281">
        <v>0</v>
      </c>
      <c r="CJ22" s="278">
        <v>0</v>
      </c>
      <c r="CK22" s="283">
        <v>0</v>
      </c>
      <c r="CL22" s="277">
        <v>0</v>
      </c>
      <c r="CM22" s="281">
        <v>0</v>
      </c>
      <c r="CN22" s="278">
        <v>0</v>
      </c>
      <c r="CO22" s="280">
        <v>0</v>
      </c>
      <c r="CP22" s="281">
        <v>0</v>
      </c>
      <c r="CQ22" s="281">
        <v>0</v>
      </c>
      <c r="CR22" s="281">
        <v>0</v>
      </c>
      <c r="CS22" s="281">
        <v>0</v>
      </c>
      <c r="CT22" s="281">
        <v>0</v>
      </c>
      <c r="CU22" s="278">
        <v>0</v>
      </c>
      <c r="CV22" s="283">
        <v>0</v>
      </c>
    </row>
    <row r="23" spans="1:100" ht="21" customHeight="1" x14ac:dyDescent="0.2">
      <c r="A23" s="262" t="s">
        <v>21</v>
      </c>
      <c r="B23" s="277">
        <v>0</v>
      </c>
      <c r="C23" s="278">
        <v>0</v>
      </c>
      <c r="D23" s="279">
        <v>0</v>
      </c>
      <c r="E23" s="280">
        <v>0</v>
      </c>
      <c r="F23" s="281">
        <v>0</v>
      </c>
      <c r="G23" s="281">
        <v>0</v>
      </c>
      <c r="H23" s="281">
        <v>0</v>
      </c>
      <c r="I23" s="281">
        <v>0</v>
      </c>
      <c r="J23" s="281">
        <v>0</v>
      </c>
      <c r="K23" s="282">
        <v>0</v>
      </c>
      <c r="L23" s="283">
        <v>0</v>
      </c>
      <c r="M23" s="277">
        <v>0</v>
      </c>
      <c r="N23" s="281">
        <v>0</v>
      </c>
      <c r="O23" s="278">
        <v>0</v>
      </c>
      <c r="P23" s="280">
        <v>0</v>
      </c>
      <c r="Q23" s="281">
        <v>0</v>
      </c>
      <c r="R23" s="281">
        <v>0</v>
      </c>
      <c r="S23" s="281">
        <v>0</v>
      </c>
      <c r="T23" s="281">
        <v>0</v>
      </c>
      <c r="U23" s="281">
        <v>0</v>
      </c>
      <c r="V23" s="278">
        <v>0</v>
      </c>
      <c r="W23" s="283">
        <v>0</v>
      </c>
      <c r="X23" s="277">
        <v>0</v>
      </c>
      <c r="Y23" s="281">
        <v>0</v>
      </c>
      <c r="Z23" s="278">
        <v>0</v>
      </c>
      <c r="AA23" s="280">
        <v>0</v>
      </c>
      <c r="AB23" s="281">
        <v>11</v>
      </c>
      <c r="AC23" s="281">
        <v>5</v>
      </c>
      <c r="AD23" s="281">
        <v>1</v>
      </c>
      <c r="AE23" s="281">
        <v>0</v>
      </c>
      <c r="AF23" s="281">
        <v>0</v>
      </c>
      <c r="AG23" s="278">
        <v>17</v>
      </c>
      <c r="AH23" s="283">
        <v>17</v>
      </c>
      <c r="AI23" s="277">
        <v>0</v>
      </c>
      <c r="AJ23" s="281">
        <v>0</v>
      </c>
      <c r="AK23" s="278">
        <v>0</v>
      </c>
      <c r="AL23" s="280">
        <v>0</v>
      </c>
      <c r="AM23" s="281">
        <v>0</v>
      </c>
      <c r="AN23" s="281">
        <v>0</v>
      </c>
      <c r="AO23" s="281">
        <v>0</v>
      </c>
      <c r="AP23" s="281">
        <v>0</v>
      </c>
      <c r="AQ23" s="281">
        <v>0</v>
      </c>
      <c r="AR23" s="278">
        <v>0</v>
      </c>
      <c r="AS23" s="283">
        <v>0</v>
      </c>
      <c r="AT23" s="277">
        <v>0</v>
      </c>
      <c r="AU23" s="281">
        <v>0</v>
      </c>
      <c r="AV23" s="278">
        <v>0</v>
      </c>
      <c r="AW23" s="280">
        <v>0</v>
      </c>
      <c r="AX23" s="281">
        <v>0</v>
      </c>
      <c r="AY23" s="281">
        <v>0</v>
      </c>
      <c r="AZ23" s="281">
        <v>1</v>
      </c>
      <c r="BA23" s="281">
        <v>0</v>
      </c>
      <c r="BB23" s="281">
        <v>0</v>
      </c>
      <c r="BC23" s="278">
        <v>1</v>
      </c>
      <c r="BD23" s="283">
        <v>1</v>
      </c>
      <c r="BE23" s="277">
        <v>0</v>
      </c>
      <c r="BF23" s="281">
        <v>0</v>
      </c>
      <c r="BG23" s="278">
        <v>0</v>
      </c>
      <c r="BH23" s="280">
        <v>0</v>
      </c>
      <c r="BI23" s="281">
        <v>1</v>
      </c>
      <c r="BJ23" s="281">
        <v>1</v>
      </c>
      <c r="BK23" s="281">
        <v>0</v>
      </c>
      <c r="BL23" s="281">
        <v>1</v>
      </c>
      <c r="BM23" s="281">
        <v>0</v>
      </c>
      <c r="BN23" s="282">
        <v>3</v>
      </c>
      <c r="BO23" s="283">
        <v>3</v>
      </c>
      <c r="BP23" s="277">
        <v>0</v>
      </c>
      <c r="BQ23" s="281">
        <v>0</v>
      </c>
      <c r="BR23" s="278">
        <v>0</v>
      </c>
      <c r="BS23" s="280">
        <v>0</v>
      </c>
      <c r="BT23" s="281">
        <v>0</v>
      </c>
      <c r="BU23" s="281">
        <v>0</v>
      </c>
      <c r="BV23" s="281">
        <v>0</v>
      </c>
      <c r="BW23" s="281">
        <v>0</v>
      </c>
      <c r="BX23" s="281">
        <v>0</v>
      </c>
      <c r="BY23" s="278">
        <v>0</v>
      </c>
      <c r="BZ23" s="283">
        <v>0</v>
      </c>
      <c r="CA23" s="277">
        <v>0</v>
      </c>
      <c r="CB23" s="281">
        <v>0</v>
      </c>
      <c r="CC23" s="278">
        <v>0</v>
      </c>
      <c r="CD23" s="280">
        <v>0</v>
      </c>
      <c r="CE23" s="281">
        <v>0</v>
      </c>
      <c r="CF23" s="281">
        <v>0</v>
      </c>
      <c r="CG23" s="281">
        <v>0</v>
      </c>
      <c r="CH23" s="281">
        <v>0</v>
      </c>
      <c r="CI23" s="281">
        <v>0</v>
      </c>
      <c r="CJ23" s="278">
        <v>0</v>
      </c>
      <c r="CK23" s="283">
        <v>0</v>
      </c>
      <c r="CL23" s="277">
        <v>0</v>
      </c>
      <c r="CM23" s="281">
        <v>0</v>
      </c>
      <c r="CN23" s="278">
        <v>0</v>
      </c>
      <c r="CO23" s="280">
        <v>0</v>
      </c>
      <c r="CP23" s="281">
        <v>0</v>
      </c>
      <c r="CQ23" s="281">
        <v>0</v>
      </c>
      <c r="CR23" s="281">
        <v>0</v>
      </c>
      <c r="CS23" s="281">
        <v>0</v>
      </c>
      <c r="CT23" s="281">
        <v>0</v>
      </c>
      <c r="CU23" s="278">
        <v>0</v>
      </c>
      <c r="CV23" s="283">
        <v>0</v>
      </c>
    </row>
    <row r="24" spans="1:100" ht="21" customHeight="1" x14ac:dyDescent="0.2">
      <c r="A24" s="262" t="s">
        <v>22</v>
      </c>
      <c r="B24" s="277">
        <v>0</v>
      </c>
      <c r="C24" s="278">
        <v>0</v>
      </c>
      <c r="D24" s="279">
        <v>0</v>
      </c>
      <c r="E24" s="280">
        <v>0</v>
      </c>
      <c r="F24" s="281">
        <v>3</v>
      </c>
      <c r="G24" s="281">
        <v>2</v>
      </c>
      <c r="H24" s="281">
        <v>0</v>
      </c>
      <c r="I24" s="281">
        <v>0</v>
      </c>
      <c r="J24" s="281">
        <v>0</v>
      </c>
      <c r="K24" s="282">
        <v>5</v>
      </c>
      <c r="L24" s="283">
        <v>5</v>
      </c>
      <c r="M24" s="277">
        <v>0</v>
      </c>
      <c r="N24" s="281">
        <v>0</v>
      </c>
      <c r="O24" s="278">
        <v>0</v>
      </c>
      <c r="P24" s="280">
        <v>0</v>
      </c>
      <c r="Q24" s="281">
        <v>0</v>
      </c>
      <c r="R24" s="281">
        <v>0</v>
      </c>
      <c r="S24" s="281">
        <v>0</v>
      </c>
      <c r="T24" s="281">
        <v>0</v>
      </c>
      <c r="U24" s="281">
        <v>0</v>
      </c>
      <c r="V24" s="278">
        <v>0</v>
      </c>
      <c r="W24" s="283">
        <v>0</v>
      </c>
      <c r="X24" s="277">
        <v>0</v>
      </c>
      <c r="Y24" s="281">
        <v>0</v>
      </c>
      <c r="Z24" s="278">
        <v>0</v>
      </c>
      <c r="AA24" s="280">
        <v>0</v>
      </c>
      <c r="AB24" s="281">
        <v>10</v>
      </c>
      <c r="AC24" s="281">
        <v>3</v>
      </c>
      <c r="AD24" s="281">
        <v>0</v>
      </c>
      <c r="AE24" s="281">
        <v>1</v>
      </c>
      <c r="AF24" s="281">
        <v>0</v>
      </c>
      <c r="AG24" s="278">
        <v>14</v>
      </c>
      <c r="AH24" s="283">
        <v>14</v>
      </c>
      <c r="AI24" s="277">
        <v>0</v>
      </c>
      <c r="AJ24" s="281">
        <v>0</v>
      </c>
      <c r="AK24" s="278">
        <v>0</v>
      </c>
      <c r="AL24" s="280">
        <v>0</v>
      </c>
      <c r="AM24" s="281">
        <v>0</v>
      </c>
      <c r="AN24" s="281">
        <v>0</v>
      </c>
      <c r="AO24" s="281">
        <v>1</v>
      </c>
      <c r="AP24" s="281">
        <v>0</v>
      </c>
      <c r="AQ24" s="281">
        <v>0</v>
      </c>
      <c r="AR24" s="278">
        <v>1</v>
      </c>
      <c r="AS24" s="283">
        <v>1</v>
      </c>
      <c r="AT24" s="277">
        <v>1</v>
      </c>
      <c r="AU24" s="281">
        <v>0</v>
      </c>
      <c r="AV24" s="278">
        <v>1</v>
      </c>
      <c r="AW24" s="280">
        <v>0</v>
      </c>
      <c r="AX24" s="281">
        <v>0</v>
      </c>
      <c r="AY24" s="281">
        <v>1</v>
      </c>
      <c r="AZ24" s="281">
        <v>0</v>
      </c>
      <c r="BA24" s="281">
        <v>0</v>
      </c>
      <c r="BB24" s="281">
        <v>0</v>
      </c>
      <c r="BC24" s="278">
        <v>1</v>
      </c>
      <c r="BD24" s="283">
        <v>2</v>
      </c>
      <c r="BE24" s="277">
        <v>0</v>
      </c>
      <c r="BF24" s="281">
        <v>0</v>
      </c>
      <c r="BG24" s="278">
        <v>0</v>
      </c>
      <c r="BH24" s="280">
        <v>0</v>
      </c>
      <c r="BI24" s="281">
        <v>0</v>
      </c>
      <c r="BJ24" s="281">
        <v>0</v>
      </c>
      <c r="BK24" s="281">
        <v>1</v>
      </c>
      <c r="BL24" s="281">
        <v>1</v>
      </c>
      <c r="BM24" s="281">
        <v>1</v>
      </c>
      <c r="BN24" s="282">
        <v>3</v>
      </c>
      <c r="BO24" s="283">
        <v>3</v>
      </c>
      <c r="BP24" s="277">
        <v>0</v>
      </c>
      <c r="BQ24" s="281">
        <v>0</v>
      </c>
      <c r="BR24" s="278">
        <v>0</v>
      </c>
      <c r="BS24" s="280">
        <v>0</v>
      </c>
      <c r="BT24" s="281">
        <v>0</v>
      </c>
      <c r="BU24" s="281">
        <v>0</v>
      </c>
      <c r="BV24" s="281">
        <v>0</v>
      </c>
      <c r="BW24" s="281">
        <v>0</v>
      </c>
      <c r="BX24" s="281">
        <v>0</v>
      </c>
      <c r="BY24" s="278">
        <v>0</v>
      </c>
      <c r="BZ24" s="283">
        <v>0</v>
      </c>
      <c r="CA24" s="277">
        <v>0</v>
      </c>
      <c r="CB24" s="281">
        <v>0</v>
      </c>
      <c r="CC24" s="278">
        <v>0</v>
      </c>
      <c r="CD24" s="280">
        <v>0</v>
      </c>
      <c r="CE24" s="281">
        <v>0</v>
      </c>
      <c r="CF24" s="281">
        <v>0</v>
      </c>
      <c r="CG24" s="281">
        <v>0</v>
      </c>
      <c r="CH24" s="281">
        <v>1</v>
      </c>
      <c r="CI24" s="281">
        <v>0</v>
      </c>
      <c r="CJ24" s="278">
        <v>1</v>
      </c>
      <c r="CK24" s="283">
        <v>1</v>
      </c>
      <c r="CL24" s="277">
        <v>0</v>
      </c>
      <c r="CM24" s="281">
        <v>0</v>
      </c>
      <c r="CN24" s="278">
        <v>0</v>
      </c>
      <c r="CO24" s="280">
        <v>0</v>
      </c>
      <c r="CP24" s="281">
        <v>0</v>
      </c>
      <c r="CQ24" s="281">
        <v>0</v>
      </c>
      <c r="CR24" s="281">
        <v>0</v>
      </c>
      <c r="CS24" s="281">
        <v>0</v>
      </c>
      <c r="CT24" s="281">
        <v>0</v>
      </c>
      <c r="CU24" s="278">
        <v>0</v>
      </c>
      <c r="CV24" s="283">
        <v>0</v>
      </c>
    </row>
    <row r="25" spans="1:100" ht="21" customHeight="1" x14ac:dyDescent="0.2">
      <c r="A25" s="262" t="s">
        <v>23</v>
      </c>
      <c r="B25" s="277">
        <v>0</v>
      </c>
      <c r="C25" s="278">
        <v>0</v>
      </c>
      <c r="D25" s="279">
        <v>0</v>
      </c>
      <c r="E25" s="280">
        <v>0</v>
      </c>
      <c r="F25" s="281">
        <v>0</v>
      </c>
      <c r="G25" s="281">
        <v>0</v>
      </c>
      <c r="H25" s="281">
        <v>0</v>
      </c>
      <c r="I25" s="281">
        <v>0</v>
      </c>
      <c r="J25" s="281">
        <v>0</v>
      </c>
      <c r="K25" s="282">
        <v>0</v>
      </c>
      <c r="L25" s="283">
        <v>0</v>
      </c>
      <c r="M25" s="277">
        <v>0</v>
      </c>
      <c r="N25" s="281">
        <v>0</v>
      </c>
      <c r="O25" s="278">
        <v>0</v>
      </c>
      <c r="P25" s="280">
        <v>0</v>
      </c>
      <c r="Q25" s="281">
        <v>0</v>
      </c>
      <c r="R25" s="281">
        <v>0</v>
      </c>
      <c r="S25" s="281">
        <v>0</v>
      </c>
      <c r="T25" s="281">
        <v>0</v>
      </c>
      <c r="U25" s="281">
        <v>0</v>
      </c>
      <c r="V25" s="278">
        <v>0</v>
      </c>
      <c r="W25" s="283">
        <v>0</v>
      </c>
      <c r="X25" s="277">
        <v>0</v>
      </c>
      <c r="Y25" s="281">
        <v>0</v>
      </c>
      <c r="Z25" s="278">
        <v>0</v>
      </c>
      <c r="AA25" s="280">
        <v>0</v>
      </c>
      <c r="AB25" s="281">
        <v>2</v>
      </c>
      <c r="AC25" s="281">
        <v>1</v>
      </c>
      <c r="AD25" s="281">
        <v>1</v>
      </c>
      <c r="AE25" s="281">
        <v>0</v>
      </c>
      <c r="AF25" s="281">
        <v>1</v>
      </c>
      <c r="AG25" s="278">
        <v>5</v>
      </c>
      <c r="AH25" s="283">
        <v>5</v>
      </c>
      <c r="AI25" s="277">
        <v>0</v>
      </c>
      <c r="AJ25" s="281">
        <v>0</v>
      </c>
      <c r="AK25" s="278">
        <v>0</v>
      </c>
      <c r="AL25" s="280">
        <v>0</v>
      </c>
      <c r="AM25" s="281">
        <v>0</v>
      </c>
      <c r="AN25" s="281">
        <v>0</v>
      </c>
      <c r="AO25" s="281">
        <v>0</v>
      </c>
      <c r="AP25" s="281">
        <v>0</v>
      </c>
      <c r="AQ25" s="281">
        <v>0</v>
      </c>
      <c r="AR25" s="278">
        <v>0</v>
      </c>
      <c r="AS25" s="283">
        <v>0</v>
      </c>
      <c r="AT25" s="277">
        <v>0</v>
      </c>
      <c r="AU25" s="281">
        <v>0</v>
      </c>
      <c r="AV25" s="278">
        <v>0</v>
      </c>
      <c r="AW25" s="280">
        <v>0</v>
      </c>
      <c r="AX25" s="281">
        <v>0</v>
      </c>
      <c r="AY25" s="281">
        <v>0</v>
      </c>
      <c r="AZ25" s="281">
        <v>0</v>
      </c>
      <c r="BA25" s="281">
        <v>0</v>
      </c>
      <c r="BB25" s="281">
        <v>0</v>
      </c>
      <c r="BC25" s="278">
        <v>0</v>
      </c>
      <c r="BD25" s="283">
        <v>0</v>
      </c>
      <c r="BE25" s="277">
        <v>0</v>
      </c>
      <c r="BF25" s="281">
        <v>0</v>
      </c>
      <c r="BG25" s="278">
        <v>0</v>
      </c>
      <c r="BH25" s="280">
        <v>0</v>
      </c>
      <c r="BI25" s="281">
        <v>0</v>
      </c>
      <c r="BJ25" s="281">
        <v>0</v>
      </c>
      <c r="BK25" s="281">
        <v>1</v>
      </c>
      <c r="BL25" s="281">
        <v>0</v>
      </c>
      <c r="BM25" s="281">
        <v>0</v>
      </c>
      <c r="BN25" s="282">
        <v>1</v>
      </c>
      <c r="BO25" s="283">
        <v>1</v>
      </c>
      <c r="BP25" s="277">
        <v>0</v>
      </c>
      <c r="BQ25" s="281">
        <v>0</v>
      </c>
      <c r="BR25" s="278">
        <v>0</v>
      </c>
      <c r="BS25" s="280">
        <v>0</v>
      </c>
      <c r="BT25" s="281">
        <v>0</v>
      </c>
      <c r="BU25" s="281">
        <v>0</v>
      </c>
      <c r="BV25" s="281">
        <v>0</v>
      </c>
      <c r="BW25" s="281">
        <v>0</v>
      </c>
      <c r="BX25" s="281">
        <v>0</v>
      </c>
      <c r="BY25" s="278">
        <v>0</v>
      </c>
      <c r="BZ25" s="283">
        <v>0</v>
      </c>
      <c r="CA25" s="277">
        <v>0</v>
      </c>
      <c r="CB25" s="281">
        <v>0</v>
      </c>
      <c r="CC25" s="278">
        <v>0</v>
      </c>
      <c r="CD25" s="280">
        <v>0</v>
      </c>
      <c r="CE25" s="281">
        <v>0</v>
      </c>
      <c r="CF25" s="281">
        <v>0</v>
      </c>
      <c r="CG25" s="281">
        <v>0</v>
      </c>
      <c r="CH25" s="281">
        <v>0</v>
      </c>
      <c r="CI25" s="281">
        <v>0</v>
      </c>
      <c r="CJ25" s="278">
        <v>0</v>
      </c>
      <c r="CK25" s="283">
        <v>0</v>
      </c>
      <c r="CL25" s="277">
        <v>0</v>
      </c>
      <c r="CM25" s="281">
        <v>0</v>
      </c>
      <c r="CN25" s="278">
        <v>0</v>
      </c>
      <c r="CO25" s="280">
        <v>0</v>
      </c>
      <c r="CP25" s="281">
        <v>0</v>
      </c>
      <c r="CQ25" s="281">
        <v>0</v>
      </c>
      <c r="CR25" s="281">
        <v>0</v>
      </c>
      <c r="CS25" s="281">
        <v>0</v>
      </c>
      <c r="CT25" s="281">
        <v>0</v>
      </c>
      <c r="CU25" s="278">
        <v>0</v>
      </c>
      <c r="CV25" s="283">
        <v>0</v>
      </c>
    </row>
    <row r="26" spans="1:100" ht="21" customHeight="1" x14ac:dyDescent="0.2">
      <c r="A26" s="262" t="s">
        <v>24</v>
      </c>
      <c r="B26" s="277">
        <v>0</v>
      </c>
      <c r="C26" s="278">
        <v>0</v>
      </c>
      <c r="D26" s="279">
        <v>0</v>
      </c>
      <c r="E26" s="280">
        <v>0</v>
      </c>
      <c r="F26" s="281">
        <v>0</v>
      </c>
      <c r="G26" s="281">
        <v>0</v>
      </c>
      <c r="H26" s="281">
        <v>0</v>
      </c>
      <c r="I26" s="281">
        <v>1</v>
      </c>
      <c r="J26" s="281">
        <v>0</v>
      </c>
      <c r="K26" s="282">
        <v>1</v>
      </c>
      <c r="L26" s="283">
        <v>1</v>
      </c>
      <c r="M26" s="277">
        <v>0</v>
      </c>
      <c r="N26" s="281">
        <v>0</v>
      </c>
      <c r="O26" s="278">
        <v>0</v>
      </c>
      <c r="P26" s="280">
        <v>0</v>
      </c>
      <c r="Q26" s="281">
        <v>0</v>
      </c>
      <c r="R26" s="281">
        <v>0</v>
      </c>
      <c r="S26" s="281">
        <v>0</v>
      </c>
      <c r="T26" s="281">
        <v>0</v>
      </c>
      <c r="U26" s="281">
        <v>0</v>
      </c>
      <c r="V26" s="278">
        <v>0</v>
      </c>
      <c r="W26" s="283">
        <v>0</v>
      </c>
      <c r="X26" s="277">
        <v>0</v>
      </c>
      <c r="Y26" s="281">
        <v>0</v>
      </c>
      <c r="Z26" s="278">
        <v>0</v>
      </c>
      <c r="AA26" s="280">
        <v>0</v>
      </c>
      <c r="AB26" s="281">
        <v>0</v>
      </c>
      <c r="AC26" s="281">
        <v>2</v>
      </c>
      <c r="AD26" s="281">
        <v>2</v>
      </c>
      <c r="AE26" s="281">
        <v>0</v>
      </c>
      <c r="AF26" s="281">
        <v>0</v>
      </c>
      <c r="AG26" s="278">
        <v>4</v>
      </c>
      <c r="AH26" s="283">
        <v>4</v>
      </c>
      <c r="AI26" s="277">
        <v>0</v>
      </c>
      <c r="AJ26" s="281">
        <v>0</v>
      </c>
      <c r="AK26" s="278">
        <v>0</v>
      </c>
      <c r="AL26" s="280">
        <v>0</v>
      </c>
      <c r="AM26" s="281">
        <v>0</v>
      </c>
      <c r="AN26" s="281">
        <v>1</v>
      </c>
      <c r="AO26" s="281">
        <v>0</v>
      </c>
      <c r="AP26" s="281">
        <v>0</v>
      </c>
      <c r="AQ26" s="281">
        <v>1</v>
      </c>
      <c r="AR26" s="278">
        <v>2</v>
      </c>
      <c r="AS26" s="283">
        <v>2</v>
      </c>
      <c r="AT26" s="277">
        <v>1</v>
      </c>
      <c r="AU26" s="281">
        <v>1</v>
      </c>
      <c r="AV26" s="278">
        <v>2</v>
      </c>
      <c r="AW26" s="280">
        <v>0</v>
      </c>
      <c r="AX26" s="281">
        <v>4</v>
      </c>
      <c r="AY26" s="281">
        <v>0</v>
      </c>
      <c r="AZ26" s="281">
        <v>0</v>
      </c>
      <c r="BA26" s="281">
        <v>0</v>
      </c>
      <c r="BB26" s="281">
        <v>1</v>
      </c>
      <c r="BC26" s="278">
        <v>5</v>
      </c>
      <c r="BD26" s="283">
        <v>7</v>
      </c>
      <c r="BE26" s="277">
        <v>0</v>
      </c>
      <c r="BF26" s="281">
        <v>0</v>
      </c>
      <c r="BG26" s="278">
        <v>0</v>
      </c>
      <c r="BH26" s="280">
        <v>0</v>
      </c>
      <c r="BI26" s="281">
        <v>0</v>
      </c>
      <c r="BJ26" s="281">
        <v>0</v>
      </c>
      <c r="BK26" s="281">
        <v>2</v>
      </c>
      <c r="BL26" s="281">
        <v>1</v>
      </c>
      <c r="BM26" s="281">
        <v>1</v>
      </c>
      <c r="BN26" s="282">
        <v>4</v>
      </c>
      <c r="BO26" s="283">
        <v>4</v>
      </c>
      <c r="BP26" s="277">
        <v>0</v>
      </c>
      <c r="BQ26" s="281">
        <v>0</v>
      </c>
      <c r="BR26" s="278">
        <v>0</v>
      </c>
      <c r="BS26" s="280">
        <v>0</v>
      </c>
      <c r="BT26" s="281">
        <v>0</v>
      </c>
      <c r="BU26" s="281">
        <v>0</v>
      </c>
      <c r="BV26" s="281">
        <v>0</v>
      </c>
      <c r="BW26" s="281">
        <v>0</v>
      </c>
      <c r="BX26" s="281">
        <v>0</v>
      </c>
      <c r="BY26" s="278">
        <v>0</v>
      </c>
      <c r="BZ26" s="283">
        <v>0</v>
      </c>
      <c r="CA26" s="277">
        <v>0</v>
      </c>
      <c r="CB26" s="281">
        <v>0</v>
      </c>
      <c r="CC26" s="278">
        <v>0</v>
      </c>
      <c r="CD26" s="280">
        <v>0</v>
      </c>
      <c r="CE26" s="281">
        <v>0</v>
      </c>
      <c r="CF26" s="281">
        <v>0</v>
      </c>
      <c r="CG26" s="281">
        <v>0</v>
      </c>
      <c r="CH26" s="281">
        <v>0</v>
      </c>
      <c r="CI26" s="281">
        <v>0</v>
      </c>
      <c r="CJ26" s="278">
        <v>0</v>
      </c>
      <c r="CK26" s="283">
        <v>0</v>
      </c>
      <c r="CL26" s="277">
        <v>0</v>
      </c>
      <c r="CM26" s="281">
        <v>0</v>
      </c>
      <c r="CN26" s="278">
        <v>0</v>
      </c>
      <c r="CO26" s="280">
        <v>0</v>
      </c>
      <c r="CP26" s="281">
        <v>0</v>
      </c>
      <c r="CQ26" s="281">
        <v>0</v>
      </c>
      <c r="CR26" s="281">
        <v>0</v>
      </c>
      <c r="CS26" s="281">
        <v>0</v>
      </c>
      <c r="CT26" s="281">
        <v>0</v>
      </c>
      <c r="CU26" s="278">
        <v>0</v>
      </c>
      <c r="CV26" s="283">
        <v>0</v>
      </c>
    </row>
    <row r="27" spans="1:100" ht="21" customHeight="1" x14ac:dyDescent="0.2">
      <c r="A27" s="262" t="s">
        <v>25</v>
      </c>
      <c r="B27" s="277">
        <v>0</v>
      </c>
      <c r="C27" s="278">
        <v>0</v>
      </c>
      <c r="D27" s="279">
        <v>0</v>
      </c>
      <c r="E27" s="280">
        <v>0</v>
      </c>
      <c r="F27" s="281">
        <v>0</v>
      </c>
      <c r="G27" s="281">
        <v>0</v>
      </c>
      <c r="H27" s="281">
        <v>0</v>
      </c>
      <c r="I27" s="281">
        <v>0</v>
      </c>
      <c r="J27" s="281">
        <v>0</v>
      </c>
      <c r="K27" s="282">
        <v>0</v>
      </c>
      <c r="L27" s="283">
        <v>0</v>
      </c>
      <c r="M27" s="277">
        <v>0</v>
      </c>
      <c r="N27" s="281">
        <v>0</v>
      </c>
      <c r="O27" s="278">
        <v>0</v>
      </c>
      <c r="P27" s="280">
        <v>0</v>
      </c>
      <c r="Q27" s="281">
        <v>0</v>
      </c>
      <c r="R27" s="281">
        <v>0</v>
      </c>
      <c r="S27" s="281">
        <v>0</v>
      </c>
      <c r="T27" s="281">
        <v>0</v>
      </c>
      <c r="U27" s="281">
        <v>0</v>
      </c>
      <c r="V27" s="278">
        <v>0</v>
      </c>
      <c r="W27" s="283">
        <v>0</v>
      </c>
      <c r="X27" s="277">
        <v>0</v>
      </c>
      <c r="Y27" s="281">
        <v>0</v>
      </c>
      <c r="Z27" s="278">
        <v>0</v>
      </c>
      <c r="AA27" s="280">
        <v>0</v>
      </c>
      <c r="AB27" s="281">
        <v>4</v>
      </c>
      <c r="AC27" s="281">
        <v>0</v>
      </c>
      <c r="AD27" s="281">
        <v>0</v>
      </c>
      <c r="AE27" s="281">
        <v>0</v>
      </c>
      <c r="AF27" s="281">
        <v>0</v>
      </c>
      <c r="AG27" s="278">
        <v>4</v>
      </c>
      <c r="AH27" s="283">
        <v>4</v>
      </c>
      <c r="AI27" s="277">
        <v>0</v>
      </c>
      <c r="AJ27" s="281">
        <v>0</v>
      </c>
      <c r="AK27" s="278">
        <v>0</v>
      </c>
      <c r="AL27" s="280">
        <v>0</v>
      </c>
      <c r="AM27" s="281">
        <v>0</v>
      </c>
      <c r="AN27" s="281">
        <v>0</v>
      </c>
      <c r="AO27" s="281">
        <v>0</v>
      </c>
      <c r="AP27" s="281">
        <v>0</v>
      </c>
      <c r="AQ27" s="281">
        <v>0</v>
      </c>
      <c r="AR27" s="278">
        <v>0</v>
      </c>
      <c r="AS27" s="283">
        <v>0</v>
      </c>
      <c r="AT27" s="277">
        <v>0</v>
      </c>
      <c r="AU27" s="281">
        <v>0</v>
      </c>
      <c r="AV27" s="278">
        <v>0</v>
      </c>
      <c r="AW27" s="280">
        <v>0</v>
      </c>
      <c r="AX27" s="281">
        <v>0</v>
      </c>
      <c r="AY27" s="281">
        <v>0</v>
      </c>
      <c r="AZ27" s="281">
        <v>0</v>
      </c>
      <c r="BA27" s="281">
        <v>0</v>
      </c>
      <c r="BB27" s="281">
        <v>1</v>
      </c>
      <c r="BC27" s="278">
        <v>1</v>
      </c>
      <c r="BD27" s="283">
        <v>1</v>
      </c>
      <c r="BE27" s="277">
        <v>0</v>
      </c>
      <c r="BF27" s="281">
        <v>0</v>
      </c>
      <c r="BG27" s="278">
        <v>0</v>
      </c>
      <c r="BH27" s="280">
        <v>0</v>
      </c>
      <c r="BI27" s="281">
        <v>2</v>
      </c>
      <c r="BJ27" s="281">
        <v>0</v>
      </c>
      <c r="BK27" s="281">
        <v>1</v>
      </c>
      <c r="BL27" s="281">
        <v>0</v>
      </c>
      <c r="BM27" s="281">
        <v>0</v>
      </c>
      <c r="BN27" s="282">
        <v>3</v>
      </c>
      <c r="BO27" s="283">
        <v>3</v>
      </c>
      <c r="BP27" s="277">
        <v>0</v>
      </c>
      <c r="BQ27" s="281">
        <v>0</v>
      </c>
      <c r="BR27" s="278">
        <v>0</v>
      </c>
      <c r="BS27" s="280">
        <v>0</v>
      </c>
      <c r="BT27" s="281">
        <v>0</v>
      </c>
      <c r="BU27" s="281">
        <v>0</v>
      </c>
      <c r="BV27" s="281">
        <v>0</v>
      </c>
      <c r="BW27" s="281">
        <v>0</v>
      </c>
      <c r="BX27" s="281">
        <v>0</v>
      </c>
      <c r="BY27" s="278">
        <v>0</v>
      </c>
      <c r="BZ27" s="283">
        <v>0</v>
      </c>
      <c r="CA27" s="277">
        <v>0</v>
      </c>
      <c r="CB27" s="281">
        <v>0</v>
      </c>
      <c r="CC27" s="278">
        <v>0</v>
      </c>
      <c r="CD27" s="280">
        <v>0</v>
      </c>
      <c r="CE27" s="281">
        <v>0</v>
      </c>
      <c r="CF27" s="281">
        <v>0</v>
      </c>
      <c r="CG27" s="281">
        <v>0</v>
      </c>
      <c r="CH27" s="281">
        <v>0</v>
      </c>
      <c r="CI27" s="281">
        <v>0</v>
      </c>
      <c r="CJ27" s="278">
        <v>0</v>
      </c>
      <c r="CK27" s="283">
        <v>0</v>
      </c>
      <c r="CL27" s="277">
        <v>0</v>
      </c>
      <c r="CM27" s="281">
        <v>0</v>
      </c>
      <c r="CN27" s="278">
        <v>0</v>
      </c>
      <c r="CO27" s="280">
        <v>0</v>
      </c>
      <c r="CP27" s="281">
        <v>0</v>
      </c>
      <c r="CQ27" s="281">
        <v>0</v>
      </c>
      <c r="CR27" s="281">
        <v>0</v>
      </c>
      <c r="CS27" s="281">
        <v>0</v>
      </c>
      <c r="CT27" s="281">
        <v>0</v>
      </c>
      <c r="CU27" s="278">
        <v>0</v>
      </c>
      <c r="CV27" s="283">
        <v>0</v>
      </c>
    </row>
    <row r="28" spans="1:100" ht="21" customHeight="1" x14ac:dyDescent="0.2">
      <c r="A28" s="262" t="s">
        <v>26</v>
      </c>
      <c r="B28" s="277">
        <v>0</v>
      </c>
      <c r="C28" s="278">
        <v>0</v>
      </c>
      <c r="D28" s="279">
        <v>0</v>
      </c>
      <c r="E28" s="280">
        <v>0</v>
      </c>
      <c r="F28" s="281">
        <v>0</v>
      </c>
      <c r="G28" s="281">
        <v>0</v>
      </c>
      <c r="H28" s="281">
        <v>0</v>
      </c>
      <c r="I28" s="281">
        <v>0</v>
      </c>
      <c r="J28" s="281">
        <v>0</v>
      </c>
      <c r="K28" s="282">
        <v>0</v>
      </c>
      <c r="L28" s="283">
        <v>0</v>
      </c>
      <c r="M28" s="277">
        <v>0</v>
      </c>
      <c r="N28" s="281">
        <v>0</v>
      </c>
      <c r="O28" s="278">
        <v>0</v>
      </c>
      <c r="P28" s="280">
        <v>0</v>
      </c>
      <c r="Q28" s="281">
        <v>0</v>
      </c>
      <c r="R28" s="281">
        <v>0</v>
      </c>
      <c r="S28" s="281">
        <v>0</v>
      </c>
      <c r="T28" s="281">
        <v>0</v>
      </c>
      <c r="U28" s="281">
        <v>0</v>
      </c>
      <c r="V28" s="278">
        <v>0</v>
      </c>
      <c r="W28" s="283">
        <v>0</v>
      </c>
      <c r="X28" s="277">
        <v>0</v>
      </c>
      <c r="Y28" s="281">
        <v>0</v>
      </c>
      <c r="Z28" s="278">
        <v>0</v>
      </c>
      <c r="AA28" s="280">
        <v>0</v>
      </c>
      <c r="AB28" s="281">
        <v>3</v>
      </c>
      <c r="AC28" s="281">
        <v>2</v>
      </c>
      <c r="AD28" s="281">
        <v>2</v>
      </c>
      <c r="AE28" s="281">
        <v>0</v>
      </c>
      <c r="AF28" s="281">
        <v>1</v>
      </c>
      <c r="AG28" s="278">
        <v>8</v>
      </c>
      <c r="AH28" s="283">
        <v>8</v>
      </c>
      <c r="AI28" s="277">
        <v>0</v>
      </c>
      <c r="AJ28" s="281">
        <v>0</v>
      </c>
      <c r="AK28" s="278">
        <v>0</v>
      </c>
      <c r="AL28" s="280">
        <v>0</v>
      </c>
      <c r="AM28" s="281">
        <v>0</v>
      </c>
      <c r="AN28" s="281">
        <v>0</v>
      </c>
      <c r="AO28" s="281">
        <v>1</v>
      </c>
      <c r="AP28" s="281">
        <v>0</v>
      </c>
      <c r="AQ28" s="281">
        <v>0</v>
      </c>
      <c r="AR28" s="278">
        <v>1</v>
      </c>
      <c r="AS28" s="283">
        <v>1</v>
      </c>
      <c r="AT28" s="277">
        <v>0</v>
      </c>
      <c r="AU28" s="281">
        <v>0</v>
      </c>
      <c r="AV28" s="278">
        <v>0</v>
      </c>
      <c r="AW28" s="280">
        <v>0</v>
      </c>
      <c r="AX28" s="281">
        <v>1</v>
      </c>
      <c r="AY28" s="281">
        <v>0</v>
      </c>
      <c r="AZ28" s="281">
        <v>0</v>
      </c>
      <c r="BA28" s="281">
        <v>0</v>
      </c>
      <c r="BB28" s="281">
        <v>0</v>
      </c>
      <c r="BC28" s="278">
        <v>1</v>
      </c>
      <c r="BD28" s="283">
        <v>1</v>
      </c>
      <c r="BE28" s="277">
        <v>0</v>
      </c>
      <c r="BF28" s="281">
        <v>0</v>
      </c>
      <c r="BG28" s="278">
        <v>0</v>
      </c>
      <c r="BH28" s="280">
        <v>0</v>
      </c>
      <c r="BI28" s="281">
        <v>0</v>
      </c>
      <c r="BJ28" s="281">
        <v>0</v>
      </c>
      <c r="BK28" s="281">
        <v>1</v>
      </c>
      <c r="BL28" s="281">
        <v>1</v>
      </c>
      <c r="BM28" s="281">
        <v>2</v>
      </c>
      <c r="BN28" s="282">
        <v>4</v>
      </c>
      <c r="BO28" s="283">
        <v>4</v>
      </c>
      <c r="BP28" s="277">
        <v>0</v>
      </c>
      <c r="BQ28" s="281">
        <v>0</v>
      </c>
      <c r="BR28" s="278">
        <v>0</v>
      </c>
      <c r="BS28" s="280">
        <v>0</v>
      </c>
      <c r="BT28" s="281">
        <v>0</v>
      </c>
      <c r="BU28" s="281">
        <v>0</v>
      </c>
      <c r="BV28" s="281">
        <v>0</v>
      </c>
      <c r="BW28" s="281">
        <v>0</v>
      </c>
      <c r="BX28" s="281">
        <v>0</v>
      </c>
      <c r="BY28" s="278">
        <v>0</v>
      </c>
      <c r="BZ28" s="283">
        <v>0</v>
      </c>
      <c r="CA28" s="277">
        <v>0</v>
      </c>
      <c r="CB28" s="281">
        <v>0</v>
      </c>
      <c r="CC28" s="278">
        <v>0</v>
      </c>
      <c r="CD28" s="280">
        <v>0</v>
      </c>
      <c r="CE28" s="281">
        <v>0</v>
      </c>
      <c r="CF28" s="281">
        <v>0</v>
      </c>
      <c r="CG28" s="281">
        <v>0</v>
      </c>
      <c r="CH28" s="281">
        <v>0</v>
      </c>
      <c r="CI28" s="281">
        <v>0</v>
      </c>
      <c r="CJ28" s="278">
        <v>0</v>
      </c>
      <c r="CK28" s="283">
        <v>0</v>
      </c>
      <c r="CL28" s="277">
        <v>0</v>
      </c>
      <c r="CM28" s="281">
        <v>0</v>
      </c>
      <c r="CN28" s="278">
        <v>0</v>
      </c>
      <c r="CO28" s="280">
        <v>0</v>
      </c>
      <c r="CP28" s="281">
        <v>0</v>
      </c>
      <c r="CQ28" s="281">
        <v>0</v>
      </c>
      <c r="CR28" s="281">
        <v>0</v>
      </c>
      <c r="CS28" s="281">
        <v>0</v>
      </c>
      <c r="CT28" s="281">
        <v>0</v>
      </c>
      <c r="CU28" s="278">
        <v>0</v>
      </c>
      <c r="CV28" s="283">
        <v>0</v>
      </c>
    </row>
    <row r="29" spans="1:100" ht="21" customHeight="1" x14ac:dyDescent="0.2">
      <c r="A29" s="262" t="s">
        <v>27</v>
      </c>
      <c r="B29" s="277">
        <v>0</v>
      </c>
      <c r="C29" s="278">
        <v>0</v>
      </c>
      <c r="D29" s="279">
        <v>0</v>
      </c>
      <c r="E29" s="280">
        <v>0</v>
      </c>
      <c r="F29" s="281">
        <v>0</v>
      </c>
      <c r="G29" s="281">
        <v>0</v>
      </c>
      <c r="H29" s="281">
        <v>0</v>
      </c>
      <c r="I29" s="281">
        <v>0</v>
      </c>
      <c r="J29" s="281">
        <v>0</v>
      </c>
      <c r="K29" s="282">
        <v>0</v>
      </c>
      <c r="L29" s="283">
        <v>0</v>
      </c>
      <c r="M29" s="277">
        <v>0</v>
      </c>
      <c r="N29" s="281">
        <v>0</v>
      </c>
      <c r="O29" s="278">
        <v>0</v>
      </c>
      <c r="P29" s="280">
        <v>0</v>
      </c>
      <c r="Q29" s="281">
        <v>0</v>
      </c>
      <c r="R29" s="281">
        <v>0</v>
      </c>
      <c r="S29" s="281">
        <v>0</v>
      </c>
      <c r="T29" s="281">
        <v>0</v>
      </c>
      <c r="U29" s="281">
        <v>0</v>
      </c>
      <c r="V29" s="278">
        <v>0</v>
      </c>
      <c r="W29" s="283">
        <v>0</v>
      </c>
      <c r="X29" s="277">
        <v>0</v>
      </c>
      <c r="Y29" s="281">
        <v>0</v>
      </c>
      <c r="Z29" s="278">
        <v>0</v>
      </c>
      <c r="AA29" s="280">
        <v>0</v>
      </c>
      <c r="AB29" s="281">
        <v>0</v>
      </c>
      <c r="AC29" s="281">
        <v>1</v>
      </c>
      <c r="AD29" s="281">
        <v>0</v>
      </c>
      <c r="AE29" s="281">
        <v>0</v>
      </c>
      <c r="AF29" s="281">
        <v>0</v>
      </c>
      <c r="AG29" s="278">
        <v>1</v>
      </c>
      <c r="AH29" s="283">
        <v>1</v>
      </c>
      <c r="AI29" s="277">
        <v>0</v>
      </c>
      <c r="AJ29" s="281">
        <v>0</v>
      </c>
      <c r="AK29" s="278">
        <v>0</v>
      </c>
      <c r="AL29" s="280">
        <v>0</v>
      </c>
      <c r="AM29" s="281">
        <v>1</v>
      </c>
      <c r="AN29" s="281">
        <v>0</v>
      </c>
      <c r="AO29" s="281">
        <v>0</v>
      </c>
      <c r="AP29" s="281">
        <v>0</v>
      </c>
      <c r="AQ29" s="281">
        <v>0</v>
      </c>
      <c r="AR29" s="278">
        <v>1</v>
      </c>
      <c r="AS29" s="283">
        <v>1</v>
      </c>
      <c r="AT29" s="277">
        <v>0</v>
      </c>
      <c r="AU29" s="281">
        <v>0</v>
      </c>
      <c r="AV29" s="278">
        <v>0</v>
      </c>
      <c r="AW29" s="280">
        <v>0</v>
      </c>
      <c r="AX29" s="281">
        <v>0</v>
      </c>
      <c r="AY29" s="281">
        <v>0</v>
      </c>
      <c r="AZ29" s="281">
        <v>0</v>
      </c>
      <c r="BA29" s="281">
        <v>0</v>
      </c>
      <c r="BB29" s="281">
        <v>0</v>
      </c>
      <c r="BC29" s="278">
        <v>0</v>
      </c>
      <c r="BD29" s="283">
        <v>0</v>
      </c>
      <c r="BE29" s="277">
        <v>0</v>
      </c>
      <c r="BF29" s="281">
        <v>0</v>
      </c>
      <c r="BG29" s="278">
        <v>0</v>
      </c>
      <c r="BH29" s="280">
        <v>0</v>
      </c>
      <c r="BI29" s="281">
        <v>0</v>
      </c>
      <c r="BJ29" s="281">
        <v>0</v>
      </c>
      <c r="BK29" s="281">
        <v>0</v>
      </c>
      <c r="BL29" s="281">
        <v>0</v>
      </c>
      <c r="BM29" s="281">
        <v>0</v>
      </c>
      <c r="BN29" s="282">
        <v>0</v>
      </c>
      <c r="BO29" s="283">
        <v>0</v>
      </c>
      <c r="BP29" s="277">
        <v>0</v>
      </c>
      <c r="BQ29" s="281">
        <v>0</v>
      </c>
      <c r="BR29" s="278">
        <v>0</v>
      </c>
      <c r="BS29" s="280">
        <v>0</v>
      </c>
      <c r="BT29" s="281">
        <v>0</v>
      </c>
      <c r="BU29" s="281">
        <v>0</v>
      </c>
      <c r="BV29" s="281">
        <v>0</v>
      </c>
      <c r="BW29" s="281">
        <v>0</v>
      </c>
      <c r="BX29" s="281">
        <v>0</v>
      </c>
      <c r="BY29" s="278">
        <v>0</v>
      </c>
      <c r="BZ29" s="283">
        <v>0</v>
      </c>
      <c r="CA29" s="277">
        <v>0</v>
      </c>
      <c r="CB29" s="281">
        <v>0</v>
      </c>
      <c r="CC29" s="278">
        <v>0</v>
      </c>
      <c r="CD29" s="280">
        <v>0</v>
      </c>
      <c r="CE29" s="281">
        <v>0</v>
      </c>
      <c r="CF29" s="281">
        <v>0</v>
      </c>
      <c r="CG29" s="281">
        <v>0</v>
      </c>
      <c r="CH29" s="281">
        <v>0</v>
      </c>
      <c r="CI29" s="281">
        <v>0</v>
      </c>
      <c r="CJ29" s="278">
        <v>0</v>
      </c>
      <c r="CK29" s="283">
        <v>0</v>
      </c>
      <c r="CL29" s="277">
        <v>0</v>
      </c>
      <c r="CM29" s="281">
        <v>0</v>
      </c>
      <c r="CN29" s="278">
        <v>0</v>
      </c>
      <c r="CO29" s="280">
        <v>0</v>
      </c>
      <c r="CP29" s="281">
        <v>0</v>
      </c>
      <c r="CQ29" s="281">
        <v>0</v>
      </c>
      <c r="CR29" s="281">
        <v>0</v>
      </c>
      <c r="CS29" s="281">
        <v>0</v>
      </c>
      <c r="CT29" s="281">
        <v>0</v>
      </c>
      <c r="CU29" s="278">
        <v>0</v>
      </c>
      <c r="CV29" s="283">
        <v>0</v>
      </c>
    </row>
    <row r="30" spans="1:100" ht="21" customHeight="1" x14ac:dyDescent="0.2">
      <c r="A30" s="262" t="s">
        <v>28</v>
      </c>
      <c r="B30" s="277">
        <v>0</v>
      </c>
      <c r="C30" s="278">
        <v>0</v>
      </c>
      <c r="D30" s="279">
        <v>0</v>
      </c>
      <c r="E30" s="280">
        <v>0</v>
      </c>
      <c r="F30" s="281">
        <v>0</v>
      </c>
      <c r="G30" s="281">
        <v>0</v>
      </c>
      <c r="H30" s="281">
        <v>0</v>
      </c>
      <c r="I30" s="281">
        <v>0</v>
      </c>
      <c r="J30" s="281">
        <v>0</v>
      </c>
      <c r="K30" s="282">
        <v>0</v>
      </c>
      <c r="L30" s="283">
        <v>0</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4</v>
      </c>
      <c r="AC30" s="281">
        <v>1</v>
      </c>
      <c r="AD30" s="281">
        <v>0</v>
      </c>
      <c r="AE30" s="281">
        <v>0</v>
      </c>
      <c r="AF30" s="281">
        <v>0</v>
      </c>
      <c r="AG30" s="278">
        <v>5</v>
      </c>
      <c r="AH30" s="283">
        <v>5</v>
      </c>
      <c r="AI30" s="277">
        <v>0</v>
      </c>
      <c r="AJ30" s="281">
        <v>0</v>
      </c>
      <c r="AK30" s="278">
        <v>0</v>
      </c>
      <c r="AL30" s="280">
        <v>0</v>
      </c>
      <c r="AM30" s="281">
        <v>0</v>
      </c>
      <c r="AN30" s="281">
        <v>0</v>
      </c>
      <c r="AO30" s="281">
        <v>0</v>
      </c>
      <c r="AP30" s="281">
        <v>0</v>
      </c>
      <c r="AQ30" s="281">
        <v>0</v>
      </c>
      <c r="AR30" s="278">
        <v>0</v>
      </c>
      <c r="AS30" s="283">
        <v>0</v>
      </c>
      <c r="AT30" s="277">
        <v>0</v>
      </c>
      <c r="AU30" s="281">
        <v>0</v>
      </c>
      <c r="AV30" s="278">
        <v>0</v>
      </c>
      <c r="AW30" s="280">
        <v>0</v>
      </c>
      <c r="AX30" s="281">
        <v>0</v>
      </c>
      <c r="AY30" s="281">
        <v>0</v>
      </c>
      <c r="AZ30" s="281">
        <v>0</v>
      </c>
      <c r="BA30" s="281">
        <v>0</v>
      </c>
      <c r="BB30" s="281">
        <v>0</v>
      </c>
      <c r="BC30" s="278">
        <v>0</v>
      </c>
      <c r="BD30" s="283">
        <v>0</v>
      </c>
      <c r="BE30" s="277">
        <v>0</v>
      </c>
      <c r="BF30" s="281">
        <v>0</v>
      </c>
      <c r="BG30" s="278">
        <v>0</v>
      </c>
      <c r="BH30" s="280">
        <v>0</v>
      </c>
      <c r="BI30" s="281">
        <v>0</v>
      </c>
      <c r="BJ30" s="281">
        <v>0</v>
      </c>
      <c r="BK30" s="281">
        <v>0</v>
      </c>
      <c r="BL30" s="281">
        <v>0</v>
      </c>
      <c r="BM30" s="281">
        <v>0</v>
      </c>
      <c r="BN30" s="282">
        <v>0</v>
      </c>
      <c r="BO30" s="283">
        <v>0</v>
      </c>
      <c r="BP30" s="277">
        <v>0</v>
      </c>
      <c r="BQ30" s="281">
        <v>0</v>
      </c>
      <c r="BR30" s="278">
        <v>0</v>
      </c>
      <c r="BS30" s="280">
        <v>0</v>
      </c>
      <c r="BT30" s="281">
        <v>0</v>
      </c>
      <c r="BU30" s="281">
        <v>0</v>
      </c>
      <c r="BV30" s="281">
        <v>0</v>
      </c>
      <c r="BW30" s="281">
        <v>0</v>
      </c>
      <c r="BX30" s="281">
        <v>0</v>
      </c>
      <c r="BY30" s="278">
        <v>0</v>
      </c>
      <c r="BZ30" s="283">
        <v>0</v>
      </c>
      <c r="CA30" s="277">
        <v>0</v>
      </c>
      <c r="CB30" s="281">
        <v>0</v>
      </c>
      <c r="CC30" s="278">
        <v>0</v>
      </c>
      <c r="CD30" s="280">
        <v>0</v>
      </c>
      <c r="CE30" s="281">
        <v>0</v>
      </c>
      <c r="CF30" s="281">
        <v>0</v>
      </c>
      <c r="CG30" s="281">
        <v>0</v>
      </c>
      <c r="CH30" s="281">
        <v>0</v>
      </c>
      <c r="CI30" s="281">
        <v>0</v>
      </c>
      <c r="CJ30" s="278">
        <v>0</v>
      </c>
      <c r="CK30" s="283">
        <v>0</v>
      </c>
      <c r="CL30" s="277">
        <v>0</v>
      </c>
      <c r="CM30" s="281">
        <v>0</v>
      </c>
      <c r="CN30" s="278">
        <v>0</v>
      </c>
      <c r="CO30" s="280">
        <v>0</v>
      </c>
      <c r="CP30" s="281">
        <v>0</v>
      </c>
      <c r="CQ30" s="281">
        <v>0</v>
      </c>
      <c r="CR30" s="281">
        <v>0</v>
      </c>
      <c r="CS30" s="281">
        <v>0</v>
      </c>
      <c r="CT30" s="281">
        <v>0</v>
      </c>
      <c r="CU30" s="278">
        <v>0</v>
      </c>
      <c r="CV30" s="283">
        <v>0</v>
      </c>
    </row>
    <row r="31" spans="1:100" ht="21" customHeight="1" x14ac:dyDescent="0.2">
      <c r="A31" s="262" t="s">
        <v>29</v>
      </c>
      <c r="B31" s="277">
        <v>0</v>
      </c>
      <c r="C31" s="278">
        <v>0</v>
      </c>
      <c r="D31" s="279">
        <v>0</v>
      </c>
      <c r="E31" s="280">
        <v>0</v>
      </c>
      <c r="F31" s="281">
        <v>0</v>
      </c>
      <c r="G31" s="281">
        <v>0</v>
      </c>
      <c r="H31" s="281">
        <v>0</v>
      </c>
      <c r="I31" s="281">
        <v>0</v>
      </c>
      <c r="J31" s="281">
        <v>0</v>
      </c>
      <c r="K31" s="282">
        <v>0</v>
      </c>
      <c r="L31" s="283">
        <v>0</v>
      </c>
      <c r="M31" s="277">
        <v>0</v>
      </c>
      <c r="N31" s="281">
        <v>0</v>
      </c>
      <c r="O31" s="278">
        <v>0</v>
      </c>
      <c r="P31" s="280">
        <v>0</v>
      </c>
      <c r="Q31" s="281">
        <v>0</v>
      </c>
      <c r="R31" s="281">
        <v>0</v>
      </c>
      <c r="S31" s="281">
        <v>0</v>
      </c>
      <c r="T31" s="281">
        <v>0</v>
      </c>
      <c r="U31" s="281">
        <v>0</v>
      </c>
      <c r="V31" s="278">
        <v>0</v>
      </c>
      <c r="W31" s="283">
        <v>0</v>
      </c>
      <c r="X31" s="277">
        <v>0</v>
      </c>
      <c r="Y31" s="281">
        <v>0</v>
      </c>
      <c r="Z31" s="278">
        <v>0</v>
      </c>
      <c r="AA31" s="280">
        <v>0</v>
      </c>
      <c r="AB31" s="281">
        <v>0</v>
      </c>
      <c r="AC31" s="281">
        <v>1</v>
      </c>
      <c r="AD31" s="281">
        <v>0</v>
      </c>
      <c r="AE31" s="281">
        <v>0</v>
      </c>
      <c r="AF31" s="281">
        <v>0</v>
      </c>
      <c r="AG31" s="278">
        <v>1</v>
      </c>
      <c r="AH31" s="283">
        <v>1</v>
      </c>
      <c r="AI31" s="277">
        <v>0</v>
      </c>
      <c r="AJ31" s="281">
        <v>0</v>
      </c>
      <c r="AK31" s="278">
        <v>0</v>
      </c>
      <c r="AL31" s="280">
        <v>0</v>
      </c>
      <c r="AM31" s="281">
        <v>0</v>
      </c>
      <c r="AN31" s="281">
        <v>0</v>
      </c>
      <c r="AO31" s="281">
        <v>1</v>
      </c>
      <c r="AP31" s="281">
        <v>0</v>
      </c>
      <c r="AQ31" s="281">
        <v>0</v>
      </c>
      <c r="AR31" s="278">
        <v>1</v>
      </c>
      <c r="AS31" s="283">
        <v>1</v>
      </c>
      <c r="AT31" s="277">
        <v>0</v>
      </c>
      <c r="AU31" s="281">
        <v>0</v>
      </c>
      <c r="AV31" s="278">
        <v>0</v>
      </c>
      <c r="AW31" s="280">
        <v>0</v>
      </c>
      <c r="AX31" s="281">
        <v>1</v>
      </c>
      <c r="AY31" s="281">
        <v>0</v>
      </c>
      <c r="AZ31" s="281">
        <v>0</v>
      </c>
      <c r="BA31" s="281">
        <v>0</v>
      </c>
      <c r="BB31" s="281">
        <v>0</v>
      </c>
      <c r="BC31" s="278">
        <v>1</v>
      </c>
      <c r="BD31" s="283">
        <v>1</v>
      </c>
      <c r="BE31" s="277">
        <v>0</v>
      </c>
      <c r="BF31" s="281">
        <v>0</v>
      </c>
      <c r="BG31" s="278">
        <v>0</v>
      </c>
      <c r="BH31" s="280">
        <v>0</v>
      </c>
      <c r="BI31" s="281">
        <v>0</v>
      </c>
      <c r="BJ31" s="281">
        <v>0</v>
      </c>
      <c r="BK31" s="281">
        <v>0</v>
      </c>
      <c r="BL31" s="281">
        <v>0</v>
      </c>
      <c r="BM31" s="281">
        <v>0</v>
      </c>
      <c r="BN31" s="282">
        <v>0</v>
      </c>
      <c r="BO31" s="283">
        <v>0</v>
      </c>
      <c r="BP31" s="277">
        <v>0</v>
      </c>
      <c r="BQ31" s="281">
        <v>0</v>
      </c>
      <c r="BR31" s="278">
        <v>0</v>
      </c>
      <c r="BS31" s="280">
        <v>0</v>
      </c>
      <c r="BT31" s="281">
        <v>0</v>
      </c>
      <c r="BU31" s="281">
        <v>0</v>
      </c>
      <c r="BV31" s="281">
        <v>0</v>
      </c>
      <c r="BW31" s="281">
        <v>0</v>
      </c>
      <c r="BX31" s="281">
        <v>0</v>
      </c>
      <c r="BY31" s="278">
        <v>0</v>
      </c>
      <c r="BZ31" s="283">
        <v>0</v>
      </c>
      <c r="CA31" s="277">
        <v>0</v>
      </c>
      <c r="CB31" s="281">
        <v>0</v>
      </c>
      <c r="CC31" s="278">
        <v>0</v>
      </c>
      <c r="CD31" s="280">
        <v>0</v>
      </c>
      <c r="CE31" s="281">
        <v>0</v>
      </c>
      <c r="CF31" s="281">
        <v>0</v>
      </c>
      <c r="CG31" s="281">
        <v>1</v>
      </c>
      <c r="CH31" s="281">
        <v>0</v>
      </c>
      <c r="CI31" s="281">
        <v>0</v>
      </c>
      <c r="CJ31" s="278">
        <v>1</v>
      </c>
      <c r="CK31" s="283">
        <v>1</v>
      </c>
      <c r="CL31" s="277">
        <v>0</v>
      </c>
      <c r="CM31" s="281">
        <v>0</v>
      </c>
      <c r="CN31" s="278">
        <v>0</v>
      </c>
      <c r="CO31" s="280">
        <v>0</v>
      </c>
      <c r="CP31" s="281">
        <v>0</v>
      </c>
      <c r="CQ31" s="281">
        <v>0</v>
      </c>
      <c r="CR31" s="281">
        <v>0</v>
      </c>
      <c r="CS31" s="281">
        <v>0</v>
      </c>
      <c r="CT31" s="281">
        <v>0</v>
      </c>
      <c r="CU31" s="278">
        <v>0</v>
      </c>
      <c r="CV31" s="283">
        <v>0</v>
      </c>
    </row>
    <row r="32" spans="1:100" ht="21" customHeight="1" x14ac:dyDescent="0.2">
      <c r="A32" s="262" t="s">
        <v>30</v>
      </c>
      <c r="B32" s="277">
        <v>0</v>
      </c>
      <c r="C32" s="278">
        <v>0</v>
      </c>
      <c r="D32" s="279">
        <v>0</v>
      </c>
      <c r="E32" s="280">
        <v>0</v>
      </c>
      <c r="F32" s="281">
        <v>0</v>
      </c>
      <c r="G32" s="281">
        <v>0</v>
      </c>
      <c r="H32" s="281">
        <v>0</v>
      </c>
      <c r="I32" s="281">
        <v>0</v>
      </c>
      <c r="J32" s="281">
        <v>0</v>
      </c>
      <c r="K32" s="282">
        <v>0</v>
      </c>
      <c r="L32" s="283">
        <v>0</v>
      </c>
      <c r="M32" s="277">
        <v>0</v>
      </c>
      <c r="N32" s="281">
        <v>0</v>
      </c>
      <c r="O32" s="278">
        <v>0</v>
      </c>
      <c r="P32" s="280">
        <v>0</v>
      </c>
      <c r="Q32" s="281">
        <v>0</v>
      </c>
      <c r="R32" s="281">
        <v>0</v>
      </c>
      <c r="S32" s="281">
        <v>0</v>
      </c>
      <c r="T32" s="281">
        <v>0</v>
      </c>
      <c r="U32" s="281">
        <v>0</v>
      </c>
      <c r="V32" s="278">
        <v>0</v>
      </c>
      <c r="W32" s="283">
        <v>0</v>
      </c>
      <c r="X32" s="277">
        <v>0</v>
      </c>
      <c r="Y32" s="281">
        <v>0</v>
      </c>
      <c r="Z32" s="278">
        <v>0</v>
      </c>
      <c r="AA32" s="280">
        <v>0</v>
      </c>
      <c r="AB32" s="281">
        <v>1</v>
      </c>
      <c r="AC32" s="281">
        <v>0</v>
      </c>
      <c r="AD32" s="281">
        <v>0</v>
      </c>
      <c r="AE32" s="281">
        <v>0</v>
      </c>
      <c r="AF32" s="281">
        <v>0</v>
      </c>
      <c r="AG32" s="278">
        <v>1</v>
      </c>
      <c r="AH32" s="283">
        <v>1</v>
      </c>
      <c r="AI32" s="277">
        <v>0</v>
      </c>
      <c r="AJ32" s="281">
        <v>0</v>
      </c>
      <c r="AK32" s="278">
        <v>0</v>
      </c>
      <c r="AL32" s="280">
        <v>0</v>
      </c>
      <c r="AM32" s="281">
        <v>0</v>
      </c>
      <c r="AN32" s="281">
        <v>1</v>
      </c>
      <c r="AO32" s="281">
        <v>0</v>
      </c>
      <c r="AP32" s="281">
        <v>0</v>
      </c>
      <c r="AQ32" s="281">
        <v>0</v>
      </c>
      <c r="AR32" s="278">
        <v>1</v>
      </c>
      <c r="AS32" s="283">
        <v>1</v>
      </c>
      <c r="AT32" s="277">
        <v>0</v>
      </c>
      <c r="AU32" s="281">
        <v>0</v>
      </c>
      <c r="AV32" s="278">
        <v>0</v>
      </c>
      <c r="AW32" s="280">
        <v>0</v>
      </c>
      <c r="AX32" s="281">
        <v>0</v>
      </c>
      <c r="AY32" s="281">
        <v>0</v>
      </c>
      <c r="AZ32" s="281">
        <v>0</v>
      </c>
      <c r="BA32" s="281">
        <v>0</v>
      </c>
      <c r="BB32" s="281">
        <v>0</v>
      </c>
      <c r="BC32" s="278">
        <v>0</v>
      </c>
      <c r="BD32" s="283">
        <v>0</v>
      </c>
      <c r="BE32" s="277">
        <v>0</v>
      </c>
      <c r="BF32" s="281">
        <v>0</v>
      </c>
      <c r="BG32" s="278">
        <v>0</v>
      </c>
      <c r="BH32" s="280">
        <v>0</v>
      </c>
      <c r="BI32" s="281">
        <v>1</v>
      </c>
      <c r="BJ32" s="281">
        <v>0</v>
      </c>
      <c r="BK32" s="281">
        <v>0</v>
      </c>
      <c r="BL32" s="281">
        <v>0</v>
      </c>
      <c r="BM32" s="281">
        <v>0</v>
      </c>
      <c r="BN32" s="282">
        <v>1</v>
      </c>
      <c r="BO32" s="283">
        <v>1</v>
      </c>
      <c r="BP32" s="277">
        <v>0</v>
      </c>
      <c r="BQ32" s="281">
        <v>0</v>
      </c>
      <c r="BR32" s="278">
        <v>0</v>
      </c>
      <c r="BS32" s="280">
        <v>0</v>
      </c>
      <c r="BT32" s="281">
        <v>0</v>
      </c>
      <c r="BU32" s="281">
        <v>0</v>
      </c>
      <c r="BV32" s="281">
        <v>0</v>
      </c>
      <c r="BW32" s="281">
        <v>0</v>
      </c>
      <c r="BX32" s="281">
        <v>0</v>
      </c>
      <c r="BY32" s="278">
        <v>0</v>
      </c>
      <c r="BZ32" s="283">
        <v>0</v>
      </c>
      <c r="CA32" s="277">
        <v>0</v>
      </c>
      <c r="CB32" s="281">
        <v>0</v>
      </c>
      <c r="CC32" s="278">
        <v>0</v>
      </c>
      <c r="CD32" s="280">
        <v>0</v>
      </c>
      <c r="CE32" s="281">
        <v>0</v>
      </c>
      <c r="CF32" s="281">
        <v>0</v>
      </c>
      <c r="CG32" s="281">
        <v>0</v>
      </c>
      <c r="CH32" s="281">
        <v>0</v>
      </c>
      <c r="CI32" s="281">
        <v>0</v>
      </c>
      <c r="CJ32" s="278">
        <v>0</v>
      </c>
      <c r="CK32" s="283">
        <v>0</v>
      </c>
      <c r="CL32" s="277">
        <v>0</v>
      </c>
      <c r="CM32" s="281">
        <v>0</v>
      </c>
      <c r="CN32" s="278">
        <v>0</v>
      </c>
      <c r="CO32" s="280">
        <v>0</v>
      </c>
      <c r="CP32" s="281">
        <v>0</v>
      </c>
      <c r="CQ32" s="281">
        <v>0</v>
      </c>
      <c r="CR32" s="281">
        <v>0</v>
      </c>
      <c r="CS32" s="281">
        <v>0</v>
      </c>
      <c r="CT32" s="281">
        <v>0</v>
      </c>
      <c r="CU32" s="278">
        <v>0</v>
      </c>
      <c r="CV32" s="283">
        <v>0</v>
      </c>
    </row>
    <row r="33" spans="1:100" ht="21" customHeight="1" x14ac:dyDescent="0.2">
      <c r="A33" s="262" t="s">
        <v>31</v>
      </c>
      <c r="B33" s="277">
        <v>0</v>
      </c>
      <c r="C33" s="278">
        <v>0</v>
      </c>
      <c r="D33" s="279">
        <v>0</v>
      </c>
      <c r="E33" s="280">
        <v>0</v>
      </c>
      <c r="F33" s="281">
        <v>0</v>
      </c>
      <c r="G33" s="281">
        <v>1</v>
      </c>
      <c r="H33" s="281">
        <v>0</v>
      </c>
      <c r="I33" s="281">
        <v>0</v>
      </c>
      <c r="J33" s="281">
        <v>0</v>
      </c>
      <c r="K33" s="282">
        <v>1</v>
      </c>
      <c r="L33" s="283">
        <v>1</v>
      </c>
      <c r="M33" s="277">
        <v>0</v>
      </c>
      <c r="N33" s="281">
        <v>0</v>
      </c>
      <c r="O33" s="278">
        <v>0</v>
      </c>
      <c r="P33" s="280">
        <v>0</v>
      </c>
      <c r="Q33" s="281">
        <v>0</v>
      </c>
      <c r="R33" s="281">
        <v>0</v>
      </c>
      <c r="S33" s="281">
        <v>0</v>
      </c>
      <c r="T33" s="281">
        <v>0</v>
      </c>
      <c r="U33" s="281">
        <v>0</v>
      </c>
      <c r="V33" s="278">
        <v>0</v>
      </c>
      <c r="W33" s="283">
        <v>0</v>
      </c>
      <c r="X33" s="277">
        <v>0</v>
      </c>
      <c r="Y33" s="281">
        <v>0</v>
      </c>
      <c r="Z33" s="278">
        <v>0</v>
      </c>
      <c r="AA33" s="280">
        <v>0</v>
      </c>
      <c r="AB33" s="281">
        <v>2</v>
      </c>
      <c r="AC33" s="281">
        <v>2</v>
      </c>
      <c r="AD33" s="281">
        <v>1</v>
      </c>
      <c r="AE33" s="281">
        <v>0</v>
      </c>
      <c r="AF33" s="281">
        <v>0</v>
      </c>
      <c r="AG33" s="278">
        <v>5</v>
      </c>
      <c r="AH33" s="283">
        <v>5</v>
      </c>
      <c r="AI33" s="277">
        <v>0</v>
      </c>
      <c r="AJ33" s="281">
        <v>0</v>
      </c>
      <c r="AK33" s="278">
        <v>0</v>
      </c>
      <c r="AL33" s="280">
        <v>0</v>
      </c>
      <c r="AM33" s="281">
        <v>0</v>
      </c>
      <c r="AN33" s="281">
        <v>0</v>
      </c>
      <c r="AO33" s="281">
        <v>0</v>
      </c>
      <c r="AP33" s="281">
        <v>0</v>
      </c>
      <c r="AQ33" s="281">
        <v>0</v>
      </c>
      <c r="AR33" s="278">
        <v>0</v>
      </c>
      <c r="AS33" s="283">
        <v>0</v>
      </c>
      <c r="AT33" s="277">
        <v>0</v>
      </c>
      <c r="AU33" s="281">
        <v>0</v>
      </c>
      <c r="AV33" s="278">
        <v>0</v>
      </c>
      <c r="AW33" s="280">
        <v>0</v>
      </c>
      <c r="AX33" s="281">
        <v>1</v>
      </c>
      <c r="AY33" s="281">
        <v>0</v>
      </c>
      <c r="AZ33" s="281">
        <v>0</v>
      </c>
      <c r="BA33" s="281">
        <v>0</v>
      </c>
      <c r="BB33" s="281">
        <v>0</v>
      </c>
      <c r="BC33" s="278">
        <v>1</v>
      </c>
      <c r="BD33" s="283">
        <v>1</v>
      </c>
      <c r="BE33" s="277">
        <v>0</v>
      </c>
      <c r="BF33" s="281">
        <v>0</v>
      </c>
      <c r="BG33" s="278">
        <v>0</v>
      </c>
      <c r="BH33" s="280">
        <v>0</v>
      </c>
      <c r="BI33" s="281">
        <v>0</v>
      </c>
      <c r="BJ33" s="281">
        <v>0</v>
      </c>
      <c r="BK33" s="281">
        <v>0</v>
      </c>
      <c r="BL33" s="281">
        <v>0</v>
      </c>
      <c r="BM33" s="281">
        <v>1</v>
      </c>
      <c r="BN33" s="282">
        <v>1</v>
      </c>
      <c r="BO33" s="283">
        <v>1</v>
      </c>
      <c r="BP33" s="277">
        <v>0</v>
      </c>
      <c r="BQ33" s="281">
        <v>0</v>
      </c>
      <c r="BR33" s="278">
        <v>0</v>
      </c>
      <c r="BS33" s="280">
        <v>0</v>
      </c>
      <c r="BT33" s="281">
        <v>0</v>
      </c>
      <c r="BU33" s="281">
        <v>0</v>
      </c>
      <c r="BV33" s="281">
        <v>0</v>
      </c>
      <c r="BW33" s="281">
        <v>0</v>
      </c>
      <c r="BX33" s="281">
        <v>0</v>
      </c>
      <c r="BY33" s="278">
        <v>0</v>
      </c>
      <c r="BZ33" s="283">
        <v>0</v>
      </c>
      <c r="CA33" s="277">
        <v>0</v>
      </c>
      <c r="CB33" s="281">
        <v>0</v>
      </c>
      <c r="CC33" s="278">
        <v>0</v>
      </c>
      <c r="CD33" s="280">
        <v>0</v>
      </c>
      <c r="CE33" s="281">
        <v>0</v>
      </c>
      <c r="CF33" s="281">
        <v>0</v>
      </c>
      <c r="CG33" s="281">
        <v>0</v>
      </c>
      <c r="CH33" s="281">
        <v>0</v>
      </c>
      <c r="CI33" s="281">
        <v>0</v>
      </c>
      <c r="CJ33" s="278">
        <v>0</v>
      </c>
      <c r="CK33" s="283">
        <v>0</v>
      </c>
      <c r="CL33" s="277">
        <v>0</v>
      </c>
      <c r="CM33" s="281">
        <v>0</v>
      </c>
      <c r="CN33" s="278">
        <v>0</v>
      </c>
      <c r="CO33" s="280">
        <v>0</v>
      </c>
      <c r="CP33" s="281">
        <v>0</v>
      </c>
      <c r="CQ33" s="281">
        <v>0</v>
      </c>
      <c r="CR33" s="281">
        <v>0</v>
      </c>
      <c r="CS33" s="281">
        <v>0</v>
      </c>
      <c r="CT33" s="281">
        <v>0</v>
      </c>
      <c r="CU33" s="278">
        <v>0</v>
      </c>
      <c r="CV33" s="283">
        <v>0</v>
      </c>
    </row>
    <row r="34" spans="1:100" ht="21" customHeight="1" x14ac:dyDescent="0.2">
      <c r="A34" s="262" t="s">
        <v>32</v>
      </c>
      <c r="B34" s="277">
        <v>0</v>
      </c>
      <c r="C34" s="278">
        <v>0</v>
      </c>
      <c r="D34" s="279">
        <v>0</v>
      </c>
      <c r="E34" s="280">
        <v>0</v>
      </c>
      <c r="F34" s="281">
        <v>0</v>
      </c>
      <c r="G34" s="281">
        <v>1</v>
      </c>
      <c r="H34" s="281">
        <v>0</v>
      </c>
      <c r="I34" s="281">
        <v>0</v>
      </c>
      <c r="J34" s="281">
        <v>0</v>
      </c>
      <c r="K34" s="282">
        <v>1</v>
      </c>
      <c r="L34" s="283">
        <v>1</v>
      </c>
      <c r="M34" s="277">
        <v>0</v>
      </c>
      <c r="N34" s="281">
        <v>0</v>
      </c>
      <c r="O34" s="278">
        <v>0</v>
      </c>
      <c r="P34" s="280">
        <v>0</v>
      </c>
      <c r="Q34" s="281">
        <v>0</v>
      </c>
      <c r="R34" s="281">
        <v>0</v>
      </c>
      <c r="S34" s="281">
        <v>0</v>
      </c>
      <c r="T34" s="281">
        <v>0</v>
      </c>
      <c r="U34" s="281">
        <v>0</v>
      </c>
      <c r="V34" s="278">
        <v>0</v>
      </c>
      <c r="W34" s="283">
        <v>0</v>
      </c>
      <c r="X34" s="277">
        <v>0</v>
      </c>
      <c r="Y34" s="281">
        <v>0</v>
      </c>
      <c r="Z34" s="278">
        <v>0</v>
      </c>
      <c r="AA34" s="280">
        <v>0</v>
      </c>
      <c r="AB34" s="281">
        <v>1</v>
      </c>
      <c r="AC34" s="281">
        <v>3</v>
      </c>
      <c r="AD34" s="281">
        <v>1</v>
      </c>
      <c r="AE34" s="281">
        <v>0</v>
      </c>
      <c r="AF34" s="281">
        <v>0</v>
      </c>
      <c r="AG34" s="278">
        <v>5</v>
      </c>
      <c r="AH34" s="283">
        <v>5</v>
      </c>
      <c r="AI34" s="277">
        <v>0</v>
      </c>
      <c r="AJ34" s="281">
        <v>0</v>
      </c>
      <c r="AK34" s="278">
        <v>0</v>
      </c>
      <c r="AL34" s="280">
        <v>0</v>
      </c>
      <c r="AM34" s="281">
        <v>0</v>
      </c>
      <c r="AN34" s="281">
        <v>0</v>
      </c>
      <c r="AO34" s="281">
        <v>0</v>
      </c>
      <c r="AP34" s="281">
        <v>0</v>
      </c>
      <c r="AQ34" s="281">
        <v>0</v>
      </c>
      <c r="AR34" s="278">
        <v>0</v>
      </c>
      <c r="AS34" s="283">
        <v>0</v>
      </c>
      <c r="AT34" s="277">
        <v>0</v>
      </c>
      <c r="AU34" s="281">
        <v>0</v>
      </c>
      <c r="AV34" s="278">
        <v>0</v>
      </c>
      <c r="AW34" s="280">
        <v>0</v>
      </c>
      <c r="AX34" s="281">
        <v>0</v>
      </c>
      <c r="AY34" s="281">
        <v>0</v>
      </c>
      <c r="AZ34" s="281">
        <v>0</v>
      </c>
      <c r="BA34" s="281">
        <v>0</v>
      </c>
      <c r="BB34" s="281">
        <v>0</v>
      </c>
      <c r="BC34" s="278">
        <v>0</v>
      </c>
      <c r="BD34" s="283">
        <v>0</v>
      </c>
      <c r="BE34" s="277">
        <v>0</v>
      </c>
      <c r="BF34" s="281">
        <v>0</v>
      </c>
      <c r="BG34" s="278">
        <v>0</v>
      </c>
      <c r="BH34" s="280">
        <v>0</v>
      </c>
      <c r="BI34" s="281">
        <v>0</v>
      </c>
      <c r="BJ34" s="281">
        <v>0</v>
      </c>
      <c r="BK34" s="281">
        <v>1</v>
      </c>
      <c r="BL34" s="281">
        <v>0</v>
      </c>
      <c r="BM34" s="281">
        <v>1</v>
      </c>
      <c r="BN34" s="282">
        <v>2</v>
      </c>
      <c r="BO34" s="283">
        <v>2</v>
      </c>
      <c r="BP34" s="277">
        <v>0</v>
      </c>
      <c r="BQ34" s="281">
        <v>0</v>
      </c>
      <c r="BR34" s="278">
        <v>0</v>
      </c>
      <c r="BS34" s="280">
        <v>0</v>
      </c>
      <c r="BT34" s="281">
        <v>0</v>
      </c>
      <c r="BU34" s="281">
        <v>0</v>
      </c>
      <c r="BV34" s="281">
        <v>0</v>
      </c>
      <c r="BW34" s="281">
        <v>0</v>
      </c>
      <c r="BX34" s="281">
        <v>0</v>
      </c>
      <c r="BY34" s="278">
        <v>0</v>
      </c>
      <c r="BZ34" s="283">
        <v>0</v>
      </c>
      <c r="CA34" s="277">
        <v>0</v>
      </c>
      <c r="CB34" s="281">
        <v>0</v>
      </c>
      <c r="CC34" s="278">
        <v>0</v>
      </c>
      <c r="CD34" s="280">
        <v>0</v>
      </c>
      <c r="CE34" s="281">
        <v>0</v>
      </c>
      <c r="CF34" s="281">
        <v>1</v>
      </c>
      <c r="CG34" s="281">
        <v>0</v>
      </c>
      <c r="CH34" s="281">
        <v>0</v>
      </c>
      <c r="CI34" s="281">
        <v>0</v>
      </c>
      <c r="CJ34" s="278">
        <v>1</v>
      </c>
      <c r="CK34" s="283">
        <v>1</v>
      </c>
      <c r="CL34" s="277">
        <v>0</v>
      </c>
      <c r="CM34" s="281">
        <v>0</v>
      </c>
      <c r="CN34" s="278">
        <v>0</v>
      </c>
      <c r="CO34" s="280">
        <v>0</v>
      </c>
      <c r="CP34" s="281">
        <v>0</v>
      </c>
      <c r="CQ34" s="281">
        <v>0</v>
      </c>
      <c r="CR34" s="281">
        <v>0</v>
      </c>
      <c r="CS34" s="281">
        <v>0</v>
      </c>
      <c r="CT34" s="281">
        <v>0</v>
      </c>
      <c r="CU34" s="278">
        <v>0</v>
      </c>
      <c r="CV34" s="283">
        <v>0</v>
      </c>
    </row>
    <row r="35" spans="1:100" ht="21" customHeight="1" x14ac:dyDescent="0.2">
      <c r="A35" s="262" t="s">
        <v>33</v>
      </c>
      <c r="B35" s="277">
        <v>0</v>
      </c>
      <c r="C35" s="278">
        <v>0</v>
      </c>
      <c r="D35" s="279">
        <v>0</v>
      </c>
      <c r="E35" s="280">
        <v>0</v>
      </c>
      <c r="F35" s="281">
        <v>0</v>
      </c>
      <c r="G35" s="281">
        <v>0</v>
      </c>
      <c r="H35" s="281">
        <v>0</v>
      </c>
      <c r="I35" s="281">
        <v>0</v>
      </c>
      <c r="J35" s="281">
        <v>0</v>
      </c>
      <c r="K35" s="282">
        <v>0</v>
      </c>
      <c r="L35" s="283">
        <v>0</v>
      </c>
      <c r="M35" s="277">
        <v>0</v>
      </c>
      <c r="N35" s="281">
        <v>0</v>
      </c>
      <c r="O35" s="278">
        <v>0</v>
      </c>
      <c r="P35" s="280">
        <v>0</v>
      </c>
      <c r="Q35" s="281">
        <v>0</v>
      </c>
      <c r="R35" s="281">
        <v>0</v>
      </c>
      <c r="S35" s="281">
        <v>0</v>
      </c>
      <c r="T35" s="281">
        <v>0</v>
      </c>
      <c r="U35" s="281">
        <v>0</v>
      </c>
      <c r="V35" s="278">
        <v>0</v>
      </c>
      <c r="W35" s="283">
        <v>0</v>
      </c>
      <c r="X35" s="277">
        <v>0</v>
      </c>
      <c r="Y35" s="281">
        <v>0</v>
      </c>
      <c r="Z35" s="278">
        <v>0</v>
      </c>
      <c r="AA35" s="280">
        <v>0</v>
      </c>
      <c r="AB35" s="281">
        <v>2</v>
      </c>
      <c r="AC35" s="281">
        <v>0</v>
      </c>
      <c r="AD35" s="281">
        <v>2</v>
      </c>
      <c r="AE35" s="281">
        <v>0</v>
      </c>
      <c r="AF35" s="281">
        <v>0</v>
      </c>
      <c r="AG35" s="278">
        <v>4</v>
      </c>
      <c r="AH35" s="283">
        <v>4</v>
      </c>
      <c r="AI35" s="277">
        <v>0</v>
      </c>
      <c r="AJ35" s="281">
        <v>0</v>
      </c>
      <c r="AK35" s="278">
        <v>0</v>
      </c>
      <c r="AL35" s="280">
        <v>0</v>
      </c>
      <c r="AM35" s="281">
        <v>0</v>
      </c>
      <c r="AN35" s="281">
        <v>0</v>
      </c>
      <c r="AO35" s="281">
        <v>0</v>
      </c>
      <c r="AP35" s="281">
        <v>0</v>
      </c>
      <c r="AQ35" s="281">
        <v>0</v>
      </c>
      <c r="AR35" s="278">
        <v>0</v>
      </c>
      <c r="AS35" s="283">
        <v>0</v>
      </c>
      <c r="AT35" s="277">
        <v>0</v>
      </c>
      <c r="AU35" s="281">
        <v>0</v>
      </c>
      <c r="AV35" s="278">
        <v>0</v>
      </c>
      <c r="AW35" s="280">
        <v>0</v>
      </c>
      <c r="AX35" s="281">
        <v>0</v>
      </c>
      <c r="AY35" s="281">
        <v>0</v>
      </c>
      <c r="AZ35" s="281">
        <v>0</v>
      </c>
      <c r="BA35" s="281">
        <v>0</v>
      </c>
      <c r="BB35" s="281">
        <v>0</v>
      </c>
      <c r="BC35" s="278">
        <v>0</v>
      </c>
      <c r="BD35" s="283">
        <v>0</v>
      </c>
      <c r="BE35" s="277">
        <v>0</v>
      </c>
      <c r="BF35" s="281">
        <v>0</v>
      </c>
      <c r="BG35" s="278">
        <v>0</v>
      </c>
      <c r="BH35" s="280">
        <v>0</v>
      </c>
      <c r="BI35" s="281">
        <v>0</v>
      </c>
      <c r="BJ35" s="281">
        <v>0</v>
      </c>
      <c r="BK35" s="281">
        <v>0</v>
      </c>
      <c r="BL35" s="281">
        <v>0</v>
      </c>
      <c r="BM35" s="281">
        <v>0</v>
      </c>
      <c r="BN35" s="282">
        <v>0</v>
      </c>
      <c r="BO35" s="283">
        <v>0</v>
      </c>
      <c r="BP35" s="277">
        <v>0</v>
      </c>
      <c r="BQ35" s="281">
        <v>0</v>
      </c>
      <c r="BR35" s="278">
        <v>0</v>
      </c>
      <c r="BS35" s="280">
        <v>0</v>
      </c>
      <c r="BT35" s="281">
        <v>0</v>
      </c>
      <c r="BU35" s="281">
        <v>0</v>
      </c>
      <c r="BV35" s="281">
        <v>0</v>
      </c>
      <c r="BW35" s="281">
        <v>0</v>
      </c>
      <c r="BX35" s="281">
        <v>0</v>
      </c>
      <c r="BY35" s="278">
        <v>0</v>
      </c>
      <c r="BZ35" s="283">
        <v>0</v>
      </c>
      <c r="CA35" s="277">
        <v>0</v>
      </c>
      <c r="CB35" s="281">
        <v>0</v>
      </c>
      <c r="CC35" s="278">
        <v>0</v>
      </c>
      <c r="CD35" s="280">
        <v>0</v>
      </c>
      <c r="CE35" s="281">
        <v>0</v>
      </c>
      <c r="CF35" s="281">
        <v>0</v>
      </c>
      <c r="CG35" s="281">
        <v>0</v>
      </c>
      <c r="CH35" s="281">
        <v>0</v>
      </c>
      <c r="CI35" s="281">
        <v>0</v>
      </c>
      <c r="CJ35" s="278">
        <v>0</v>
      </c>
      <c r="CK35" s="283">
        <v>0</v>
      </c>
      <c r="CL35" s="277">
        <v>0</v>
      </c>
      <c r="CM35" s="281">
        <v>0</v>
      </c>
      <c r="CN35" s="278">
        <v>0</v>
      </c>
      <c r="CO35" s="280">
        <v>0</v>
      </c>
      <c r="CP35" s="281">
        <v>0</v>
      </c>
      <c r="CQ35" s="281">
        <v>0</v>
      </c>
      <c r="CR35" s="281">
        <v>0</v>
      </c>
      <c r="CS35" s="281">
        <v>0</v>
      </c>
      <c r="CT35" s="281">
        <v>0</v>
      </c>
      <c r="CU35" s="278">
        <v>0</v>
      </c>
      <c r="CV35" s="283">
        <v>0</v>
      </c>
    </row>
    <row r="36" spans="1:100" ht="21" customHeight="1" x14ac:dyDescent="0.2">
      <c r="A36" s="262" t="s">
        <v>34</v>
      </c>
      <c r="B36" s="277">
        <v>0</v>
      </c>
      <c r="C36" s="278">
        <v>0</v>
      </c>
      <c r="D36" s="279">
        <v>0</v>
      </c>
      <c r="E36" s="280">
        <v>0</v>
      </c>
      <c r="F36" s="281">
        <v>0</v>
      </c>
      <c r="G36" s="281">
        <v>0</v>
      </c>
      <c r="H36" s="281">
        <v>0</v>
      </c>
      <c r="I36" s="281">
        <v>0</v>
      </c>
      <c r="J36" s="281">
        <v>0</v>
      </c>
      <c r="K36" s="282">
        <v>0</v>
      </c>
      <c r="L36" s="283">
        <v>0</v>
      </c>
      <c r="M36" s="277">
        <v>0</v>
      </c>
      <c r="N36" s="281">
        <v>0</v>
      </c>
      <c r="O36" s="278">
        <v>0</v>
      </c>
      <c r="P36" s="280">
        <v>0</v>
      </c>
      <c r="Q36" s="281">
        <v>0</v>
      </c>
      <c r="R36" s="281">
        <v>0</v>
      </c>
      <c r="S36" s="281">
        <v>0</v>
      </c>
      <c r="T36" s="281">
        <v>0</v>
      </c>
      <c r="U36" s="281">
        <v>0</v>
      </c>
      <c r="V36" s="278">
        <v>0</v>
      </c>
      <c r="W36" s="283">
        <v>0</v>
      </c>
      <c r="X36" s="277">
        <v>0</v>
      </c>
      <c r="Y36" s="281">
        <v>0</v>
      </c>
      <c r="Z36" s="278">
        <v>0</v>
      </c>
      <c r="AA36" s="280">
        <v>0</v>
      </c>
      <c r="AB36" s="281">
        <v>0</v>
      </c>
      <c r="AC36" s="281">
        <v>0</v>
      </c>
      <c r="AD36" s="281">
        <v>0</v>
      </c>
      <c r="AE36" s="281">
        <v>0</v>
      </c>
      <c r="AF36" s="281">
        <v>0</v>
      </c>
      <c r="AG36" s="278">
        <v>0</v>
      </c>
      <c r="AH36" s="283">
        <v>0</v>
      </c>
      <c r="AI36" s="277">
        <v>0</v>
      </c>
      <c r="AJ36" s="281">
        <v>0</v>
      </c>
      <c r="AK36" s="278">
        <v>0</v>
      </c>
      <c r="AL36" s="280">
        <v>0</v>
      </c>
      <c r="AM36" s="281">
        <v>0</v>
      </c>
      <c r="AN36" s="281">
        <v>0</v>
      </c>
      <c r="AO36" s="281">
        <v>0</v>
      </c>
      <c r="AP36" s="281">
        <v>0</v>
      </c>
      <c r="AQ36" s="281">
        <v>0</v>
      </c>
      <c r="AR36" s="278">
        <v>0</v>
      </c>
      <c r="AS36" s="283">
        <v>0</v>
      </c>
      <c r="AT36" s="277">
        <v>0</v>
      </c>
      <c r="AU36" s="281">
        <v>0</v>
      </c>
      <c r="AV36" s="278">
        <v>0</v>
      </c>
      <c r="AW36" s="280">
        <v>0</v>
      </c>
      <c r="AX36" s="281">
        <v>1</v>
      </c>
      <c r="AY36" s="281">
        <v>0</v>
      </c>
      <c r="AZ36" s="281">
        <v>0</v>
      </c>
      <c r="BA36" s="281">
        <v>0</v>
      </c>
      <c r="BB36" s="281">
        <v>0</v>
      </c>
      <c r="BC36" s="278">
        <v>1</v>
      </c>
      <c r="BD36" s="283">
        <v>1</v>
      </c>
      <c r="BE36" s="277">
        <v>0</v>
      </c>
      <c r="BF36" s="281">
        <v>0</v>
      </c>
      <c r="BG36" s="278">
        <v>0</v>
      </c>
      <c r="BH36" s="280">
        <v>0</v>
      </c>
      <c r="BI36" s="281">
        <v>0</v>
      </c>
      <c r="BJ36" s="281">
        <v>0</v>
      </c>
      <c r="BK36" s="281">
        <v>0</v>
      </c>
      <c r="BL36" s="281">
        <v>0</v>
      </c>
      <c r="BM36" s="281">
        <v>0</v>
      </c>
      <c r="BN36" s="282">
        <v>0</v>
      </c>
      <c r="BO36" s="283">
        <v>0</v>
      </c>
      <c r="BP36" s="277">
        <v>0</v>
      </c>
      <c r="BQ36" s="281">
        <v>0</v>
      </c>
      <c r="BR36" s="278">
        <v>0</v>
      </c>
      <c r="BS36" s="280">
        <v>0</v>
      </c>
      <c r="BT36" s="281">
        <v>0</v>
      </c>
      <c r="BU36" s="281">
        <v>0</v>
      </c>
      <c r="BV36" s="281">
        <v>0</v>
      </c>
      <c r="BW36" s="281">
        <v>0</v>
      </c>
      <c r="BX36" s="281">
        <v>0</v>
      </c>
      <c r="BY36" s="278">
        <v>0</v>
      </c>
      <c r="BZ36" s="283">
        <v>0</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0</v>
      </c>
      <c r="CQ36" s="281">
        <v>1</v>
      </c>
      <c r="CR36" s="281">
        <v>0</v>
      </c>
      <c r="CS36" s="281">
        <v>1</v>
      </c>
      <c r="CT36" s="281">
        <v>0</v>
      </c>
      <c r="CU36" s="278">
        <v>2</v>
      </c>
      <c r="CV36" s="283">
        <v>2</v>
      </c>
    </row>
    <row r="37" spans="1:100" ht="21" customHeight="1" x14ac:dyDescent="0.2">
      <c r="A37" s="262" t="s">
        <v>35</v>
      </c>
      <c r="B37" s="277">
        <v>0</v>
      </c>
      <c r="C37" s="278">
        <v>0</v>
      </c>
      <c r="D37" s="279">
        <v>0</v>
      </c>
      <c r="E37" s="280">
        <v>0</v>
      </c>
      <c r="F37" s="281">
        <v>0</v>
      </c>
      <c r="G37" s="281">
        <v>0</v>
      </c>
      <c r="H37" s="281">
        <v>0</v>
      </c>
      <c r="I37" s="281">
        <v>0</v>
      </c>
      <c r="J37" s="281">
        <v>0</v>
      </c>
      <c r="K37" s="282">
        <v>0</v>
      </c>
      <c r="L37" s="283">
        <v>0</v>
      </c>
      <c r="M37" s="277">
        <v>0</v>
      </c>
      <c r="N37" s="281">
        <v>0</v>
      </c>
      <c r="O37" s="278">
        <v>0</v>
      </c>
      <c r="P37" s="280">
        <v>0</v>
      </c>
      <c r="Q37" s="281">
        <v>0</v>
      </c>
      <c r="R37" s="281">
        <v>0</v>
      </c>
      <c r="S37" s="281">
        <v>0</v>
      </c>
      <c r="T37" s="281">
        <v>0</v>
      </c>
      <c r="U37" s="281">
        <v>0</v>
      </c>
      <c r="V37" s="278">
        <v>0</v>
      </c>
      <c r="W37" s="283">
        <v>0</v>
      </c>
      <c r="X37" s="277">
        <v>0</v>
      </c>
      <c r="Y37" s="281">
        <v>0</v>
      </c>
      <c r="Z37" s="278">
        <v>0</v>
      </c>
      <c r="AA37" s="280">
        <v>0</v>
      </c>
      <c r="AB37" s="281">
        <v>1</v>
      </c>
      <c r="AC37" s="281">
        <v>1</v>
      </c>
      <c r="AD37" s="281">
        <v>0</v>
      </c>
      <c r="AE37" s="281">
        <v>0</v>
      </c>
      <c r="AF37" s="281">
        <v>0</v>
      </c>
      <c r="AG37" s="278">
        <v>2</v>
      </c>
      <c r="AH37" s="283">
        <v>2</v>
      </c>
      <c r="AI37" s="277">
        <v>0</v>
      </c>
      <c r="AJ37" s="281">
        <v>0</v>
      </c>
      <c r="AK37" s="278">
        <v>0</v>
      </c>
      <c r="AL37" s="280">
        <v>0</v>
      </c>
      <c r="AM37" s="281">
        <v>0</v>
      </c>
      <c r="AN37" s="281">
        <v>0</v>
      </c>
      <c r="AO37" s="281">
        <v>0</v>
      </c>
      <c r="AP37" s="281">
        <v>0</v>
      </c>
      <c r="AQ37" s="281">
        <v>0</v>
      </c>
      <c r="AR37" s="278">
        <v>0</v>
      </c>
      <c r="AS37" s="283">
        <v>0</v>
      </c>
      <c r="AT37" s="277">
        <v>0</v>
      </c>
      <c r="AU37" s="281">
        <v>0</v>
      </c>
      <c r="AV37" s="278">
        <v>0</v>
      </c>
      <c r="AW37" s="280">
        <v>0</v>
      </c>
      <c r="AX37" s="281">
        <v>0</v>
      </c>
      <c r="AY37" s="281">
        <v>0</v>
      </c>
      <c r="AZ37" s="281">
        <v>1</v>
      </c>
      <c r="BA37" s="281">
        <v>0</v>
      </c>
      <c r="BB37" s="281">
        <v>0</v>
      </c>
      <c r="BC37" s="278">
        <v>1</v>
      </c>
      <c r="BD37" s="283">
        <v>1</v>
      </c>
      <c r="BE37" s="277">
        <v>0</v>
      </c>
      <c r="BF37" s="281">
        <v>0</v>
      </c>
      <c r="BG37" s="278">
        <v>0</v>
      </c>
      <c r="BH37" s="280">
        <v>0</v>
      </c>
      <c r="BI37" s="281">
        <v>0</v>
      </c>
      <c r="BJ37" s="281">
        <v>0</v>
      </c>
      <c r="BK37" s="281">
        <v>1</v>
      </c>
      <c r="BL37" s="281">
        <v>0</v>
      </c>
      <c r="BM37" s="281">
        <v>0</v>
      </c>
      <c r="BN37" s="282">
        <v>1</v>
      </c>
      <c r="BO37" s="283">
        <v>1</v>
      </c>
      <c r="BP37" s="277">
        <v>0</v>
      </c>
      <c r="BQ37" s="281">
        <v>0</v>
      </c>
      <c r="BR37" s="278">
        <v>0</v>
      </c>
      <c r="BS37" s="280">
        <v>0</v>
      </c>
      <c r="BT37" s="281">
        <v>0</v>
      </c>
      <c r="BU37" s="281">
        <v>0</v>
      </c>
      <c r="BV37" s="281">
        <v>0</v>
      </c>
      <c r="BW37" s="281">
        <v>0</v>
      </c>
      <c r="BX37" s="281">
        <v>0</v>
      </c>
      <c r="BY37" s="278">
        <v>0</v>
      </c>
      <c r="BZ37" s="283">
        <v>0</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row>
    <row r="38" spans="1:100" ht="21" customHeight="1" x14ac:dyDescent="0.2">
      <c r="A38" s="262" t="s">
        <v>36</v>
      </c>
      <c r="B38" s="277">
        <v>0</v>
      </c>
      <c r="C38" s="278">
        <v>0</v>
      </c>
      <c r="D38" s="279">
        <v>0</v>
      </c>
      <c r="E38" s="280">
        <v>0</v>
      </c>
      <c r="F38" s="281">
        <v>0</v>
      </c>
      <c r="G38" s="281">
        <v>0</v>
      </c>
      <c r="H38" s="281">
        <v>0</v>
      </c>
      <c r="I38" s="281">
        <v>0</v>
      </c>
      <c r="J38" s="281">
        <v>0</v>
      </c>
      <c r="K38" s="282">
        <v>0</v>
      </c>
      <c r="L38" s="283">
        <v>0</v>
      </c>
      <c r="M38" s="277">
        <v>0</v>
      </c>
      <c r="N38" s="281">
        <v>0</v>
      </c>
      <c r="O38" s="278">
        <v>0</v>
      </c>
      <c r="P38" s="280">
        <v>0</v>
      </c>
      <c r="Q38" s="281">
        <v>0</v>
      </c>
      <c r="R38" s="281">
        <v>0</v>
      </c>
      <c r="S38" s="281">
        <v>0</v>
      </c>
      <c r="T38" s="281">
        <v>0</v>
      </c>
      <c r="U38" s="281">
        <v>0</v>
      </c>
      <c r="V38" s="278">
        <v>0</v>
      </c>
      <c r="W38" s="283">
        <v>0</v>
      </c>
      <c r="X38" s="277">
        <v>0</v>
      </c>
      <c r="Y38" s="281">
        <v>0</v>
      </c>
      <c r="Z38" s="278">
        <v>0</v>
      </c>
      <c r="AA38" s="280">
        <v>0</v>
      </c>
      <c r="AB38" s="281">
        <v>0</v>
      </c>
      <c r="AC38" s="281">
        <v>1</v>
      </c>
      <c r="AD38" s="281">
        <v>0</v>
      </c>
      <c r="AE38" s="281">
        <v>1</v>
      </c>
      <c r="AF38" s="281">
        <v>1</v>
      </c>
      <c r="AG38" s="278">
        <v>3</v>
      </c>
      <c r="AH38" s="283">
        <v>3</v>
      </c>
      <c r="AI38" s="277">
        <v>0</v>
      </c>
      <c r="AJ38" s="281">
        <v>0</v>
      </c>
      <c r="AK38" s="278">
        <v>0</v>
      </c>
      <c r="AL38" s="280">
        <v>0</v>
      </c>
      <c r="AM38" s="281">
        <v>0</v>
      </c>
      <c r="AN38" s="281">
        <v>0</v>
      </c>
      <c r="AO38" s="281">
        <v>0</v>
      </c>
      <c r="AP38" s="281">
        <v>0</v>
      </c>
      <c r="AQ38" s="281">
        <v>0</v>
      </c>
      <c r="AR38" s="278">
        <v>0</v>
      </c>
      <c r="AS38" s="283">
        <v>0</v>
      </c>
      <c r="AT38" s="277">
        <v>0</v>
      </c>
      <c r="AU38" s="281">
        <v>0</v>
      </c>
      <c r="AV38" s="278">
        <v>0</v>
      </c>
      <c r="AW38" s="280">
        <v>0</v>
      </c>
      <c r="AX38" s="281">
        <v>0</v>
      </c>
      <c r="AY38" s="281">
        <v>0</v>
      </c>
      <c r="AZ38" s="281">
        <v>0</v>
      </c>
      <c r="BA38" s="281">
        <v>0</v>
      </c>
      <c r="BB38" s="281">
        <v>0</v>
      </c>
      <c r="BC38" s="278">
        <v>0</v>
      </c>
      <c r="BD38" s="283">
        <v>0</v>
      </c>
      <c r="BE38" s="277">
        <v>0</v>
      </c>
      <c r="BF38" s="281">
        <v>0</v>
      </c>
      <c r="BG38" s="278">
        <v>0</v>
      </c>
      <c r="BH38" s="280">
        <v>0</v>
      </c>
      <c r="BI38" s="281">
        <v>0</v>
      </c>
      <c r="BJ38" s="281">
        <v>0</v>
      </c>
      <c r="BK38" s="281">
        <v>1</v>
      </c>
      <c r="BL38" s="281">
        <v>1</v>
      </c>
      <c r="BM38" s="281">
        <v>0</v>
      </c>
      <c r="BN38" s="282">
        <v>2</v>
      </c>
      <c r="BO38" s="283">
        <v>2</v>
      </c>
      <c r="BP38" s="277">
        <v>0</v>
      </c>
      <c r="BQ38" s="281">
        <v>0</v>
      </c>
      <c r="BR38" s="278">
        <v>0</v>
      </c>
      <c r="BS38" s="280">
        <v>0</v>
      </c>
      <c r="BT38" s="281">
        <v>0</v>
      </c>
      <c r="BU38" s="281">
        <v>0</v>
      </c>
      <c r="BV38" s="281">
        <v>0</v>
      </c>
      <c r="BW38" s="281">
        <v>0</v>
      </c>
      <c r="BX38" s="281">
        <v>0</v>
      </c>
      <c r="BY38" s="278">
        <v>0</v>
      </c>
      <c r="BZ38" s="283">
        <v>0</v>
      </c>
      <c r="CA38" s="277">
        <v>0</v>
      </c>
      <c r="CB38" s="281">
        <v>0</v>
      </c>
      <c r="CC38" s="278">
        <v>0</v>
      </c>
      <c r="CD38" s="280">
        <v>0</v>
      </c>
      <c r="CE38" s="281">
        <v>0</v>
      </c>
      <c r="CF38" s="281">
        <v>0</v>
      </c>
      <c r="CG38" s="281">
        <v>0</v>
      </c>
      <c r="CH38" s="281">
        <v>0</v>
      </c>
      <c r="CI38" s="281">
        <v>0</v>
      </c>
      <c r="CJ38" s="278">
        <v>0</v>
      </c>
      <c r="CK38" s="283">
        <v>0</v>
      </c>
      <c r="CL38" s="277">
        <v>0</v>
      </c>
      <c r="CM38" s="281">
        <v>0</v>
      </c>
      <c r="CN38" s="278">
        <v>0</v>
      </c>
      <c r="CO38" s="280">
        <v>0</v>
      </c>
      <c r="CP38" s="281">
        <v>0</v>
      </c>
      <c r="CQ38" s="281">
        <v>0</v>
      </c>
      <c r="CR38" s="281">
        <v>0</v>
      </c>
      <c r="CS38" s="281">
        <v>0</v>
      </c>
      <c r="CT38" s="281">
        <v>0</v>
      </c>
      <c r="CU38" s="278">
        <v>0</v>
      </c>
      <c r="CV38" s="283">
        <v>0</v>
      </c>
    </row>
    <row r="39" spans="1:100" ht="21" customHeight="1" thickBot="1" x14ac:dyDescent="0.25">
      <c r="A39" s="263" t="s">
        <v>37</v>
      </c>
      <c r="B39" s="284">
        <v>0</v>
      </c>
      <c r="C39" s="285">
        <v>0</v>
      </c>
      <c r="D39" s="286">
        <v>0</v>
      </c>
      <c r="E39" s="287">
        <v>0</v>
      </c>
      <c r="F39" s="288">
        <v>0</v>
      </c>
      <c r="G39" s="288">
        <v>0</v>
      </c>
      <c r="H39" s="288">
        <v>0</v>
      </c>
      <c r="I39" s="288">
        <v>0</v>
      </c>
      <c r="J39" s="288">
        <v>0</v>
      </c>
      <c r="K39" s="289">
        <v>0</v>
      </c>
      <c r="L39" s="290">
        <v>0</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0</v>
      </c>
      <c r="AC39" s="288">
        <v>0</v>
      </c>
      <c r="AD39" s="288">
        <v>0</v>
      </c>
      <c r="AE39" s="288">
        <v>0</v>
      </c>
      <c r="AF39" s="288">
        <v>1</v>
      </c>
      <c r="AG39" s="285">
        <v>1</v>
      </c>
      <c r="AH39" s="290">
        <v>1</v>
      </c>
      <c r="AI39" s="284">
        <v>0</v>
      </c>
      <c r="AJ39" s="288">
        <v>0</v>
      </c>
      <c r="AK39" s="285">
        <v>0</v>
      </c>
      <c r="AL39" s="287">
        <v>0</v>
      </c>
      <c r="AM39" s="288">
        <v>0</v>
      </c>
      <c r="AN39" s="288">
        <v>0</v>
      </c>
      <c r="AO39" s="288">
        <v>0</v>
      </c>
      <c r="AP39" s="288">
        <v>0</v>
      </c>
      <c r="AQ39" s="288">
        <v>0</v>
      </c>
      <c r="AR39" s="285">
        <v>0</v>
      </c>
      <c r="AS39" s="290">
        <v>0</v>
      </c>
      <c r="AT39" s="284">
        <v>0</v>
      </c>
      <c r="AU39" s="288">
        <v>0</v>
      </c>
      <c r="AV39" s="285">
        <v>0</v>
      </c>
      <c r="AW39" s="287">
        <v>0</v>
      </c>
      <c r="AX39" s="288">
        <v>0</v>
      </c>
      <c r="AY39" s="288">
        <v>0</v>
      </c>
      <c r="AZ39" s="288">
        <v>0</v>
      </c>
      <c r="BA39" s="288">
        <v>0</v>
      </c>
      <c r="BB39" s="288">
        <v>0</v>
      </c>
      <c r="BC39" s="285">
        <v>0</v>
      </c>
      <c r="BD39" s="290">
        <v>0</v>
      </c>
      <c r="BE39" s="284">
        <v>0</v>
      </c>
      <c r="BF39" s="288">
        <v>0</v>
      </c>
      <c r="BG39" s="285">
        <v>0</v>
      </c>
      <c r="BH39" s="287">
        <v>0</v>
      </c>
      <c r="BI39" s="288">
        <v>0</v>
      </c>
      <c r="BJ39" s="288">
        <v>0</v>
      </c>
      <c r="BK39" s="288">
        <v>0</v>
      </c>
      <c r="BL39" s="288">
        <v>0</v>
      </c>
      <c r="BM39" s="288">
        <v>0</v>
      </c>
      <c r="BN39" s="289">
        <v>0</v>
      </c>
      <c r="BO39" s="290">
        <v>0</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0</v>
      </c>
      <c r="CI39" s="288">
        <v>0</v>
      </c>
      <c r="CJ39" s="285">
        <v>0</v>
      </c>
      <c r="CK39" s="290">
        <v>0</v>
      </c>
      <c r="CL39" s="284">
        <v>0</v>
      </c>
      <c r="CM39" s="288">
        <v>0</v>
      </c>
      <c r="CN39" s="285">
        <v>0</v>
      </c>
      <c r="CO39" s="287">
        <v>0</v>
      </c>
      <c r="CP39" s="288">
        <v>0</v>
      </c>
      <c r="CQ39" s="288">
        <v>0</v>
      </c>
      <c r="CR39" s="288">
        <v>0</v>
      </c>
      <c r="CS39" s="288">
        <v>0</v>
      </c>
      <c r="CT39" s="288">
        <v>0</v>
      </c>
      <c r="CU39" s="285">
        <v>0</v>
      </c>
      <c r="CV39" s="290">
        <v>0</v>
      </c>
    </row>
  </sheetData>
  <mergeCells count="39">
    <mergeCell ref="CV4:CV5"/>
    <mergeCell ref="CA3:CK3"/>
    <mergeCell ref="CL3:CV3"/>
    <mergeCell ref="H1:I1"/>
    <mergeCell ref="K1:L1"/>
    <mergeCell ref="BD4:BD5"/>
    <mergeCell ref="BE3:BO3"/>
    <mergeCell ref="BO4:BO5"/>
    <mergeCell ref="BP3:BZ3"/>
    <mergeCell ref="AI4:AK4"/>
    <mergeCell ref="AI3:AS3"/>
    <mergeCell ref="AT3:BD3"/>
    <mergeCell ref="CO4:CU4"/>
    <mergeCell ref="AL4:AR4"/>
    <mergeCell ref="AS4:AS5"/>
    <mergeCell ref="AT4:AV4"/>
    <mergeCell ref="A3:A5"/>
    <mergeCell ref="B3:L3"/>
    <mergeCell ref="M3:W3"/>
    <mergeCell ref="X3:AH3"/>
    <mergeCell ref="B4:D4"/>
    <mergeCell ref="E4:K4"/>
    <mergeCell ref="L4:L5"/>
    <mergeCell ref="M4:O4"/>
    <mergeCell ref="P4:V4"/>
    <mergeCell ref="W4:W5"/>
    <mergeCell ref="X4:Z4"/>
    <mergeCell ref="AA4:AG4"/>
    <mergeCell ref="AH4:AH5"/>
    <mergeCell ref="CL4:CN4"/>
    <mergeCell ref="AW4:BC4"/>
    <mergeCell ref="BE4:BG4"/>
    <mergeCell ref="BH4:BN4"/>
    <mergeCell ref="BZ4:BZ5"/>
    <mergeCell ref="CK4:CK5"/>
    <mergeCell ref="BP4:BR4"/>
    <mergeCell ref="BS4:BY4"/>
    <mergeCell ref="CA4:CC4"/>
    <mergeCell ref="CD4:CJ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 style="256" customWidth="1"/>
    <col min="5" max="5" width="7.77734375" style="256" customWidth="1"/>
    <col min="6" max="6" width="10.77734375" style="256" customWidth="1"/>
    <col min="7" max="15" width="9" style="256"/>
    <col min="16" max="16" width="8" style="256" customWidth="1"/>
    <col min="17" max="16384" width="9" style="256"/>
  </cols>
  <sheetData>
    <row r="1" spans="1:23" ht="21" customHeight="1" x14ac:dyDescent="0.2">
      <c r="A1" s="291" t="s">
        <v>125</v>
      </c>
      <c r="G1" s="528">
        <f>第１表!F2</f>
        <v>4</v>
      </c>
      <c r="H1" s="528"/>
      <c r="I1" s="248">
        <f>第１表!G2</f>
        <v>5</v>
      </c>
      <c r="J1" s="529">
        <f>IF(I1&lt;3,I1+12-2,I1-2)</f>
        <v>3</v>
      </c>
      <c r="K1" s="529"/>
    </row>
    <row r="2" spans="1:23" ht="18.75" customHeight="1" thickBot="1" x14ac:dyDescent="0.25">
      <c r="A2" s="291" t="s">
        <v>133</v>
      </c>
    </row>
    <row r="3" spans="1:23" ht="21.75" customHeight="1" x14ac:dyDescent="0.2">
      <c r="A3" s="532"/>
      <c r="B3" s="533" t="s">
        <v>143</v>
      </c>
      <c r="C3" s="533"/>
      <c r="D3" s="533"/>
      <c r="E3" s="533"/>
      <c r="F3" s="533"/>
      <c r="G3" s="533"/>
      <c r="H3" s="533"/>
      <c r="I3" s="533"/>
      <c r="J3" s="533"/>
      <c r="K3" s="533"/>
      <c r="L3" s="565"/>
      <c r="M3" s="533" t="s">
        <v>113</v>
      </c>
      <c r="N3" s="533"/>
      <c r="O3" s="533"/>
      <c r="P3" s="533"/>
      <c r="Q3" s="533"/>
      <c r="R3" s="533"/>
      <c r="S3" s="533"/>
      <c r="T3" s="533"/>
      <c r="U3" s="533"/>
      <c r="V3" s="533"/>
      <c r="W3" s="565"/>
    </row>
    <row r="4" spans="1:23" ht="20.25" customHeight="1" x14ac:dyDescent="0.2">
      <c r="A4" s="571"/>
      <c r="B4" s="566" t="s">
        <v>61</v>
      </c>
      <c r="C4" s="566"/>
      <c r="D4" s="567"/>
      <c r="E4" s="568" t="s">
        <v>62</v>
      </c>
      <c r="F4" s="566"/>
      <c r="G4" s="566"/>
      <c r="H4" s="566"/>
      <c r="I4" s="566"/>
      <c r="J4" s="566"/>
      <c r="K4" s="569"/>
      <c r="L4" s="570" t="s">
        <v>52</v>
      </c>
      <c r="M4" s="566" t="s">
        <v>61</v>
      </c>
      <c r="N4" s="566"/>
      <c r="O4" s="567"/>
      <c r="P4" s="568" t="s">
        <v>62</v>
      </c>
      <c r="Q4" s="566"/>
      <c r="R4" s="566"/>
      <c r="S4" s="566"/>
      <c r="T4" s="566"/>
      <c r="U4" s="566"/>
      <c r="V4" s="569"/>
      <c r="W4" s="570" t="s">
        <v>52</v>
      </c>
    </row>
    <row r="5" spans="1:23" ht="28.5" customHeight="1" thickBot="1" x14ac:dyDescent="0.25">
      <c r="A5" s="572"/>
      <c r="B5" s="260" t="s">
        <v>43</v>
      </c>
      <c r="C5" s="260" t="s">
        <v>44</v>
      </c>
      <c r="D5" s="266" t="s">
        <v>45</v>
      </c>
      <c r="E5" s="268" t="s">
        <v>83</v>
      </c>
      <c r="F5" s="260" t="s">
        <v>47</v>
      </c>
      <c r="G5" s="260" t="s">
        <v>48</v>
      </c>
      <c r="H5" s="260" t="s">
        <v>49</v>
      </c>
      <c r="I5" s="260" t="s">
        <v>50</v>
      </c>
      <c r="J5" s="260" t="s">
        <v>51</v>
      </c>
      <c r="K5" s="266" t="s">
        <v>45</v>
      </c>
      <c r="L5" s="531"/>
      <c r="M5" s="260" t="s">
        <v>43</v>
      </c>
      <c r="N5" s="260" t="s">
        <v>44</v>
      </c>
      <c r="O5" s="266" t="s">
        <v>45</v>
      </c>
      <c r="P5" s="268" t="s">
        <v>83</v>
      </c>
      <c r="Q5" s="260" t="s">
        <v>47</v>
      </c>
      <c r="R5" s="260" t="s">
        <v>48</v>
      </c>
      <c r="S5" s="260" t="s">
        <v>49</v>
      </c>
      <c r="T5" s="260" t="s">
        <v>50</v>
      </c>
      <c r="U5" s="260" t="s">
        <v>51</v>
      </c>
      <c r="V5" s="266" t="s">
        <v>45</v>
      </c>
      <c r="W5" s="531"/>
    </row>
    <row r="6" spans="1:23" ht="21" customHeight="1" x14ac:dyDescent="0.2">
      <c r="A6" s="259" t="s">
        <v>4</v>
      </c>
      <c r="B6" s="274">
        <v>0</v>
      </c>
      <c r="C6" s="274">
        <v>0</v>
      </c>
      <c r="D6" s="271">
        <v>0</v>
      </c>
      <c r="E6" s="273">
        <v>0</v>
      </c>
      <c r="F6" s="274">
        <v>102489</v>
      </c>
      <c r="G6" s="274">
        <v>99288</v>
      </c>
      <c r="H6" s="274">
        <v>59009</v>
      </c>
      <c r="I6" s="274">
        <v>30671</v>
      </c>
      <c r="J6" s="274">
        <v>14071</v>
      </c>
      <c r="K6" s="271">
        <v>305528</v>
      </c>
      <c r="L6" s="276">
        <v>305528</v>
      </c>
      <c r="M6" s="274">
        <v>28</v>
      </c>
      <c r="N6" s="274">
        <v>52</v>
      </c>
      <c r="O6" s="271">
        <v>80</v>
      </c>
      <c r="P6" s="273">
        <v>0</v>
      </c>
      <c r="Q6" s="274">
        <v>6724</v>
      </c>
      <c r="R6" s="274">
        <v>8846</v>
      </c>
      <c r="S6" s="274">
        <v>11915</v>
      </c>
      <c r="T6" s="274">
        <v>6260</v>
      </c>
      <c r="U6" s="274">
        <v>5389</v>
      </c>
      <c r="V6" s="271">
        <v>39134</v>
      </c>
      <c r="W6" s="276">
        <v>39214</v>
      </c>
    </row>
    <row r="7" spans="1:23" ht="21" customHeight="1" x14ac:dyDescent="0.2">
      <c r="A7" s="257" t="s">
        <v>5</v>
      </c>
      <c r="B7" s="281">
        <v>0</v>
      </c>
      <c r="C7" s="281">
        <v>0</v>
      </c>
      <c r="D7" s="278">
        <v>0</v>
      </c>
      <c r="E7" s="280">
        <v>0</v>
      </c>
      <c r="F7" s="281">
        <v>33453</v>
      </c>
      <c r="G7" s="281">
        <v>44308</v>
      </c>
      <c r="H7" s="281">
        <v>26276</v>
      </c>
      <c r="I7" s="281">
        <v>13960</v>
      </c>
      <c r="J7" s="281">
        <v>6371</v>
      </c>
      <c r="K7" s="278">
        <v>124368</v>
      </c>
      <c r="L7" s="283">
        <v>124368</v>
      </c>
      <c r="M7" s="281">
        <v>9</v>
      </c>
      <c r="N7" s="281">
        <v>14</v>
      </c>
      <c r="O7" s="278">
        <v>23</v>
      </c>
      <c r="P7" s="280">
        <v>0</v>
      </c>
      <c r="Q7" s="281">
        <v>2964</v>
      </c>
      <c r="R7" s="281">
        <v>4340</v>
      </c>
      <c r="S7" s="281">
        <v>5988</v>
      </c>
      <c r="T7" s="281">
        <v>3263</v>
      </c>
      <c r="U7" s="281">
        <v>3279</v>
      </c>
      <c r="V7" s="278">
        <v>19834</v>
      </c>
      <c r="W7" s="283">
        <v>19857</v>
      </c>
    </row>
    <row r="8" spans="1:23" ht="21" customHeight="1" x14ac:dyDescent="0.2">
      <c r="A8" s="257" t="s">
        <v>6</v>
      </c>
      <c r="B8" s="281">
        <v>0</v>
      </c>
      <c r="C8" s="281">
        <v>0</v>
      </c>
      <c r="D8" s="278">
        <v>0</v>
      </c>
      <c r="E8" s="280">
        <v>0</v>
      </c>
      <c r="F8" s="281">
        <v>15136</v>
      </c>
      <c r="G8" s="281">
        <v>11064</v>
      </c>
      <c r="H8" s="281">
        <v>7155</v>
      </c>
      <c r="I8" s="281">
        <v>4105</v>
      </c>
      <c r="J8" s="281">
        <v>2081</v>
      </c>
      <c r="K8" s="278">
        <v>39541</v>
      </c>
      <c r="L8" s="283">
        <v>39541</v>
      </c>
      <c r="M8" s="281">
        <v>10</v>
      </c>
      <c r="N8" s="281">
        <v>4</v>
      </c>
      <c r="O8" s="278">
        <v>14</v>
      </c>
      <c r="P8" s="280">
        <v>0</v>
      </c>
      <c r="Q8" s="281">
        <v>1606</v>
      </c>
      <c r="R8" s="281">
        <v>1966</v>
      </c>
      <c r="S8" s="281">
        <v>2741</v>
      </c>
      <c r="T8" s="281">
        <v>1621</v>
      </c>
      <c r="U8" s="281">
        <v>998</v>
      </c>
      <c r="V8" s="278">
        <v>8932</v>
      </c>
      <c r="W8" s="283">
        <v>8946</v>
      </c>
    </row>
    <row r="9" spans="1:23" ht="21" customHeight="1" x14ac:dyDescent="0.2">
      <c r="A9" s="257" t="s">
        <v>14</v>
      </c>
      <c r="B9" s="281">
        <v>0</v>
      </c>
      <c r="C9" s="281">
        <v>0</v>
      </c>
      <c r="D9" s="278">
        <v>0</v>
      </c>
      <c r="E9" s="280">
        <v>0</v>
      </c>
      <c r="F9" s="281">
        <v>8798</v>
      </c>
      <c r="G9" s="281">
        <v>8847</v>
      </c>
      <c r="H9" s="281">
        <v>5832</v>
      </c>
      <c r="I9" s="281">
        <v>2785</v>
      </c>
      <c r="J9" s="281">
        <v>1059</v>
      </c>
      <c r="K9" s="278">
        <v>27321</v>
      </c>
      <c r="L9" s="283">
        <v>27321</v>
      </c>
      <c r="M9" s="281">
        <v>0</v>
      </c>
      <c r="N9" s="281">
        <v>0</v>
      </c>
      <c r="O9" s="278">
        <v>0</v>
      </c>
      <c r="P9" s="280">
        <v>0</v>
      </c>
      <c r="Q9" s="281">
        <v>158</v>
      </c>
      <c r="R9" s="281">
        <v>235</v>
      </c>
      <c r="S9" s="281">
        <v>370</v>
      </c>
      <c r="T9" s="281">
        <v>206</v>
      </c>
      <c r="U9" s="281">
        <v>220</v>
      </c>
      <c r="V9" s="278">
        <v>1189</v>
      </c>
      <c r="W9" s="283">
        <v>1189</v>
      </c>
    </row>
    <row r="10" spans="1:23" ht="21" customHeight="1" x14ac:dyDescent="0.2">
      <c r="A10" s="257" t="s">
        <v>7</v>
      </c>
      <c r="B10" s="281">
        <v>0</v>
      </c>
      <c r="C10" s="281">
        <v>0</v>
      </c>
      <c r="D10" s="278">
        <v>0</v>
      </c>
      <c r="E10" s="280">
        <v>0</v>
      </c>
      <c r="F10" s="281">
        <v>7958</v>
      </c>
      <c r="G10" s="281">
        <v>5209</v>
      </c>
      <c r="H10" s="281">
        <v>2966</v>
      </c>
      <c r="I10" s="281">
        <v>1155</v>
      </c>
      <c r="J10" s="281">
        <v>483</v>
      </c>
      <c r="K10" s="278">
        <v>17771</v>
      </c>
      <c r="L10" s="283">
        <v>17771</v>
      </c>
      <c r="M10" s="281">
        <v>4</v>
      </c>
      <c r="N10" s="281">
        <v>0</v>
      </c>
      <c r="O10" s="278">
        <v>4</v>
      </c>
      <c r="P10" s="280">
        <v>0</v>
      </c>
      <c r="Q10" s="281">
        <v>776</v>
      </c>
      <c r="R10" s="281">
        <v>870</v>
      </c>
      <c r="S10" s="281">
        <v>1142</v>
      </c>
      <c r="T10" s="281">
        <v>342</v>
      </c>
      <c r="U10" s="281">
        <v>186</v>
      </c>
      <c r="V10" s="278">
        <v>3316</v>
      </c>
      <c r="W10" s="283">
        <v>3320</v>
      </c>
    </row>
    <row r="11" spans="1:23" ht="21" customHeight="1" x14ac:dyDescent="0.2">
      <c r="A11" s="257" t="s">
        <v>8</v>
      </c>
      <c r="B11" s="281">
        <v>0</v>
      </c>
      <c r="C11" s="281">
        <v>0</v>
      </c>
      <c r="D11" s="278">
        <v>0</v>
      </c>
      <c r="E11" s="280">
        <v>0</v>
      </c>
      <c r="F11" s="281">
        <v>4762</v>
      </c>
      <c r="G11" s="281">
        <v>4196</v>
      </c>
      <c r="H11" s="281">
        <v>2326</v>
      </c>
      <c r="I11" s="281">
        <v>1169</v>
      </c>
      <c r="J11" s="281">
        <v>484</v>
      </c>
      <c r="K11" s="278">
        <v>12937</v>
      </c>
      <c r="L11" s="283">
        <v>12937</v>
      </c>
      <c r="M11" s="281">
        <v>0</v>
      </c>
      <c r="N11" s="281">
        <v>0</v>
      </c>
      <c r="O11" s="278">
        <v>0</v>
      </c>
      <c r="P11" s="280">
        <v>0</v>
      </c>
      <c r="Q11" s="281">
        <v>91</v>
      </c>
      <c r="R11" s="281">
        <v>127</v>
      </c>
      <c r="S11" s="281">
        <v>107</v>
      </c>
      <c r="T11" s="281">
        <v>62</v>
      </c>
      <c r="U11" s="281">
        <v>62</v>
      </c>
      <c r="V11" s="278">
        <v>449</v>
      </c>
      <c r="W11" s="283">
        <v>449</v>
      </c>
    </row>
    <row r="12" spans="1:23" ht="21" customHeight="1" x14ac:dyDescent="0.2">
      <c r="A12" s="257" t="s">
        <v>9</v>
      </c>
      <c r="B12" s="281">
        <v>0</v>
      </c>
      <c r="C12" s="281">
        <v>0</v>
      </c>
      <c r="D12" s="278">
        <v>0</v>
      </c>
      <c r="E12" s="280">
        <v>0</v>
      </c>
      <c r="F12" s="281">
        <v>2946</v>
      </c>
      <c r="G12" s="281">
        <v>2309</v>
      </c>
      <c r="H12" s="281">
        <v>1532</v>
      </c>
      <c r="I12" s="281">
        <v>753</v>
      </c>
      <c r="J12" s="281">
        <v>234</v>
      </c>
      <c r="K12" s="278">
        <v>7774</v>
      </c>
      <c r="L12" s="283">
        <v>7774</v>
      </c>
      <c r="M12" s="281">
        <v>0</v>
      </c>
      <c r="N12" s="281">
        <v>0</v>
      </c>
      <c r="O12" s="278">
        <v>0</v>
      </c>
      <c r="P12" s="280">
        <v>0</v>
      </c>
      <c r="Q12" s="281">
        <v>48</v>
      </c>
      <c r="R12" s="281">
        <v>31</v>
      </c>
      <c r="S12" s="281">
        <v>53</v>
      </c>
      <c r="T12" s="281">
        <v>50</v>
      </c>
      <c r="U12" s="281">
        <v>45</v>
      </c>
      <c r="V12" s="278">
        <v>227</v>
      </c>
      <c r="W12" s="283">
        <v>227</v>
      </c>
    </row>
    <row r="13" spans="1:23" ht="21" customHeight="1" x14ac:dyDescent="0.2">
      <c r="A13" s="257" t="s">
        <v>10</v>
      </c>
      <c r="B13" s="281">
        <v>0</v>
      </c>
      <c r="C13" s="281">
        <v>0</v>
      </c>
      <c r="D13" s="278">
        <v>0</v>
      </c>
      <c r="E13" s="280">
        <v>0</v>
      </c>
      <c r="F13" s="281">
        <v>4306</v>
      </c>
      <c r="G13" s="281">
        <v>2347</v>
      </c>
      <c r="H13" s="281">
        <v>1083</v>
      </c>
      <c r="I13" s="281">
        <v>605</v>
      </c>
      <c r="J13" s="281">
        <v>313</v>
      </c>
      <c r="K13" s="278">
        <v>8654</v>
      </c>
      <c r="L13" s="283">
        <v>8654</v>
      </c>
      <c r="M13" s="281">
        <v>0</v>
      </c>
      <c r="N13" s="281">
        <v>5</v>
      </c>
      <c r="O13" s="278">
        <v>5</v>
      </c>
      <c r="P13" s="280">
        <v>0</v>
      </c>
      <c r="Q13" s="281">
        <v>152</v>
      </c>
      <c r="R13" s="281">
        <v>178</v>
      </c>
      <c r="S13" s="281">
        <v>196</v>
      </c>
      <c r="T13" s="281">
        <v>77</v>
      </c>
      <c r="U13" s="281">
        <v>89</v>
      </c>
      <c r="V13" s="278">
        <v>692</v>
      </c>
      <c r="W13" s="283">
        <v>697</v>
      </c>
    </row>
    <row r="14" spans="1:23" ht="21" customHeight="1" x14ac:dyDescent="0.2">
      <c r="A14" s="257" t="s">
        <v>11</v>
      </c>
      <c r="B14" s="281">
        <v>0</v>
      </c>
      <c r="C14" s="281">
        <v>0</v>
      </c>
      <c r="D14" s="278">
        <v>0</v>
      </c>
      <c r="E14" s="280">
        <v>0</v>
      </c>
      <c r="F14" s="281">
        <v>4522</v>
      </c>
      <c r="G14" s="281">
        <v>2727</v>
      </c>
      <c r="H14" s="281">
        <v>1685</v>
      </c>
      <c r="I14" s="281">
        <v>852</v>
      </c>
      <c r="J14" s="281">
        <v>368</v>
      </c>
      <c r="K14" s="278">
        <v>10154</v>
      </c>
      <c r="L14" s="283">
        <v>10154</v>
      </c>
      <c r="M14" s="281">
        <v>0</v>
      </c>
      <c r="N14" s="281">
        <v>17</v>
      </c>
      <c r="O14" s="278">
        <v>17</v>
      </c>
      <c r="P14" s="280">
        <v>0</v>
      </c>
      <c r="Q14" s="281">
        <v>190</v>
      </c>
      <c r="R14" s="281">
        <v>99</v>
      </c>
      <c r="S14" s="281">
        <v>85</v>
      </c>
      <c r="T14" s="281">
        <v>10</v>
      </c>
      <c r="U14" s="281">
        <v>13</v>
      </c>
      <c r="V14" s="278">
        <v>397</v>
      </c>
      <c r="W14" s="283">
        <v>414</v>
      </c>
    </row>
    <row r="15" spans="1:23" ht="21" customHeight="1" x14ac:dyDescent="0.2">
      <c r="A15" s="257" t="s">
        <v>12</v>
      </c>
      <c r="B15" s="281">
        <v>0</v>
      </c>
      <c r="C15" s="281">
        <v>0</v>
      </c>
      <c r="D15" s="278">
        <v>0</v>
      </c>
      <c r="E15" s="280">
        <v>0</v>
      </c>
      <c r="F15" s="281">
        <v>3317</v>
      </c>
      <c r="G15" s="281">
        <v>2061</v>
      </c>
      <c r="H15" s="281">
        <v>1491</v>
      </c>
      <c r="I15" s="281">
        <v>501</v>
      </c>
      <c r="J15" s="281">
        <v>358</v>
      </c>
      <c r="K15" s="278">
        <v>7728</v>
      </c>
      <c r="L15" s="283">
        <v>7728</v>
      </c>
      <c r="M15" s="281">
        <v>0</v>
      </c>
      <c r="N15" s="281">
        <v>0</v>
      </c>
      <c r="O15" s="278">
        <v>0</v>
      </c>
      <c r="P15" s="280">
        <v>0</v>
      </c>
      <c r="Q15" s="281">
        <v>33</v>
      </c>
      <c r="R15" s="281">
        <v>41</v>
      </c>
      <c r="S15" s="281">
        <v>0</v>
      </c>
      <c r="T15" s="281">
        <v>0</v>
      </c>
      <c r="U15" s="281">
        <v>14</v>
      </c>
      <c r="V15" s="278">
        <v>88</v>
      </c>
      <c r="W15" s="283">
        <v>88</v>
      </c>
    </row>
    <row r="16" spans="1:23" ht="21" customHeight="1" x14ac:dyDescent="0.2">
      <c r="A16" s="257" t="s">
        <v>13</v>
      </c>
      <c r="B16" s="281">
        <v>0</v>
      </c>
      <c r="C16" s="281">
        <v>0</v>
      </c>
      <c r="D16" s="278">
        <v>0</v>
      </c>
      <c r="E16" s="280">
        <v>0</v>
      </c>
      <c r="F16" s="281">
        <v>973</v>
      </c>
      <c r="G16" s="281">
        <v>1072</v>
      </c>
      <c r="H16" s="281">
        <v>540</v>
      </c>
      <c r="I16" s="281">
        <v>313</v>
      </c>
      <c r="J16" s="281">
        <v>139</v>
      </c>
      <c r="K16" s="278">
        <v>3037</v>
      </c>
      <c r="L16" s="283">
        <v>3037</v>
      </c>
      <c r="M16" s="281">
        <v>0</v>
      </c>
      <c r="N16" s="281">
        <v>0</v>
      </c>
      <c r="O16" s="278">
        <v>0</v>
      </c>
      <c r="P16" s="280">
        <v>0</v>
      </c>
      <c r="Q16" s="281">
        <v>16</v>
      </c>
      <c r="R16" s="281">
        <v>15</v>
      </c>
      <c r="S16" s="281">
        <v>74</v>
      </c>
      <c r="T16" s="281">
        <v>81</v>
      </c>
      <c r="U16" s="281">
        <v>30</v>
      </c>
      <c r="V16" s="278">
        <v>216</v>
      </c>
      <c r="W16" s="283">
        <v>216</v>
      </c>
    </row>
    <row r="17" spans="1:23" ht="21" customHeight="1" x14ac:dyDescent="0.2">
      <c r="A17" s="257" t="s">
        <v>15</v>
      </c>
      <c r="B17" s="281">
        <v>0</v>
      </c>
      <c r="C17" s="281">
        <v>0</v>
      </c>
      <c r="D17" s="278">
        <v>0</v>
      </c>
      <c r="E17" s="280">
        <v>0</v>
      </c>
      <c r="F17" s="281">
        <v>1091</v>
      </c>
      <c r="G17" s="281">
        <v>1363</v>
      </c>
      <c r="H17" s="281">
        <v>651</v>
      </c>
      <c r="I17" s="281">
        <v>363</v>
      </c>
      <c r="J17" s="281">
        <v>85</v>
      </c>
      <c r="K17" s="278">
        <v>3553</v>
      </c>
      <c r="L17" s="283">
        <v>3553</v>
      </c>
      <c r="M17" s="281">
        <v>0</v>
      </c>
      <c r="N17" s="281">
        <v>0</v>
      </c>
      <c r="O17" s="278">
        <v>0</v>
      </c>
      <c r="P17" s="280">
        <v>0</v>
      </c>
      <c r="Q17" s="281">
        <v>28</v>
      </c>
      <c r="R17" s="281">
        <v>47</v>
      </c>
      <c r="S17" s="281">
        <v>84</v>
      </c>
      <c r="T17" s="281">
        <v>30</v>
      </c>
      <c r="U17" s="281">
        <v>4</v>
      </c>
      <c r="V17" s="278">
        <v>193</v>
      </c>
      <c r="W17" s="283">
        <v>193</v>
      </c>
    </row>
    <row r="18" spans="1:23" ht="21" customHeight="1" x14ac:dyDescent="0.2">
      <c r="A18" s="257" t="s">
        <v>16</v>
      </c>
      <c r="B18" s="281">
        <v>0</v>
      </c>
      <c r="C18" s="281">
        <v>0</v>
      </c>
      <c r="D18" s="278">
        <v>0</v>
      </c>
      <c r="E18" s="280">
        <v>0</v>
      </c>
      <c r="F18" s="281">
        <v>1330</v>
      </c>
      <c r="G18" s="281">
        <v>1527</v>
      </c>
      <c r="H18" s="281">
        <v>1024</v>
      </c>
      <c r="I18" s="281">
        <v>437</v>
      </c>
      <c r="J18" s="281">
        <v>190</v>
      </c>
      <c r="K18" s="278">
        <v>4508</v>
      </c>
      <c r="L18" s="283">
        <v>4508</v>
      </c>
      <c r="M18" s="281">
        <v>0</v>
      </c>
      <c r="N18" s="281">
        <v>0</v>
      </c>
      <c r="O18" s="278">
        <v>0</v>
      </c>
      <c r="P18" s="280">
        <v>0</v>
      </c>
      <c r="Q18" s="281">
        <v>56</v>
      </c>
      <c r="R18" s="281">
        <v>102</v>
      </c>
      <c r="S18" s="281">
        <v>106</v>
      </c>
      <c r="T18" s="281">
        <v>30</v>
      </c>
      <c r="U18" s="281">
        <v>55</v>
      </c>
      <c r="V18" s="278">
        <v>349</v>
      </c>
      <c r="W18" s="283">
        <v>349</v>
      </c>
    </row>
    <row r="19" spans="1:23" ht="21" customHeight="1" x14ac:dyDescent="0.2">
      <c r="A19" s="257" t="s">
        <v>17</v>
      </c>
      <c r="B19" s="281">
        <v>0</v>
      </c>
      <c r="C19" s="281">
        <v>0</v>
      </c>
      <c r="D19" s="278">
        <v>0</v>
      </c>
      <c r="E19" s="280">
        <v>0</v>
      </c>
      <c r="F19" s="281">
        <v>2271</v>
      </c>
      <c r="G19" s="281">
        <v>2749</v>
      </c>
      <c r="H19" s="281">
        <v>1530</v>
      </c>
      <c r="I19" s="281">
        <v>1190</v>
      </c>
      <c r="J19" s="281">
        <v>830</v>
      </c>
      <c r="K19" s="278">
        <v>8570</v>
      </c>
      <c r="L19" s="283">
        <v>8570</v>
      </c>
      <c r="M19" s="281">
        <v>0</v>
      </c>
      <c r="N19" s="281">
        <v>12</v>
      </c>
      <c r="O19" s="278">
        <v>12</v>
      </c>
      <c r="P19" s="280">
        <v>0</v>
      </c>
      <c r="Q19" s="281">
        <v>163</v>
      </c>
      <c r="R19" s="281">
        <v>244</v>
      </c>
      <c r="S19" s="281">
        <v>233</v>
      </c>
      <c r="T19" s="281">
        <v>135</v>
      </c>
      <c r="U19" s="281">
        <v>50</v>
      </c>
      <c r="V19" s="278">
        <v>825</v>
      </c>
      <c r="W19" s="283">
        <v>837</v>
      </c>
    </row>
    <row r="20" spans="1:23" ht="21" customHeight="1" x14ac:dyDescent="0.2">
      <c r="A20" s="257" t="s">
        <v>18</v>
      </c>
      <c r="B20" s="281">
        <v>0</v>
      </c>
      <c r="C20" s="281">
        <v>0</v>
      </c>
      <c r="D20" s="278">
        <v>0</v>
      </c>
      <c r="E20" s="280">
        <v>0</v>
      </c>
      <c r="F20" s="281">
        <v>2472</v>
      </c>
      <c r="G20" s="281">
        <v>2182</v>
      </c>
      <c r="H20" s="281">
        <v>1115</v>
      </c>
      <c r="I20" s="281">
        <v>482</v>
      </c>
      <c r="J20" s="281">
        <v>158</v>
      </c>
      <c r="K20" s="278">
        <v>6409</v>
      </c>
      <c r="L20" s="283">
        <v>6409</v>
      </c>
      <c r="M20" s="281">
        <v>0</v>
      </c>
      <c r="N20" s="281">
        <v>0</v>
      </c>
      <c r="O20" s="278">
        <v>0</v>
      </c>
      <c r="P20" s="280">
        <v>0</v>
      </c>
      <c r="Q20" s="281">
        <v>75</v>
      </c>
      <c r="R20" s="281">
        <v>72</v>
      </c>
      <c r="S20" s="281">
        <v>142</v>
      </c>
      <c r="T20" s="281">
        <v>156</v>
      </c>
      <c r="U20" s="281">
        <v>152</v>
      </c>
      <c r="V20" s="278">
        <v>597</v>
      </c>
      <c r="W20" s="283">
        <v>597</v>
      </c>
    </row>
    <row r="21" spans="1:23" ht="21" customHeight="1" x14ac:dyDescent="0.2">
      <c r="A21" s="257" t="s">
        <v>19</v>
      </c>
      <c r="B21" s="281">
        <v>0</v>
      </c>
      <c r="C21" s="281">
        <v>0</v>
      </c>
      <c r="D21" s="278">
        <v>0</v>
      </c>
      <c r="E21" s="280">
        <v>0</v>
      </c>
      <c r="F21" s="281">
        <v>996</v>
      </c>
      <c r="G21" s="281">
        <v>924</v>
      </c>
      <c r="H21" s="281">
        <v>486</v>
      </c>
      <c r="I21" s="281">
        <v>160</v>
      </c>
      <c r="J21" s="281">
        <v>114</v>
      </c>
      <c r="K21" s="278">
        <v>2680</v>
      </c>
      <c r="L21" s="283">
        <v>2680</v>
      </c>
      <c r="M21" s="281">
        <v>0</v>
      </c>
      <c r="N21" s="281">
        <v>0</v>
      </c>
      <c r="O21" s="278">
        <v>0</v>
      </c>
      <c r="P21" s="280">
        <v>0</v>
      </c>
      <c r="Q21" s="281">
        <v>92</v>
      </c>
      <c r="R21" s="281">
        <v>212</v>
      </c>
      <c r="S21" s="281">
        <v>172</v>
      </c>
      <c r="T21" s="281">
        <v>17</v>
      </c>
      <c r="U21" s="281">
        <v>28</v>
      </c>
      <c r="V21" s="278">
        <v>521</v>
      </c>
      <c r="W21" s="283">
        <v>521</v>
      </c>
    </row>
    <row r="22" spans="1:23" ht="21" customHeight="1" x14ac:dyDescent="0.2">
      <c r="A22" s="257" t="s">
        <v>20</v>
      </c>
      <c r="B22" s="281">
        <v>0</v>
      </c>
      <c r="C22" s="281">
        <v>0</v>
      </c>
      <c r="D22" s="278">
        <v>0</v>
      </c>
      <c r="E22" s="280">
        <v>0</v>
      </c>
      <c r="F22" s="281">
        <v>1326</v>
      </c>
      <c r="G22" s="281">
        <v>752</v>
      </c>
      <c r="H22" s="281">
        <v>459</v>
      </c>
      <c r="I22" s="281">
        <v>343</v>
      </c>
      <c r="J22" s="281">
        <v>85</v>
      </c>
      <c r="K22" s="278">
        <v>2965</v>
      </c>
      <c r="L22" s="283">
        <v>2965</v>
      </c>
      <c r="M22" s="281">
        <v>0</v>
      </c>
      <c r="N22" s="281">
        <v>0</v>
      </c>
      <c r="O22" s="278">
        <v>0</v>
      </c>
      <c r="P22" s="280">
        <v>0</v>
      </c>
      <c r="Q22" s="281">
        <v>0</v>
      </c>
      <c r="R22" s="281">
        <v>23</v>
      </c>
      <c r="S22" s="281">
        <v>54</v>
      </c>
      <c r="T22" s="281">
        <v>41</v>
      </c>
      <c r="U22" s="281">
        <v>55</v>
      </c>
      <c r="V22" s="278">
        <v>173</v>
      </c>
      <c r="W22" s="283">
        <v>173</v>
      </c>
    </row>
    <row r="23" spans="1:23" ht="21" customHeight="1" x14ac:dyDescent="0.2">
      <c r="A23" s="257" t="s">
        <v>21</v>
      </c>
      <c r="B23" s="281">
        <v>0</v>
      </c>
      <c r="C23" s="281">
        <v>0</v>
      </c>
      <c r="D23" s="278">
        <v>0</v>
      </c>
      <c r="E23" s="280">
        <v>0</v>
      </c>
      <c r="F23" s="281">
        <v>1356</v>
      </c>
      <c r="G23" s="281">
        <v>1613</v>
      </c>
      <c r="H23" s="281">
        <v>699</v>
      </c>
      <c r="I23" s="281">
        <v>350</v>
      </c>
      <c r="J23" s="281">
        <v>147</v>
      </c>
      <c r="K23" s="278">
        <v>4165</v>
      </c>
      <c r="L23" s="283">
        <v>4165</v>
      </c>
      <c r="M23" s="281">
        <v>0</v>
      </c>
      <c r="N23" s="281">
        <v>0</v>
      </c>
      <c r="O23" s="278">
        <v>0</v>
      </c>
      <c r="P23" s="280">
        <v>0</v>
      </c>
      <c r="Q23" s="281">
        <v>0</v>
      </c>
      <c r="R23" s="281">
        <v>0</v>
      </c>
      <c r="S23" s="281">
        <v>0</v>
      </c>
      <c r="T23" s="281">
        <v>0</v>
      </c>
      <c r="U23" s="281">
        <v>0</v>
      </c>
      <c r="V23" s="278">
        <v>0</v>
      </c>
      <c r="W23" s="283">
        <v>0</v>
      </c>
    </row>
    <row r="24" spans="1:23" ht="21" customHeight="1" x14ac:dyDescent="0.2">
      <c r="A24" s="257" t="s">
        <v>22</v>
      </c>
      <c r="B24" s="281">
        <v>0</v>
      </c>
      <c r="C24" s="281">
        <v>0</v>
      </c>
      <c r="D24" s="278">
        <v>0</v>
      </c>
      <c r="E24" s="280">
        <v>0</v>
      </c>
      <c r="F24" s="281">
        <v>1022</v>
      </c>
      <c r="G24" s="281">
        <v>832</v>
      </c>
      <c r="H24" s="281">
        <v>371</v>
      </c>
      <c r="I24" s="281">
        <v>184</v>
      </c>
      <c r="J24" s="281">
        <v>84</v>
      </c>
      <c r="K24" s="278">
        <v>2493</v>
      </c>
      <c r="L24" s="283">
        <v>2493</v>
      </c>
      <c r="M24" s="281">
        <v>0</v>
      </c>
      <c r="N24" s="281">
        <v>0</v>
      </c>
      <c r="O24" s="278">
        <v>0</v>
      </c>
      <c r="P24" s="280">
        <v>0</v>
      </c>
      <c r="Q24" s="281">
        <v>61</v>
      </c>
      <c r="R24" s="281">
        <v>78</v>
      </c>
      <c r="S24" s="281">
        <v>42</v>
      </c>
      <c r="T24" s="281">
        <v>28</v>
      </c>
      <c r="U24" s="281">
        <v>18</v>
      </c>
      <c r="V24" s="278">
        <v>227</v>
      </c>
      <c r="W24" s="283">
        <v>227</v>
      </c>
    </row>
    <row r="25" spans="1:23" ht="21" customHeight="1" x14ac:dyDescent="0.2">
      <c r="A25" s="257" t="s">
        <v>23</v>
      </c>
      <c r="B25" s="281">
        <v>0</v>
      </c>
      <c r="C25" s="281">
        <v>0</v>
      </c>
      <c r="D25" s="278">
        <v>0</v>
      </c>
      <c r="E25" s="280">
        <v>0</v>
      </c>
      <c r="F25" s="281">
        <v>454</v>
      </c>
      <c r="G25" s="281">
        <v>381</v>
      </c>
      <c r="H25" s="281">
        <v>178</v>
      </c>
      <c r="I25" s="281">
        <v>131</v>
      </c>
      <c r="J25" s="281">
        <v>22</v>
      </c>
      <c r="K25" s="278">
        <v>1166</v>
      </c>
      <c r="L25" s="283">
        <v>1166</v>
      </c>
      <c r="M25" s="281">
        <v>0</v>
      </c>
      <c r="N25" s="281">
        <v>0</v>
      </c>
      <c r="O25" s="278">
        <v>0</v>
      </c>
      <c r="P25" s="280">
        <v>0</v>
      </c>
      <c r="Q25" s="281">
        <v>0</v>
      </c>
      <c r="R25" s="281">
        <v>0</v>
      </c>
      <c r="S25" s="281">
        <v>13</v>
      </c>
      <c r="T25" s="281">
        <v>23</v>
      </c>
      <c r="U25" s="281">
        <v>0</v>
      </c>
      <c r="V25" s="278">
        <v>36</v>
      </c>
      <c r="W25" s="283">
        <v>36</v>
      </c>
    </row>
    <row r="26" spans="1:23" ht="21" customHeight="1" x14ac:dyDescent="0.2">
      <c r="A26" s="257" t="s">
        <v>24</v>
      </c>
      <c r="B26" s="281">
        <v>0</v>
      </c>
      <c r="C26" s="281">
        <v>0</v>
      </c>
      <c r="D26" s="278">
        <v>0</v>
      </c>
      <c r="E26" s="280">
        <v>0</v>
      </c>
      <c r="F26" s="281">
        <v>448</v>
      </c>
      <c r="G26" s="281">
        <v>202</v>
      </c>
      <c r="H26" s="281">
        <v>171</v>
      </c>
      <c r="I26" s="281">
        <v>92</v>
      </c>
      <c r="J26" s="281">
        <v>56</v>
      </c>
      <c r="K26" s="278">
        <v>969</v>
      </c>
      <c r="L26" s="283">
        <v>969</v>
      </c>
      <c r="M26" s="281">
        <v>0</v>
      </c>
      <c r="N26" s="281">
        <v>0</v>
      </c>
      <c r="O26" s="278">
        <v>0</v>
      </c>
      <c r="P26" s="280">
        <v>0</v>
      </c>
      <c r="Q26" s="281">
        <v>73</v>
      </c>
      <c r="R26" s="281">
        <v>71</v>
      </c>
      <c r="S26" s="281">
        <v>36</v>
      </c>
      <c r="T26" s="281">
        <v>19</v>
      </c>
      <c r="U26" s="281">
        <v>22</v>
      </c>
      <c r="V26" s="278">
        <v>221</v>
      </c>
      <c r="W26" s="283">
        <v>221</v>
      </c>
    </row>
    <row r="27" spans="1:23" ht="21" customHeight="1" x14ac:dyDescent="0.2">
      <c r="A27" s="257" t="s">
        <v>25</v>
      </c>
      <c r="B27" s="281">
        <v>0</v>
      </c>
      <c r="C27" s="281">
        <v>0</v>
      </c>
      <c r="D27" s="278">
        <v>0</v>
      </c>
      <c r="E27" s="280">
        <v>0</v>
      </c>
      <c r="F27" s="281">
        <v>736</v>
      </c>
      <c r="G27" s="281">
        <v>297</v>
      </c>
      <c r="H27" s="281">
        <v>117</v>
      </c>
      <c r="I27" s="281">
        <v>106</v>
      </c>
      <c r="J27" s="281">
        <v>7</v>
      </c>
      <c r="K27" s="278">
        <v>1263</v>
      </c>
      <c r="L27" s="283">
        <v>1263</v>
      </c>
      <c r="M27" s="281">
        <v>0</v>
      </c>
      <c r="N27" s="281">
        <v>0</v>
      </c>
      <c r="O27" s="278">
        <v>0</v>
      </c>
      <c r="P27" s="280">
        <v>0</v>
      </c>
      <c r="Q27" s="281">
        <v>57</v>
      </c>
      <c r="R27" s="281">
        <v>29</v>
      </c>
      <c r="S27" s="281">
        <v>20</v>
      </c>
      <c r="T27" s="281">
        <v>0</v>
      </c>
      <c r="U27" s="281">
        <v>14</v>
      </c>
      <c r="V27" s="278">
        <v>120</v>
      </c>
      <c r="W27" s="283">
        <v>120</v>
      </c>
    </row>
    <row r="28" spans="1:23" ht="21" customHeight="1" x14ac:dyDescent="0.2">
      <c r="A28" s="257" t="s">
        <v>26</v>
      </c>
      <c r="B28" s="281">
        <v>0</v>
      </c>
      <c r="C28" s="281">
        <v>0</v>
      </c>
      <c r="D28" s="278">
        <v>0</v>
      </c>
      <c r="E28" s="280">
        <v>0</v>
      </c>
      <c r="F28" s="281">
        <v>309</v>
      </c>
      <c r="G28" s="281">
        <v>335</v>
      </c>
      <c r="H28" s="281">
        <v>164</v>
      </c>
      <c r="I28" s="281">
        <v>108</v>
      </c>
      <c r="J28" s="281">
        <v>124</v>
      </c>
      <c r="K28" s="278">
        <v>1040</v>
      </c>
      <c r="L28" s="283">
        <v>1040</v>
      </c>
      <c r="M28" s="281">
        <v>0</v>
      </c>
      <c r="N28" s="281">
        <v>0</v>
      </c>
      <c r="O28" s="278">
        <v>0</v>
      </c>
      <c r="P28" s="280">
        <v>0</v>
      </c>
      <c r="Q28" s="281">
        <v>8</v>
      </c>
      <c r="R28" s="281">
        <v>24</v>
      </c>
      <c r="S28" s="281">
        <v>114</v>
      </c>
      <c r="T28" s="281">
        <v>12</v>
      </c>
      <c r="U28" s="281">
        <v>27</v>
      </c>
      <c r="V28" s="278">
        <v>185</v>
      </c>
      <c r="W28" s="283">
        <v>185</v>
      </c>
    </row>
    <row r="29" spans="1:23" ht="21" customHeight="1" x14ac:dyDescent="0.2">
      <c r="A29" s="257" t="s">
        <v>27</v>
      </c>
      <c r="B29" s="281">
        <v>0</v>
      </c>
      <c r="C29" s="281">
        <v>0</v>
      </c>
      <c r="D29" s="278">
        <v>0</v>
      </c>
      <c r="E29" s="280">
        <v>0</v>
      </c>
      <c r="F29" s="281">
        <v>285</v>
      </c>
      <c r="G29" s="281">
        <v>156</v>
      </c>
      <c r="H29" s="281">
        <v>75</v>
      </c>
      <c r="I29" s="281">
        <v>5</v>
      </c>
      <c r="J29" s="281">
        <v>0</v>
      </c>
      <c r="K29" s="278">
        <v>521</v>
      </c>
      <c r="L29" s="283">
        <v>521</v>
      </c>
      <c r="M29" s="281">
        <v>0</v>
      </c>
      <c r="N29" s="281">
        <v>0</v>
      </c>
      <c r="O29" s="278">
        <v>0</v>
      </c>
      <c r="P29" s="280">
        <v>0</v>
      </c>
      <c r="Q29" s="281">
        <v>37</v>
      </c>
      <c r="R29" s="281">
        <v>19</v>
      </c>
      <c r="S29" s="281">
        <v>9</v>
      </c>
      <c r="T29" s="281">
        <v>22</v>
      </c>
      <c r="U29" s="281">
        <v>4</v>
      </c>
      <c r="V29" s="278">
        <v>91</v>
      </c>
      <c r="W29" s="283">
        <v>91</v>
      </c>
    </row>
    <row r="30" spans="1:23" ht="21" customHeight="1" x14ac:dyDescent="0.2">
      <c r="A30" s="257" t="s">
        <v>28</v>
      </c>
      <c r="B30" s="281">
        <v>0</v>
      </c>
      <c r="C30" s="281">
        <v>0</v>
      </c>
      <c r="D30" s="278">
        <v>0</v>
      </c>
      <c r="E30" s="280">
        <v>0</v>
      </c>
      <c r="F30" s="281">
        <v>166</v>
      </c>
      <c r="G30" s="281">
        <v>132</v>
      </c>
      <c r="H30" s="281">
        <v>14</v>
      </c>
      <c r="I30" s="281">
        <v>55</v>
      </c>
      <c r="J30" s="281">
        <v>7</v>
      </c>
      <c r="K30" s="278">
        <v>374</v>
      </c>
      <c r="L30" s="283">
        <v>374</v>
      </c>
      <c r="M30" s="281">
        <v>0</v>
      </c>
      <c r="N30" s="281">
        <v>0</v>
      </c>
      <c r="O30" s="278">
        <v>0</v>
      </c>
      <c r="P30" s="280">
        <v>0</v>
      </c>
      <c r="Q30" s="281">
        <v>14</v>
      </c>
      <c r="R30" s="281">
        <v>0</v>
      </c>
      <c r="S30" s="281">
        <v>28</v>
      </c>
      <c r="T30" s="281">
        <v>0</v>
      </c>
      <c r="U30" s="281">
        <v>3</v>
      </c>
      <c r="V30" s="278">
        <v>45</v>
      </c>
      <c r="W30" s="283">
        <v>45</v>
      </c>
    </row>
    <row r="31" spans="1:23" ht="21" customHeight="1" x14ac:dyDescent="0.2">
      <c r="A31" s="257" t="s">
        <v>29</v>
      </c>
      <c r="B31" s="281">
        <v>0</v>
      </c>
      <c r="C31" s="281">
        <v>0</v>
      </c>
      <c r="D31" s="278">
        <v>0</v>
      </c>
      <c r="E31" s="280">
        <v>0</v>
      </c>
      <c r="F31" s="281">
        <v>140</v>
      </c>
      <c r="G31" s="281">
        <v>155</v>
      </c>
      <c r="H31" s="281">
        <v>29</v>
      </c>
      <c r="I31" s="281">
        <v>10</v>
      </c>
      <c r="J31" s="281">
        <v>0</v>
      </c>
      <c r="K31" s="278">
        <v>334</v>
      </c>
      <c r="L31" s="283">
        <v>334</v>
      </c>
      <c r="M31" s="281">
        <v>0</v>
      </c>
      <c r="N31" s="281">
        <v>0</v>
      </c>
      <c r="O31" s="278">
        <v>0</v>
      </c>
      <c r="P31" s="280">
        <v>0</v>
      </c>
      <c r="Q31" s="281">
        <v>9</v>
      </c>
      <c r="R31" s="281">
        <v>6</v>
      </c>
      <c r="S31" s="281">
        <v>34</v>
      </c>
      <c r="T31" s="281">
        <v>2</v>
      </c>
      <c r="U31" s="281">
        <v>0</v>
      </c>
      <c r="V31" s="278">
        <v>51</v>
      </c>
      <c r="W31" s="283">
        <v>51</v>
      </c>
    </row>
    <row r="32" spans="1:23" ht="21" customHeight="1" x14ac:dyDescent="0.2">
      <c r="A32" s="257" t="s">
        <v>30</v>
      </c>
      <c r="B32" s="281">
        <v>0</v>
      </c>
      <c r="C32" s="281">
        <v>0</v>
      </c>
      <c r="D32" s="278">
        <v>0</v>
      </c>
      <c r="E32" s="280">
        <v>0</v>
      </c>
      <c r="F32" s="281">
        <v>187</v>
      </c>
      <c r="G32" s="281">
        <v>142</v>
      </c>
      <c r="H32" s="281">
        <v>59</v>
      </c>
      <c r="I32" s="281">
        <v>47</v>
      </c>
      <c r="J32" s="281">
        <v>1</v>
      </c>
      <c r="K32" s="278">
        <v>436</v>
      </c>
      <c r="L32" s="283">
        <v>436</v>
      </c>
      <c r="M32" s="281">
        <v>5</v>
      </c>
      <c r="N32" s="281">
        <v>0</v>
      </c>
      <c r="O32" s="278">
        <v>5</v>
      </c>
      <c r="P32" s="280">
        <v>0</v>
      </c>
      <c r="Q32" s="281">
        <v>2</v>
      </c>
      <c r="R32" s="281">
        <v>4</v>
      </c>
      <c r="S32" s="281">
        <v>20</v>
      </c>
      <c r="T32" s="281">
        <v>0</v>
      </c>
      <c r="U32" s="281">
        <v>0</v>
      </c>
      <c r="V32" s="278">
        <v>26</v>
      </c>
      <c r="W32" s="283">
        <v>31</v>
      </c>
    </row>
    <row r="33" spans="1:23" ht="21" customHeight="1" x14ac:dyDescent="0.2">
      <c r="A33" s="257" t="s">
        <v>31</v>
      </c>
      <c r="B33" s="281">
        <v>0</v>
      </c>
      <c r="C33" s="281">
        <v>0</v>
      </c>
      <c r="D33" s="278">
        <v>0</v>
      </c>
      <c r="E33" s="280">
        <v>0</v>
      </c>
      <c r="F33" s="281">
        <v>189</v>
      </c>
      <c r="G33" s="281">
        <v>117</v>
      </c>
      <c r="H33" s="281">
        <v>101</v>
      </c>
      <c r="I33" s="281">
        <v>0</v>
      </c>
      <c r="J33" s="281">
        <v>29</v>
      </c>
      <c r="K33" s="278">
        <v>436</v>
      </c>
      <c r="L33" s="283">
        <v>436</v>
      </c>
      <c r="M33" s="281">
        <v>0</v>
      </c>
      <c r="N33" s="281">
        <v>0</v>
      </c>
      <c r="O33" s="278">
        <v>0</v>
      </c>
      <c r="P33" s="280">
        <v>0</v>
      </c>
      <c r="Q33" s="281">
        <v>0</v>
      </c>
      <c r="R33" s="281">
        <v>13</v>
      </c>
      <c r="S33" s="281">
        <v>14</v>
      </c>
      <c r="T33" s="281">
        <v>0</v>
      </c>
      <c r="U33" s="281">
        <v>0</v>
      </c>
      <c r="V33" s="278">
        <v>27</v>
      </c>
      <c r="W33" s="283">
        <v>27</v>
      </c>
    </row>
    <row r="34" spans="1:23" ht="21" customHeight="1" x14ac:dyDescent="0.2">
      <c r="A34" s="257" t="s">
        <v>32</v>
      </c>
      <c r="B34" s="281">
        <v>0</v>
      </c>
      <c r="C34" s="281">
        <v>0</v>
      </c>
      <c r="D34" s="278">
        <v>0</v>
      </c>
      <c r="E34" s="280">
        <v>0</v>
      </c>
      <c r="F34" s="281">
        <v>365</v>
      </c>
      <c r="G34" s="281">
        <v>249</v>
      </c>
      <c r="H34" s="281">
        <v>94</v>
      </c>
      <c r="I34" s="281">
        <v>35</v>
      </c>
      <c r="J34" s="281">
        <v>11</v>
      </c>
      <c r="K34" s="278">
        <v>754</v>
      </c>
      <c r="L34" s="283">
        <v>754</v>
      </c>
      <c r="M34" s="281">
        <v>0</v>
      </c>
      <c r="N34" s="281">
        <v>0</v>
      </c>
      <c r="O34" s="278">
        <v>0</v>
      </c>
      <c r="P34" s="280">
        <v>0</v>
      </c>
      <c r="Q34" s="281">
        <v>8</v>
      </c>
      <c r="R34" s="281">
        <v>0</v>
      </c>
      <c r="S34" s="281">
        <v>34</v>
      </c>
      <c r="T34" s="281">
        <v>11</v>
      </c>
      <c r="U34" s="281">
        <v>21</v>
      </c>
      <c r="V34" s="278">
        <v>74</v>
      </c>
      <c r="W34" s="283">
        <v>74</v>
      </c>
    </row>
    <row r="35" spans="1:23" ht="21" customHeight="1" x14ac:dyDescent="0.2">
      <c r="A35" s="257" t="s">
        <v>33</v>
      </c>
      <c r="B35" s="281">
        <v>0</v>
      </c>
      <c r="C35" s="281">
        <v>0</v>
      </c>
      <c r="D35" s="278">
        <v>0</v>
      </c>
      <c r="E35" s="280">
        <v>0</v>
      </c>
      <c r="F35" s="281">
        <v>253</v>
      </c>
      <c r="G35" s="281">
        <v>107</v>
      </c>
      <c r="H35" s="281">
        <v>46</v>
      </c>
      <c r="I35" s="281">
        <v>42</v>
      </c>
      <c r="J35" s="281">
        <v>9</v>
      </c>
      <c r="K35" s="278">
        <v>457</v>
      </c>
      <c r="L35" s="283">
        <v>457</v>
      </c>
      <c r="M35" s="281">
        <v>0</v>
      </c>
      <c r="N35" s="281">
        <v>0</v>
      </c>
      <c r="O35" s="278">
        <v>0</v>
      </c>
      <c r="P35" s="280">
        <v>0</v>
      </c>
      <c r="Q35" s="281">
        <v>4</v>
      </c>
      <c r="R35" s="281">
        <v>0</v>
      </c>
      <c r="S35" s="281">
        <v>0</v>
      </c>
      <c r="T35" s="281">
        <v>0</v>
      </c>
      <c r="U35" s="281">
        <v>0</v>
      </c>
      <c r="V35" s="278">
        <v>4</v>
      </c>
      <c r="W35" s="283">
        <v>4</v>
      </c>
    </row>
    <row r="36" spans="1:23" ht="21" customHeight="1" x14ac:dyDescent="0.2">
      <c r="A36" s="257" t="s">
        <v>34</v>
      </c>
      <c r="B36" s="281">
        <v>0</v>
      </c>
      <c r="C36" s="281">
        <v>0</v>
      </c>
      <c r="D36" s="278">
        <v>0</v>
      </c>
      <c r="E36" s="280">
        <v>0</v>
      </c>
      <c r="F36" s="281">
        <v>173</v>
      </c>
      <c r="G36" s="281">
        <v>28</v>
      </c>
      <c r="H36" s="281">
        <v>99</v>
      </c>
      <c r="I36" s="281">
        <v>9</v>
      </c>
      <c r="J36" s="281">
        <v>0</v>
      </c>
      <c r="K36" s="278">
        <v>309</v>
      </c>
      <c r="L36" s="283">
        <v>309</v>
      </c>
      <c r="M36" s="281">
        <v>0</v>
      </c>
      <c r="N36" s="281">
        <v>0</v>
      </c>
      <c r="O36" s="278">
        <v>0</v>
      </c>
      <c r="P36" s="280">
        <v>0</v>
      </c>
      <c r="Q36" s="281">
        <v>0</v>
      </c>
      <c r="R36" s="281">
        <v>0</v>
      </c>
      <c r="S36" s="281">
        <v>0</v>
      </c>
      <c r="T36" s="281">
        <v>7</v>
      </c>
      <c r="U36" s="281">
        <v>0</v>
      </c>
      <c r="V36" s="278">
        <v>7</v>
      </c>
      <c r="W36" s="283">
        <v>7</v>
      </c>
    </row>
    <row r="37" spans="1:23" ht="21" customHeight="1" x14ac:dyDescent="0.2">
      <c r="A37" s="257" t="s">
        <v>35</v>
      </c>
      <c r="B37" s="281">
        <v>0</v>
      </c>
      <c r="C37" s="281">
        <v>0</v>
      </c>
      <c r="D37" s="278">
        <v>0</v>
      </c>
      <c r="E37" s="280">
        <v>0</v>
      </c>
      <c r="F37" s="281">
        <v>181</v>
      </c>
      <c r="G37" s="281">
        <v>229</v>
      </c>
      <c r="H37" s="281">
        <v>167</v>
      </c>
      <c r="I37" s="281">
        <v>142</v>
      </c>
      <c r="J37" s="281">
        <v>20</v>
      </c>
      <c r="K37" s="278">
        <v>739</v>
      </c>
      <c r="L37" s="283">
        <v>739</v>
      </c>
      <c r="M37" s="281">
        <v>0</v>
      </c>
      <c r="N37" s="281">
        <v>0</v>
      </c>
      <c r="O37" s="278">
        <v>0</v>
      </c>
      <c r="P37" s="280">
        <v>0</v>
      </c>
      <c r="Q37" s="281">
        <v>0</v>
      </c>
      <c r="R37" s="281">
        <v>0</v>
      </c>
      <c r="S37" s="281">
        <v>0</v>
      </c>
      <c r="T37" s="281">
        <v>0</v>
      </c>
      <c r="U37" s="281">
        <v>0</v>
      </c>
      <c r="V37" s="278">
        <v>0</v>
      </c>
      <c r="W37" s="283">
        <v>0</v>
      </c>
    </row>
    <row r="38" spans="1:23" ht="21" customHeight="1" x14ac:dyDescent="0.2">
      <c r="A38" s="257" t="s">
        <v>36</v>
      </c>
      <c r="B38" s="281">
        <v>0</v>
      </c>
      <c r="C38" s="281">
        <v>0</v>
      </c>
      <c r="D38" s="278">
        <v>0</v>
      </c>
      <c r="E38" s="280">
        <v>0</v>
      </c>
      <c r="F38" s="281">
        <v>405</v>
      </c>
      <c r="G38" s="281">
        <v>586</v>
      </c>
      <c r="H38" s="281">
        <v>403</v>
      </c>
      <c r="I38" s="281">
        <v>182</v>
      </c>
      <c r="J38" s="281">
        <v>177</v>
      </c>
      <c r="K38" s="278">
        <v>1753</v>
      </c>
      <c r="L38" s="283">
        <v>1753</v>
      </c>
      <c r="M38" s="281">
        <v>0</v>
      </c>
      <c r="N38" s="281">
        <v>0</v>
      </c>
      <c r="O38" s="278">
        <v>0</v>
      </c>
      <c r="P38" s="280">
        <v>0</v>
      </c>
      <c r="Q38" s="281">
        <v>0</v>
      </c>
      <c r="R38" s="281">
        <v>0</v>
      </c>
      <c r="S38" s="281">
        <v>0</v>
      </c>
      <c r="T38" s="281">
        <v>0</v>
      </c>
      <c r="U38" s="281">
        <v>0</v>
      </c>
      <c r="V38" s="278">
        <v>0</v>
      </c>
      <c r="W38" s="283">
        <v>0</v>
      </c>
    </row>
    <row r="39" spans="1:23" ht="21" customHeight="1" thickBot="1" x14ac:dyDescent="0.25">
      <c r="A39" s="258" t="s">
        <v>37</v>
      </c>
      <c r="B39" s="288">
        <v>0</v>
      </c>
      <c r="C39" s="288">
        <v>0</v>
      </c>
      <c r="D39" s="285">
        <v>0</v>
      </c>
      <c r="E39" s="287">
        <v>0</v>
      </c>
      <c r="F39" s="288">
        <v>163</v>
      </c>
      <c r="G39" s="288">
        <v>90</v>
      </c>
      <c r="H39" s="288">
        <v>71</v>
      </c>
      <c r="I39" s="288">
        <v>0</v>
      </c>
      <c r="J39" s="288">
        <v>25</v>
      </c>
      <c r="K39" s="285">
        <v>349</v>
      </c>
      <c r="L39" s="290">
        <v>349</v>
      </c>
      <c r="M39" s="288">
        <v>0</v>
      </c>
      <c r="N39" s="288">
        <v>0</v>
      </c>
      <c r="O39" s="285">
        <v>0</v>
      </c>
      <c r="P39" s="287">
        <v>0</v>
      </c>
      <c r="Q39" s="288">
        <v>3</v>
      </c>
      <c r="R39" s="288">
        <v>0</v>
      </c>
      <c r="S39" s="288">
        <v>4</v>
      </c>
      <c r="T39" s="288">
        <v>15</v>
      </c>
      <c r="U39" s="288">
        <v>0</v>
      </c>
      <c r="V39" s="285">
        <v>22</v>
      </c>
      <c r="W39" s="290">
        <v>22</v>
      </c>
    </row>
  </sheetData>
  <mergeCells count="11">
    <mergeCell ref="A3:A5"/>
    <mergeCell ref="B3:L3"/>
    <mergeCell ref="B4:D4"/>
    <mergeCell ref="E4:K4"/>
    <mergeCell ref="L4:L5"/>
    <mergeCell ref="M3:W3"/>
    <mergeCell ref="M4:O4"/>
    <mergeCell ref="P4:V4"/>
    <mergeCell ref="W4:W5"/>
    <mergeCell ref="G1:H1"/>
    <mergeCell ref="J1:K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 style="256" customWidth="1"/>
    <col min="5" max="5" width="7.77734375" style="256" customWidth="1"/>
    <col min="6" max="6" width="10.77734375" style="256" customWidth="1"/>
    <col min="7" max="15" width="9" style="256"/>
    <col min="16" max="16" width="7.6640625" style="256" customWidth="1"/>
    <col min="17" max="16384" width="9" style="256"/>
  </cols>
  <sheetData>
    <row r="1" spans="1:23" ht="17.25" customHeight="1" x14ac:dyDescent="0.2">
      <c r="A1" s="291" t="s">
        <v>125</v>
      </c>
      <c r="G1" s="528">
        <f>第１表!F2</f>
        <v>4</v>
      </c>
      <c r="H1" s="528"/>
      <c r="I1" s="248">
        <f>第１表!G2</f>
        <v>5</v>
      </c>
      <c r="J1" s="529">
        <f>IF(I1&lt;3,I1+12-2,I1-2)</f>
        <v>3</v>
      </c>
      <c r="K1" s="529"/>
    </row>
    <row r="2" spans="1:23" ht="21" customHeight="1" thickBot="1" x14ac:dyDescent="0.25">
      <c r="A2" s="291" t="s">
        <v>135</v>
      </c>
    </row>
    <row r="3" spans="1:23" ht="18.75" customHeight="1" x14ac:dyDescent="0.2">
      <c r="A3" s="532"/>
      <c r="B3" s="533" t="s">
        <v>143</v>
      </c>
      <c r="C3" s="533"/>
      <c r="D3" s="533"/>
      <c r="E3" s="533"/>
      <c r="F3" s="533"/>
      <c r="G3" s="533"/>
      <c r="H3" s="533"/>
      <c r="I3" s="533"/>
      <c r="J3" s="533"/>
      <c r="K3" s="533"/>
      <c r="L3" s="565"/>
      <c r="M3" s="533" t="s">
        <v>113</v>
      </c>
      <c r="N3" s="533"/>
      <c r="O3" s="533"/>
      <c r="P3" s="533"/>
      <c r="Q3" s="533"/>
      <c r="R3" s="533"/>
      <c r="S3" s="533"/>
      <c r="T3" s="533"/>
      <c r="U3" s="533"/>
      <c r="V3" s="533"/>
      <c r="W3" s="565"/>
    </row>
    <row r="4" spans="1:23" ht="18.75" customHeight="1" x14ac:dyDescent="0.2">
      <c r="A4" s="571"/>
      <c r="B4" s="566" t="s">
        <v>61</v>
      </c>
      <c r="C4" s="566"/>
      <c r="D4" s="567"/>
      <c r="E4" s="568" t="s">
        <v>62</v>
      </c>
      <c r="F4" s="566"/>
      <c r="G4" s="566"/>
      <c r="H4" s="566"/>
      <c r="I4" s="566"/>
      <c r="J4" s="566"/>
      <c r="K4" s="569"/>
      <c r="L4" s="570" t="s">
        <v>52</v>
      </c>
      <c r="M4" s="566" t="s">
        <v>61</v>
      </c>
      <c r="N4" s="566"/>
      <c r="O4" s="567"/>
      <c r="P4" s="568" t="s">
        <v>62</v>
      </c>
      <c r="Q4" s="566"/>
      <c r="R4" s="566"/>
      <c r="S4" s="566"/>
      <c r="T4" s="566"/>
      <c r="U4" s="566"/>
      <c r="V4" s="569"/>
      <c r="W4" s="570" t="s">
        <v>52</v>
      </c>
    </row>
    <row r="5" spans="1:23" ht="27" thickBot="1" x14ac:dyDescent="0.25">
      <c r="A5" s="572"/>
      <c r="B5" s="260" t="s">
        <v>43</v>
      </c>
      <c r="C5" s="260" t="s">
        <v>44</v>
      </c>
      <c r="D5" s="266" t="s">
        <v>45</v>
      </c>
      <c r="E5" s="268" t="s">
        <v>83</v>
      </c>
      <c r="F5" s="260" t="s">
        <v>47</v>
      </c>
      <c r="G5" s="260" t="s">
        <v>48</v>
      </c>
      <c r="H5" s="260" t="s">
        <v>49</v>
      </c>
      <c r="I5" s="260" t="s">
        <v>50</v>
      </c>
      <c r="J5" s="260" t="s">
        <v>51</v>
      </c>
      <c r="K5" s="266" t="s">
        <v>45</v>
      </c>
      <c r="L5" s="531"/>
      <c r="M5" s="260" t="s">
        <v>43</v>
      </c>
      <c r="N5" s="260" t="s">
        <v>44</v>
      </c>
      <c r="O5" s="266" t="s">
        <v>45</v>
      </c>
      <c r="P5" s="268" t="s">
        <v>83</v>
      </c>
      <c r="Q5" s="260" t="s">
        <v>47</v>
      </c>
      <c r="R5" s="260" t="s">
        <v>48</v>
      </c>
      <c r="S5" s="260" t="s">
        <v>49</v>
      </c>
      <c r="T5" s="260" t="s">
        <v>50</v>
      </c>
      <c r="U5" s="260" t="s">
        <v>51</v>
      </c>
      <c r="V5" s="266" t="s">
        <v>45</v>
      </c>
      <c r="W5" s="531"/>
    </row>
    <row r="6" spans="1:23" ht="21" customHeight="1" x14ac:dyDescent="0.2">
      <c r="A6" s="259" t="s">
        <v>4</v>
      </c>
      <c r="B6" s="274">
        <v>0</v>
      </c>
      <c r="C6" s="274">
        <v>0</v>
      </c>
      <c r="D6" s="271">
        <v>0</v>
      </c>
      <c r="E6" s="273">
        <v>0</v>
      </c>
      <c r="F6" s="274">
        <v>7184</v>
      </c>
      <c r="G6" s="274">
        <v>5801</v>
      </c>
      <c r="H6" s="274">
        <v>3809</v>
      </c>
      <c r="I6" s="274">
        <v>1591</v>
      </c>
      <c r="J6" s="274">
        <v>609</v>
      </c>
      <c r="K6" s="271">
        <v>18994</v>
      </c>
      <c r="L6" s="276">
        <v>18994</v>
      </c>
      <c r="M6" s="274">
        <v>5</v>
      </c>
      <c r="N6" s="274">
        <v>14</v>
      </c>
      <c r="O6" s="271">
        <v>19</v>
      </c>
      <c r="P6" s="273">
        <v>0</v>
      </c>
      <c r="Q6" s="274">
        <v>580</v>
      </c>
      <c r="R6" s="274">
        <v>676</v>
      </c>
      <c r="S6" s="274">
        <v>801</v>
      </c>
      <c r="T6" s="274">
        <v>436</v>
      </c>
      <c r="U6" s="274">
        <v>204</v>
      </c>
      <c r="V6" s="271">
        <v>2697</v>
      </c>
      <c r="W6" s="276">
        <v>2716</v>
      </c>
    </row>
    <row r="7" spans="1:23" ht="21" customHeight="1" x14ac:dyDescent="0.2">
      <c r="A7" s="257" t="s">
        <v>5</v>
      </c>
      <c r="B7" s="281">
        <v>0</v>
      </c>
      <c r="C7" s="281">
        <v>0</v>
      </c>
      <c r="D7" s="278">
        <v>0</v>
      </c>
      <c r="E7" s="280">
        <v>0</v>
      </c>
      <c r="F7" s="281">
        <v>2661</v>
      </c>
      <c r="G7" s="281">
        <v>2624</v>
      </c>
      <c r="H7" s="281">
        <v>2081</v>
      </c>
      <c r="I7" s="281">
        <v>829</v>
      </c>
      <c r="J7" s="281">
        <v>301</v>
      </c>
      <c r="K7" s="278">
        <v>8496</v>
      </c>
      <c r="L7" s="283">
        <v>8496</v>
      </c>
      <c r="M7" s="281">
        <v>0</v>
      </c>
      <c r="N7" s="281">
        <v>14</v>
      </c>
      <c r="O7" s="278">
        <v>14</v>
      </c>
      <c r="P7" s="280">
        <v>0</v>
      </c>
      <c r="Q7" s="281">
        <v>211</v>
      </c>
      <c r="R7" s="281">
        <v>385</v>
      </c>
      <c r="S7" s="281">
        <v>391</v>
      </c>
      <c r="T7" s="281">
        <v>247</v>
      </c>
      <c r="U7" s="281">
        <v>138</v>
      </c>
      <c r="V7" s="278">
        <v>1372</v>
      </c>
      <c r="W7" s="283">
        <v>1386</v>
      </c>
    </row>
    <row r="8" spans="1:23" ht="21" customHeight="1" x14ac:dyDescent="0.2">
      <c r="A8" s="257" t="s">
        <v>6</v>
      </c>
      <c r="B8" s="281">
        <v>0</v>
      </c>
      <c r="C8" s="281">
        <v>0</v>
      </c>
      <c r="D8" s="278">
        <v>0</v>
      </c>
      <c r="E8" s="280">
        <v>0</v>
      </c>
      <c r="F8" s="281">
        <v>908</v>
      </c>
      <c r="G8" s="281">
        <v>614</v>
      </c>
      <c r="H8" s="281">
        <v>360</v>
      </c>
      <c r="I8" s="281">
        <v>217</v>
      </c>
      <c r="J8" s="281">
        <v>69</v>
      </c>
      <c r="K8" s="278">
        <v>2168</v>
      </c>
      <c r="L8" s="283">
        <v>2168</v>
      </c>
      <c r="M8" s="281">
        <v>0</v>
      </c>
      <c r="N8" s="281">
        <v>0</v>
      </c>
      <c r="O8" s="278">
        <v>0</v>
      </c>
      <c r="P8" s="280">
        <v>0</v>
      </c>
      <c r="Q8" s="281">
        <v>133</v>
      </c>
      <c r="R8" s="281">
        <v>104</v>
      </c>
      <c r="S8" s="281">
        <v>173</v>
      </c>
      <c r="T8" s="281">
        <v>62</v>
      </c>
      <c r="U8" s="281">
        <v>34</v>
      </c>
      <c r="V8" s="278">
        <v>506</v>
      </c>
      <c r="W8" s="283">
        <v>506</v>
      </c>
    </row>
    <row r="9" spans="1:23" ht="21" customHeight="1" x14ac:dyDescent="0.2">
      <c r="A9" s="257" t="s">
        <v>14</v>
      </c>
      <c r="B9" s="281">
        <v>0</v>
      </c>
      <c r="C9" s="281">
        <v>0</v>
      </c>
      <c r="D9" s="278">
        <v>0</v>
      </c>
      <c r="E9" s="280">
        <v>0</v>
      </c>
      <c r="F9" s="281">
        <v>671</v>
      </c>
      <c r="G9" s="281">
        <v>479</v>
      </c>
      <c r="H9" s="281">
        <v>382</v>
      </c>
      <c r="I9" s="281">
        <v>113</v>
      </c>
      <c r="J9" s="281">
        <v>42</v>
      </c>
      <c r="K9" s="278">
        <v>1687</v>
      </c>
      <c r="L9" s="283">
        <v>1687</v>
      </c>
      <c r="M9" s="281">
        <v>0</v>
      </c>
      <c r="N9" s="281">
        <v>0</v>
      </c>
      <c r="O9" s="278">
        <v>0</v>
      </c>
      <c r="P9" s="280">
        <v>0</v>
      </c>
      <c r="Q9" s="281">
        <v>9</v>
      </c>
      <c r="R9" s="281">
        <v>9</v>
      </c>
      <c r="S9" s="281">
        <v>3</v>
      </c>
      <c r="T9" s="281">
        <v>9</v>
      </c>
      <c r="U9" s="281">
        <v>0</v>
      </c>
      <c r="V9" s="278">
        <v>30</v>
      </c>
      <c r="W9" s="283">
        <v>30</v>
      </c>
    </row>
    <row r="10" spans="1:23" ht="21" customHeight="1" x14ac:dyDescent="0.2">
      <c r="A10" s="257" t="s">
        <v>7</v>
      </c>
      <c r="B10" s="281">
        <v>0</v>
      </c>
      <c r="C10" s="281">
        <v>0</v>
      </c>
      <c r="D10" s="278">
        <v>0</v>
      </c>
      <c r="E10" s="280">
        <v>0</v>
      </c>
      <c r="F10" s="281">
        <v>713</v>
      </c>
      <c r="G10" s="281">
        <v>331</v>
      </c>
      <c r="H10" s="281">
        <v>113</v>
      </c>
      <c r="I10" s="281">
        <v>64</v>
      </c>
      <c r="J10" s="281">
        <v>26</v>
      </c>
      <c r="K10" s="278">
        <v>1247</v>
      </c>
      <c r="L10" s="283">
        <v>1247</v>
      </c>
      <c r="M10" s="281">
        <v>0</v>
      </c>
      <c r="N10" s="281">
        <v>0</v>
      </c>
      <c r="O10" s="278">
        <v>0</v>
      </c>
      <c r="P10" s="280">
        <v>0</v>
      </c>
      <c r="Q10" s="281">
        <v>85</v>
      </c>
      <c r="R10" s="281">
        <v>81</v>
      </c>
      <c r="S10" s="281">
        <v>49</v>
      </c>
      <c r="T10" s="281">
        <v>31</v>
      </c>
      <c r="U10" s="281">
        <v>26</v>
      </c>
      <c r="V10" s="278">
        <v>272</v>
      </c>
      <c r="W10" s="283">
        <v>272</v>
      </c>
    </row>
    <row r="11" spans="1:23" ht="21" customHeight="1" x14ac:dyDescent="0.2">
      <c r="A11" s="257" t="s">
        <v>8</v>
      </c>
      <c r="B11" s="281">
        <v>0</v>
      </c>
      <c r="C11" s="281">
        <v>0</v>
      </c>
      <c r="D11" s="278">
        <v>0</v>
      </c>
      <c r="E11" s="280">
        <v>0</v>
      </c>
      <c r="F11" s="281">
        <v>250</v>
      </c>
      <c r="G11" s="281">
        <v>255</v>
      </c>
      <c r="H11" s="281">
        <v>82</v>
      </c>
      <c r="I11" s="281">
        <v>43</v>
      </c>
      <c r="J11" s="281">
        <v>8</v>
      </c>
      <c r="K11" s="278">
        <v>638</v>
      </c>
      <c r="L11" s="283">
        <v>638</v>
      </c>
      <c r="M11" s="281">
        <v>0</v>
      </c>
      <c r="N11" s="281">
        <v>0</v>
      </c>
      <c r="O11" s="278">
        <v>0</v>
      </c>
      <c r="P11" s="280">
        <v>0</v>
      </c>
      <c r="Q11" s="281">
        <v>10</v>
      </c>
      <c r="R11" s="281">
        <v>0</v>
      </c>
      <c r="S11" s="281">
        <v>0</v>
      </c>
      <c r="T11" s="281">
        <v>17</v>
      </c>
      <c r="U11" s="281">
        <v>0</v>
      </c>
      <c r="V11" s="278">
        <v>27</v>
      </c>
      <c r="W11" s="283">
        <v>27</v>
      </c>
    </row>
    <row r="12" spans="1:23" ht="21" customHeight="1" x14ac:dyDescent="0.2">
      <c r="A12" s="257" t="s">
        <v>9</v>
      </c>
      <c r="B12" s="281">
        <v>0</v>
      </c>
      <c r="C12" s="281">
        <v>0</v>
      </c>
      <c r="D12" s="278">
        <v>0</v>
      </c>
      <c r="E12" s="280">
        <v>0</v>
      </c>
      <c r="F12" s="281">
        <v>280</v>
      </c>
      <c r="G12" s="281">
        <v>192</v>
      </c>
      <c r="H12" s="281">
        <v>126</v>
      </c>
      <c r="I12" s="281">
        <v>73</v>
      </c>
      <c r="J12" s="281">
        <v>0</v>
      </c>
      <c r="K12" s="278">
        <v>671</v>
      </c>
      <c r="L12" s="283">
        <v>671</v>
      </c>
      <c r="M12" s="281">
        <v>0</v>
      </c>
      <c r="N12" s="281">
        <v>0</v>
      </c>
      <c r="O12" s="278">
        <v>0</v>
      </c>
      <c r="P12" s="280">
        <v>0</v>
      </c>
      <c r="Q12" s="281">
        <v>0</v>
      </c>
      <c r="R12" s="281">
        <v>5</v>
      </c>
      <c r="S12" s="281">
        <v>18</v>
      </c>
      <c r="T12" s="281">
        <v>0</v>
      </c>
      <c r="U12" s="281">
        <v>0</v>
      </c>
      <c r="V12" s="278">
        <v>23</v>
      </c>
      <c r="W12" s="283">
        <v>23</v>
      </c>
    </row>
    <row r="13" spans="1:23" ht="21" customHeight="1" x14ac:dyDescent="0.2">
      <c r="A13" s="257" t="s">
        <v>10</v>
      </c>
      <c r="B13" s="281">
        <v>0</v>
      </c>
      <c r="C13" s="281">
        <v>0</v>
      </c>
      <c r="D13" s="278">
        <v>0</v>
      </c>
      <c r="E13" s="280">
        <v>0</v>
      </c>
      <c r="F13" s="281">
        <v>344</v>
      </c>
      <c r="G13" s="281">
        <v>219</v>
      </c>
      <c r="H13" s="281">
        <v>22</v>
      </c>
      <c r="I13" s="281">
        <v>18</v>
      </c>
      <c r="J13" s="281">
        <v>11</v>
      </c>
      <c r="K13" s="278">
        <v>614</v>
      </c>
      <c r="L13" s="283">
        <v>614</v>
      </c>
      <c r="M13" s="281">
        <v>0</v>
      </c>
      <c r="N13" s="281">
        <v>0</v>
      </c>
      <c r="O13" s="278">
        <v>0</v>
      </c>
      <c r="P13" s="280">
        <v>0</v>
      </c>
      <c r="Q13" s="281">
        <v>15</v>
      </c>
      <c r="R13" s="281">
        <v>26</v>
      </c>
      <c r="S13" s="281">
        <v>27</v>
      </c>
      <c r="T13" s="281">
        <v>0</v>
      </c>
      <c r="U13" s="281">
        <v>3</v>
      </c>
      <c r="V13" s="278">
        <v>71</v>
      </c>
      <c r="W13" s="283">
        <v>71</v>
      </c>
    </row>
    <row r="14" spans="1:23" ht="21" customHeight="1" x14ac:dyDescent="0.2">
      <c r="A14" s="257" t="s">
        <v>11</v>
      </c>
      <c r="B14" s="281">
        <v>0</v>
      </c>
      <c r="C14" s="281">
        <v>0</v>
      </c>
      <c r="D14" s="278">
        <v>0</v>
      </c>
      <c r="E14" s="280">
        <v>0</v>
      </c>
      <c r="F14" s="281">
        <v>221</v>
      </c>
      <c r="G14" s="281">
        <v>63</v>
      </c>
      <c r="H14" s="281">
        <v>165</v>
      </c>
      <c r="I14" s="281">
        <v>21</v>
      </c>
      <c r="J14" s="281">
        <v>25</v>
      </c>
      <c r="K14" s="278">
        <v>495</v>
      </c>
      <c r="L14" s="283">
        <v>495</v>
      </c>
      <c r="M14" s="281">
        <v>0</v>
      </c>
      <c r="N14" s="281">
        <v>0</v>
      </c>
      <c r="O14" s="278">
        <v>0</v>
      </c>
      <c r="P14" s="280">
        <v>0</v>
      </c>
      <c r="Q14" s="281">
        <v>45</v>
      </c>
      <c r="R14" s="281">
        <v>19</v>
      </c>
      <c r="S14" s="281">
        <v>0</v>
      </c>
      <c r="T14" s="281">
        <v>0</v>
      </c>
      <c r="U14" s="281">
        <v>0</v>
      </c>
      <c r="V14" s="278">
        <v>64</v>
      </c>
      <c r="W14" s="283">
        <v>64</v>
      </c>
    </row>
    <row r="15" spans="1:23" ht="21" customHeight="1" x14ac:dyDescent="0.2">
      <c r="A15" s="257" t="s">
        <v>12</v>
      </c>
      <c r="B15" s="281">
        <v>0</v>
      </c>
      <c r="C15" s="281">
        <v>0</v>
      </c>
      <c r="D15" s="278">
        <v>0</v>
      </c>
      <c r="E15" s="280">
        <v>0</v>
      </c>
      <c r="F15" s="281">
        <v>204</v>
      </c>
      <c r="G15" s="281">
        <v>140</v>
      </c>
      <c r="H15" s="281">
        <v>95</v>
      </c>
      <c r="I15" s="281">
        <v>7</v>
      </c>
      <c r="J15" s="281">
        <v>28</v>
      </c>
      <c r="K15" s="278">
        <v>474</v>
      </c>
      <c r="L15" s="283">
        <v>474</v>
      </c>
      <c r="M15" s="281">
        <v>0</v>
      </c>
      <c r="N15" s="281">
        <v>0</v>
      </c>
      <c r="O15" s="278">
        <v>0</v>
      </c>
      <c r="P15" s="280">
        <v>0</v>
      </c>
      <c r="Q15" s="281">
        <v>0</v>
      </c>
      <c r="R15" s="281">
        <v>0</v>
      </c>
      <c r="S15" s="281">
        <v>0</v>
      </c>
      <c r="T15" s="281">
        <v>0</v>
      </c>
      <c r="U15" s="281">
        <v>0</v>
      </c>
      <c r="V15" s="278">
        <v>0</v>
      </c>
      <c r="W15" s="283">
        <v>0</v>
      </c>
    </row>
    <row r="16" spans="1:23" ht="21" customHeight="1" x14ac:dyDescent="0.2">
      <c r="A16" s="257" t="s">
        <v>13</v>
      </c>
      <c r="B16" s="281">
        <v>0</v>
      </c>
      <c r="C16" s="281">
        <v>0</v>
      </c>
      <c r="D16" s="278">
        <v>0</v>
      </c>
      <c r="E16" s="280">
        <v>0</v>
      </c>
      <c r="F16" s="281">
        <v>83</v>
      </c>
      <c r="G16" s="281">
        <v>56</v>
      </c>
      <c r="H16" s="281">
        <v>27</v>
      </c>
      <c r="I16" s="281">
        <v>7</v>
      </c>
      <c r="J16" s="281">
        <v>8</v>
      </c>
      <c r="K16" s="278">
        <v>181</v>
      </c>
      <c r="L16" s="283">
        <v>181</v>
      </c>
      <c r="M16" s="281">
        <v>0</v>
      </c>
      <c r="N16" s="281">
        <v>0</v>
      </c>
      <c r="O16" s="278">
        <v>0</v>
      </c>
      <c r="P16" s="280">
        <v>0</v>
      </c>
      <c r="Q16" s="281">
        <v>0</v>
      </c>
      <c r="R16" s="281">
        <v>0</v>
      </c>
      <c r="S16" s="281">
        <v>34</v>
      </c>
      <c r="T16" s="281">
        <v>38</v>
      </c>
      <c r="U16" s="281">
        <v>0</v>
      </c>
      <c r="V16" s="278">
        <v>72</v>
      </c>
      <c r="W16" s="283">
        <v>72</v>
      </c>
    </row>
    <row r="17" spans="1:23" ht="21" customHeight="1" x14ac:dyDescent="0.2">
      <c r="A17" s="257" t="s">
        <v>15</v>
      </c>
      <c r="B17" s="281">
        <v>0</v>
      </c>
      <c r="C17" s="281">
        <v>0</v>
      </c>
      <c r="D17" s="278">
        <v>0</v>
      </c>
      <c r="E17" s="280">
        <v>0</v>
      </c>
      <c r="F17" s="281">
        <v>36</v>
      </c>
      <c r="G17" s="281">
        <v>80</v>
      </c>
      <c r="H17" s="281">
        <v>27</v>
      </c>
      <c r="I17" s="281">
        <v>7</v>
      </c>
      <c r="J17" s="281">
        <v>13</v>
      </c>
      <c r="K17" s="278">
        <v>163</v>
      </c>
      <c r="L17" s="283">
        <v>163</v>
      </c>
      <c r="M17" s="281">
        <v>0</v>
      </c>
      <c r="N17" s="281">
        <v>0</v>
      </c>
      <c r="O17" s="278">
        <v>0</v>
      </c>
      <c r="P17" s="280">
        <v>0</v>
      </c>
      <c r="Q17" s="281">
        <v>0</v>
      </c>
      <c r="R17" s="281">
        <v>12</v>
      </c>
      <c r="S17" s="281">
        <v>0</v>
      </c>
      <c r="T17" s="281">
        <v>0</v>
      </c>
      <c r="U17" s="281">
        <v>0</v>
      </c>
      <c r="V17" s="278">
        <v>12</v>
      </c>
      <c r="W17" s="283">
        <v>12</v>
      </c>
    </row>
    <row r="18" spans="1:23" ht="21" customHeight="1" x14ac:dyDescent="0.2">
      <c r="A18" s="257" t="s">
        <v>16</v>
      </c>
      <c r="B18" s="281">
        <v>0</v>
      </c>
      <c r="C18" s="281">
        <v>0</v>
      </c>
      <c r="D18" s="278">
        <v>0</v>
      </c>
      <c r="E18" s="280">
        <v>0</v>
      </c>
      <c r="F18" s="281">
        <v>46</v>
      </c>
      <c r="G18" s="281">
        <v>101</v>
      </c>
      <c r="H18" s="281">
        <v>12</v>
      </c>
      <c r="I18" s="281">
        <v>11</v>
      </c>
      <c r="J18" s="281">
        <v>12</v>
      </c>
      <c r="K18" s="278">
        <v>182</v>
      </c>
      <c r="L18" s="283">
        <v>182</v>
      </c>
      <c r="M18" s="281">
        <v>0</v>
      </c>
      <c r="N18" s="281">
        <v>0</v>
      </c>
      <c r="O18" s="278">
        <v>0</v>
      </c>
      <c r="P18" s="280">
        <v>0</v>
      </c>
      <c r="Q18" s="281">
        <v>23</v>
      </c>
      <c r="R18" s="281">
        <v>0</v>
      </c>
      <c r="S18" s="281">
        <v>18</v>
      </c>
      <c r="T18" s="281">
        <v>0</v>
      </c>
      <c r="U18" s="281">
        <v>0</v>
      </c>
      <c r="V18" s="278">
        <v>41</v>
      </c>
      <c r="W18" s="283">
        <v>41</v>
      </c>
    </row>
    <row r="19" spans="1:23" ht="21" customHeight="1" x14ac:dyDescent="0.2">
      <c r="A19" s="257" t="s">
        <v>17</v>
      </c>
      <c r="B19" s="281">
        <v>0</v>
      </c>
      <c r="C19" s="281">
        <v>0</v>
      </c>
      <c r="D19" s="278">
        <v>0</v>
      </c>
      <c r="E19" s="280">
        <v>0</v>
      </c>
      <c r="F19" s="281">
        <v>119</v>
      </c>
      <c r="G19" s="281">
        <v>100</v>
      </c>
      <c r="H19" s="281">
        <v>111</v>
      </c>
      <c r="I19" s="281">
        <v>26</v>
      </c>
      <c r="J19" s="281">
        <v>17</v>
      </c>
      <c r="K19" s="278">
        <v>373</v>
      </c>
      <c r="L19" s="283">
        <v>373</v>
      </c>
      <c r="M19" s="281">
        <v>0</v>
      </c>
      <c r="N19" s="281">
        <v>0</v>
      </c>
      <c r="O19" s="278">
        <v>0</v>
      </c>
      <c r="P19" s="280">
        <v>0</v>
      </c>
      <c r="Q19" s="281">
        <v>5</v>
      </c>
      <c r="R19" s="281">
        <v>0</v>
      </c>
      <c r="S19" s="281">
        <v>20</v>
      </c>
      <c r="T19" s="281">
        <v>0</v>
      </c>
      <c r="U19" s="281">
        <v>0</v>
      </c>
      <c r="V19" s="278">
        <v>25</v>
      </c>
      <c r="W19" s="283">
        <v>25</v>
      </c>
    </row>
    <row r="20" spans="1:23" ht="21" customHeight="1" x14ac:dyDescent="0.2">
      <c r="A20" s="257" t="s">
        <v>18</v>
      </c>
      <c r="B20" s="281">
        <v>0</v>
      </c>
      <c r="C20" s="281">
        <v>0</v>
      </c>
      <c r="D20" s="278">
        <v>0</v>
      </c>
      <c r="E20" s="280">
        <v>0</v>
      </c>
      <c r="F20" s="281">
        <v>151</v>
      </c>
      <c r="G20" s="281">
        <v>169</v>
      </c>
      <c r="H20" s="281">
        <v>41</v>
      </c>
      <c r="I20" s="281">
        <v>6</v>
      </c>
      <c r="J20" s="281">
        <v>0</v>
      </c>
      <c r="K20" s="278">
        <v>367</v>
      </c>
      <c r="L20" s="283">
        <v>367</v>
      </c>
      <c r="M20" s="281">
        <v>0</v>
      </c>
      <c r="N20" s="281">
        <v>0</v>
      </c>
      <c r="O20" s="278">
        <v>0</v>
      </c>
      <c r="P20" s="280">
        <v>0</v>
      </c>
      <c r="Q20" s="281">
        <v>17</v>
      </c>
      <c r="R20" s="281">
        <v>0</v>
      </c>
      <c r="S20" s="281">
        <v>17</v>
      </c>
      <c r="T20" s="281">
        <v>7</v>
      </c>
      <c r="U20" s="281">
        <v>0</v>
      </c>
      <c r="V20" s="278">
        <v>41</v>
      </c>
      <c r="W20" s="283">
        <v>41</v>
      </c>
    </row>
    <row r="21" spans="1:23" ht="21" customHeight="1" x14ac:dyDescent="0.2">
      <c r="A21" s="257" t="s">
        <v>19</v>
      </c>
      <c r="B21" s="281">
        <v>0</v>
      </c>
      <c r="C21" s="281">
        <v>0</v>
      </c>
      <c r="D21" s="278">
        <v>0</v>
      </c>
      <c r="E21" s="280">
        <v>0</v>
      </c>
      <c r="F21" s="281">
        <v>36</v>
      </c>
      <c r="G21" s="281">
        <v>24</v>
      </c>
      <c r="H21" s="281">
        <v>0</v>
      </c>
      <c r="I21" s="281">
        <v>3</v>
      </c>
      <c r="J21" s="281">
        <v>0</v>
      </c>
      <c r="K21" s="278">
        <v>63</v>
      </c>
      <c r="L21" s="283">
        <v>63</v>
      </c>
      <c r="M21" s="281">
        <v>0</v>
      </c>
      <c r="N21" s="281">
        <v>0</v>
      </c>
      <c r="O21" s="278">
        <v>0</v>
      </c>
      <c r="P21" s="280">
        <v>0</v>
      </c>
      <c r="Q21" s="281">
        <v>0</v>
      </c>
      <c r="R21" s="281">
        <v>16</v>
      </c>
      <c r="S21" s="281">
        <v>0</v>
      </c>
      <c r="T21" s="281">
        <v>0</v>
      </c>
      <c r="U21" s="281">
        <v>0</v>
      </c>
      <c r="V21" s="278">
        <v>16</v>
      </c>
      <c r="W21" s="283">
        <v>16</v>
      </c>
    </row>
    <row r="22" spans="1:23" ht="21" customHeight="1" x14ac:dyDescent="0.2">
      <c r="A22" s="257" t="s">
        <v>20</v>
      </c>
      <c r="B22" s="281">
        <v>0</v>
      </c>
      <c r="C22" s="281">
        <v>0</v>
      </c>
      <c r="D22" s="278">
        <v>0</v>
      </c>
      <c r="E22" s="280">
        <v>0</v>
      </c>
      <c r="F22" s="281">
        <v>109</v>
      </c>
      <c r="G22" s="281">
        <v>76</v>
      </c>
      <c r="H22" s="281">
        <v>45</v>
      </c>
      <c r="I22" s="281">
        <v>23</v>
      </c>
      <c r="J22" s="281">
        <v>0</v>
      </c>
      <c r="K22" s="278">
        <v>253</v>
      </c>
      <c r="L22" s="283">
        <v>253</v>
      </c>
      <c r="M22" s="281">
        <v>0</v>
      </c>
      <c r="N22" s="281">
        <v>0</v>
      </c>
      <c r="O22" s="278">
        <v>0</v>
      </c>
      <c r="P22" s="280">
        <v>0</v>
      </c>
      <c r="Q22" s="281">
        <v>0</v>
      </c>
      <c r="R22" s="281">
        <v>0</v>
      </c>
      <c r="S22" s="281">
        <v>14</v>
      </c>
      <c r="T22" s="281">
        <v>0</v>
      </c>
      <c r="U22" s="281">
        <v>0</v>
      </c>
      <c r="V22" s="278">
        <v>14</v>
      </c>
      <c r="W22" s="283">
        <v>14</v>
      </c>
    </row>
    <row r="23" spans="1:23" ht="21" customHeight="1" x14ac:dyDescent="0.2">
      <c r="A23" s="257" t="s">
        <v>21</v>
      </c>
      <c r="B23" s="281">
        <v>0</v>
      </c>
      <c r="C23" s="281">
        <v>0</v>
      </c>
      <c r="D23" s="278">
        <v>0</v>
      </c>
      <c r="E23" s="280">
        <v>0</v>
      </c>
      <c r="F23" s="281">
        <v>53</v>
      </c>
      <c r="G23" s="281">
        <v>110</v>
      </c>
      <c r="H23" s="281">
        <v>42</v>
      </c>
      <c r="I23" s="281">
        <v>38</v>
      </c>
      <c r="J23" s="281">
        <v>10</v>
      </c>
      <c r="K23" s="278">
        <v>253</v>
      </c>
      <c r="L23" s="283">
        <v>253</v>
      </c>
      <c r="M23" s="281">
        <v>0</v>
      </c>
      <c r="N23" s="281">
        <v>0</v>
      </c>
      <c r="O23" s="278">
        <v>0</v>
      </c>
      <c r="P23" s="280">
        <v>0</v>
      </c>
      <c r="Q23" s="281">
        <v>0</v>
      </c>
      <c r="R23" s="281">
        <v>0</v>
      </c>
      <c r="S23" s="281">
        <v>0</v>
      </c>
      <c r="T23" s="281">
        <v>0</v>
      </c>
      <c r="U23" s="281">
        <v>0</v>
      </c>
      <c r="V23" s="278">
        <v>0</v>
      </c>
      <c r="W23" s="283">
        <v>0</v>
      </c>
    </row>
    <row r="24" spans="1:23" ht="21" customHeight="1" x14ac:dyDescent="0.2">
      <c r="A24" s="257" t="s">
        <v>22</v>
      </c>
      <c r="B24" s="281">
        <v>0</v>
      </c>
      <c r="C24" s="281">
        <v>0</v>
      </c>
      <c r="D24" s="278">
        <v>0</v>
      </c>
      <c r="E24" s="280">
        <v>0</v>
      </c>
      <c r="F24" s="281">
        <v>32</v>
      </c>
      <c r="G24" s="281">
        <v>31</v>
      </c>
      <c r="H24" s="281">
        <v>10</v>
      </c>
      <c r="I24" s="281">
        <v>16</v>
      </c>
      <c r="J24" s="281">
        <v>0</v>
      </c>
      <c r="K24" s="278">
        <v>89</v>
      </c>
      <c r="L24" s="283">
        <v>89</v>
      </c>
      <c r="M24" s="281">
        <v>0</v>
      </c>
      <c r="N24" s="281">
        <v>0</v>
      </c>
      <c r="O24" s="278">
        <v>0</v>
      </c>
      <c r="P24" s="280">
        <v>0</v>
      </c>
      <c r="Q24" s="281">
        <v>13</v>
      </c>
      <c r="R24" s="281">
        <v>0</v>
      </c>
      <c r="S24" s="281">
        <v>9</v>
      </c>
      <c r="T24" s="281">
        <v>14</v>
      </c>
      <c r="U24" s="281">
        <v>0</v>
      </c>
      <c r="V24" s="278">
        <v>36</v>
      </c>
      <c r="W24" s="283">
        <v>36</v>
      </c>
    </row>
    <row r="25" spans="1:23" ht="21" customHeight="1" x14ac:dyDescent="0.2">
      <c r="A25" s="257" t="s">
        <v>23</v>
      </c>
      <c r="B25" s="281">
        <v>0</v>
      </c>
      <c r="C25" s="281">
        <v>0</v>
      </c>
      <c r="D25" s="278">
        <v>0</v>
      </c>
      <c r="E25" s="280">
        <v>0</v>
      </c>
      <c r="F25" s="281">
        <v>40</v>
      </c>
      <c r="G25" s="281">
        <v>12</v>
      </c>
      <c r="H25" s="281">
        <v>0</v>
      </c>
      <c r="I25" s="281">
        <v>44</v>
      </c>
      <c r="J25" s="281">
        <v>0</v>
      </c>
      <c r="K25" s="278">
        <v>96</v>
      </c>
      <c r="L25" s="283">
        <v>96</v>
      </c>
      <c r="M25" s="281">
        <v>0</v>
      </c>
      <c r="N25" s="281">
        <v>0</v>
      </c>
      <c r="O25" s="278">
        <v>0</v>
      </c>
      <c r="P25" s="280">
        <v>0</v>
      </c>
      <c r="Q25" s="281">
        <v>0</v>
      </c>
      <c r="R25" s="281">
        <v>0</v>
      </c>
      <c r="S25" s="281">
        <v>0</v>
      </c>
      <c r="T25" s="281">
        <v>0</v>
      </c>
      <c r="U25" s="281">
        <v>0</v>
      </c>
      <c r="V25" s="278">
        <v>0</v>
      </c>
      <c r="W25" s="283">
        <v>0</v>
      </c>
    </row>
    <row r="26" spans="1:23" ht="21" customHeight="1" x14ac:dyDescent="0.2">
      <c r="A26" s="257" t="s">
        <v>24</v>
      </c>
      <c r="B26" s="281">
        <v>0</v>
      </c>
      <c r="C26" s="281">
        <v>0</v>
      </c>
      <c r="D26" s="278">
        <v>0</v>
      </c>
      <c r="E26" s="280">
        <v>0</v>
      </c>
      <c r="F26" s="281">
        <v>40</v>
      </c>
      <c r="G26" s="281">
        <v>0</v>
      </c>
      <c r="H26" s="281">
        <v>46</v>
      </c>
      <c r="I26" s="281">
        <v>17</v>
      </c>
      <c r="J26" s="281">
        <v>0</v>
      </c>
      <c r="K26" s="278">
        <v>103</v>
      </c>
      <c r="L26" s="283">
        <v>103</v>
      </c>
      <c r="M26" s="281">
        <v>0</v>
      </c>
      <c r="N26" s="281">
        <v>0</v>
      </c>
      <c r="O26" s="278">
        <v>0</v>
      </c>
      <c r="P26" s="280">
        <v>0</v>
      </c>
      <c r="Q26" s="281">
        <v>0</v>
      </c>
      <c r="R26" s="281">
        <v>0</v>
      </c>
      <c r="S26" s="281">
        <v>14</v>
      </c>
      <c r="T26" s="281">
        <v>0</v>
      </c>
      <c r="U26" s="281">
        <v>0</v>
      </c>
      <c r="V26" s="278">
        <v>14</v>
      </c>
      <c r="W26" s="283">
        <v>14</v>
      </c>
    </row>
    <row r="27" spans="1:23" ht="21" customHeight="1" x14ac:dyDescent="0.2">
      <c r="A27" s="257" t="s">
        <v>25</v>
      </c>
      <c r="B27" s="281">
        <v>0</v>
      </c>
      <c r="C27" s="281">
        <v>0</v>
      </c>
      <c r="D27" s="278">
        <v>0</v>
      </c>
      <c r="E27" s="280">
        <v>0</v>
      </c>
      <c r="F27" s="281">
        <v>56</v>
      </c>
      <c r="G27" s="281">
        <v>0</v>
      </c>
      <c r="H27" s="281">
        <v>0</v>
      </c>
      <c r="I27" s="281">
        <v>8</v>
      </c>
      <c r="J27" s="281">
        <v>0</v>
      </c>
      <c r="K27" s="278">
        <v>64</v>
      </c>
      <c r="L27" s="283">
        <v>64</v>
      </c>
      <c r="M27" s="281">
        <v>0</v>
      </c>
      <c r="N27" s="281">
        <v>0</v>
      </c>
      <c r="O27" s="278">
        <v>0</v>
      </c>
      <c r="P27" s="280">
        <v>0</v>
      </c>
      <c r="Q27" s="281">
        <v>0</v>
      </c>
      <c r="R27" s="281">
        <v>0</v>
      </c>
      <c r="S27" s="281">
        <v>0</v>
      </c>
      <c r="T27" s="281">
        <v>0</v>
      </c>
      <c r="U27" s="281">
        <v>0</v>
      </c>
      <c r="V27" s="278">
        <v>0</v>
      </c>
      <c r="W27" s="283">
        <v>0</v>
      </c>
    </row>
    <row r="28" spans="1:23" ht="21" customHeight="1" x14ac:dyDescent="0.2">
      <c r="A28" s="257" t="s">
        <v>26</v>
      </c>
      <c r="B28" s="281">
        <v>0</v>
      </c>
      <c r="C28" s="281">
        <v>0</v>
      </c>
      <c r="D28" s="278">
        <v>0</v>
      </c>
      <c r="E28" s="280">
        <v>0</v>
      </c>
      <c r="F28" s="281">
        <v>5</v>
      </c>
      <c r="G28" s="281">
        <v>52</v>
      </c>
      <c r="H28" s="281">
        <v>8</v>
      </c>
      <c r="I28" s="281">
        <v>0</v>
      </c>
      <c r="J28" s="281">
        <v>19</v>
      </c>
      <c r="K28" s="278">
        <v>84</v>
      </c>
      <c r="L28" s="283">
        <v>84</v>
      </c>
      <c r="M28" s="281">
        <v>0</v>
      </c>
      <c r="N28" s="281">
        <v>0</v>
      </c>
      <c r="O28" s="278">
        <v>0</v>
      </c>
      <c r="P28" s="280">
        <v>0</v>
      </c>
      <c r="Q28" s="281">
        <v>0</v>
      </c>
      <c r="R28" s="281">
        <v>0</v>
      </c>
      <c r="S28" s="281">
        <v>0</v>
      </c>
      <c r="T28" s="281">
        <v>0</v>
      </c>
      <c r="U28" s="281">
        <v>0</v>
      </c>
      <c r="V28" s="278">
        <v>0</v>
      </c>
      <c r="W28" s="283">
        <v>0</v>
      </c>
    </row>
    <row r="29" spans="1:23" ht="21" customHeight="1" x14ac:dyDescent="0.2">
      <c r="A29" s="257" t="s">
        <v>27</v>
      </c>
      <c r="B29" s="281">
        <v>0</v>
      </c>
      <c r="C29" s="281">
        <v>0</v>
      </c>
      <c r="D29" s="278">
        <v>0</v>
      </c>
      <c r="E29" s="280">
        <v>0</v>
      </c>
      <c r="F29" s="281">
        <v>13</v>
      </c>
      <c r="G29" s="281">
        <v>6</v>
      </c>
      <c r="H29" s="281">
        <v>0</v>
      </c>
      <c r="I29" s="281">
        <v>0</v>
      </c>
      <c r="J29" s="281">
        <v>0</v>
      </c>
      <c r="K29" s="278">
        <v>19</v>
      </c>
      <c r="L29" s="283">
        <v>19</v>
      </c>
      <c r="M29" s="281">
        <v>0</v>
      </c>
      <c r="N29" s="281">
        <v>0</v>
      </c>
      <c r="O29" s="278">
        <v>0</v>
      </c>
      <c r="P29" s="280">
        <v>0</v>
      </c>
      <c r="Q29" s="281">
        <v>14</v>
      </c>
      <c r="R29" s="281">
        <v>19</v>
      </c>
      <c r="S29" s="281">
        <v>0</v>
      </c>
      <c r="T29" s="281">
        <v>0</v>
      </c>
      <c r="U29" s="281">
        <v>0</v>
      </c>
      <c r="V29" s="278">
        <v>33</v>
      </c>
      <c r="W29" s="283">
        <v>33</v>
      </c>
    </row>
    <row r="30" spans="1:23" ht="21" customHeight="1" x14ac:dyDescent="0.2">
      <c r="A30" s="257" t="s">
        <v>28</v>
      </c>
      <c r="B30" s="281">
        <v>0</v>
      </c>
      <c r="C30" s="281">
        <v>0</v>
      </c>
      <c r="D30" s="278">
        <v>0</v>
      </c>
      <c r="E30" s="280">
        <v>0</v>
      </c>
      <c r="F30" s="281">
        <v>18</v>
      </c>
      <c r="G30" s="281">
        <v>13</v>
      </c>
      <c r="H30" s="281">
        <v>0</v>
      </c>
      <c r="I30" s="281">
        <v>0</v>
      </c>
      <c r="J30" s="281">
        <v>0</v>
      </c>
      <c r="K30" s="278">
        <v>31</v>
      </c>
      <c r="L30" s="283">
        <v>31</v>
      </c>
      <c r="M30" s="281">
        <v>0</v>
      </c>
      <c r="N30" s="281">
        <v>0</v>
      </c>
      <c r="O30" s="278">
        <v>0</v>
      </c>
      <c r="P30" s="280">
        <v>0</v>
      </c>
      <c r="Q30" s="281">
        <v>0</v>
      </c>
      <c r="R30" s="281">
        <v>0</v>
      </c>
      <c r="S30" s="281">
        <v>0</v>
      </c>
      <c r="T30" s="281">
        <v>0</v>
      </c>
      <c r="U30" s="281">
        <v>3</v>
      </c>
      <c r="V30" s="278">
        <v>3</v>
      </c>
      <c r="W30" s="283">
        <v>3</v>
      </c>
    </row>
    <row r="31" spans="1:23" ht="21" customHeight="1" x14ac:dyDescent="0.2">
      <c r="A31" s="257" t="s">
        <v>29</v>
      </c>
      <c r="B31" s="281">
        <v>0</v>
      </c>
      <c r="C31" s="281">
        <v>0</v>
      </c>
      <c r="D31" s="278">
        <v>0</v>
      </c>
      <c r="E31" s="280">
        <v>0</v>
      </c>
      <c r="F31" s="281">
        <v>8</v>
      </c>
      <c r="G31" s="281">
        <v>5</v>
      </c>
      <c r="H31" s="281">
        <v>0</v>
      </c>
      <c r="I31" s="281">
        <v>0</v>
      </c>
      <c r="J31" s="281">
        <v>0</v>
      </c>
      <c r="K31" s="278">
        <v>13</v>
      </c>
      <c r="L31" s="283">
        <v>13</v>
      </c>
      <c r="M31" s="281">
        <v>0</v>
      </c>
      <c r="N31" s="281">
        <v>0</v>
      </c>
      <c r="O31" s="278">
        <v>0</v>
      </c>
      <c r="P31" s="280">
        <v>0</v>
      </c>
      <c r="Q31" s="281">
        <v>0</v>
      </c>
      <c r="R31" s="281">
        <v>0</v>
      </c>
      <c r="S31" s="281">
        <v>0</v>
      </c>
      <c r="T31" s="281">
        <v>0</v>
      </c>
      <c r="U31" s="281">
        <v>0</v>
      </c>
      <c r="V31" s="278">
        <v>0</v>
      </c>
      <c r="W31" s="283">
        <v>0</v>
      </c>
    </row>
    <row r="32" spans="1:23" ht="21" customHeight="1" x14ac:dyDescent="0.2">
      <c r="A32" s="257" t="s">
        <v>30</v>
      </c>
      <c r="B32" s="281">
        <v>0</v>
      </c>
      <c r="C32" s="281">
        <v>0</v>
      </c>
      <c r="D32" s="278">
        <v>0</v>
      </c>
      <c r="E32" s="280">
        <v>0</v>
      </c>
      <c r="F32" s="281">
        <v>0</v>
      </c>
      <c r="G32" s="281">
        <v>17</v>
      </c>
      <c r="H32" s="281">
        <v>0</v>
      </c>
      <c r="I32" s="281">
        <v>0</v>
      </c>
      <c r="J32" s="281">
        <v>0</v>
      </c>
      <c r="K32" s="278">
        <v>17</v>
      </c>
      <c r="L32" s="283">
        <v>17</v>
      </c>
      <c r="M32" s="281">
        <v>5</v>
      </c>
      <c r="N32" s="281">
        <v>0</v>
      </c>
      <c r="O32" s="278">
        <v>5</v>
      </c>
      <c r="P32" s="280">
        <v>0</v>
      </c>
      <c r="Q32" s="281">
        <v>0</v>
      </c>
      <c r="R32" s="281">
        <v>0</v>
      </c>
      <c r="S32" s="281">
        <v>0</v>
      </c>
      <c r="T32" s="281">
        <v>0</v>
      </c>
      <c r="U32" s="281">
        <v>0</v>
      </c>
      <c r="V32" s="278">
        <v>0</v>
      </c>
      <c r="W32" s="283">
        <v>5</v>
      </c>
    </row>
    <row r="33" spans="1:23" ht="21" customHeight="1" x14ac:dyDescent="0.2">
      <c r="A33" s="257" t="s">
        <v>31</v>
      </c>
      <c r="B33" s="281">
        <v>0</v>
      </c>
      <c r="C33" s="281">
        <v>0</v>
      </c>
      <c r="D33" s="278">
        <v>0</v>
      </c>
      <c r="E33" s="280">
        <v>0</v>
      </c>
      <c r="F33" s="281">
        <v>9</v>
      </c>
      <c r="G33" s="281">
        <v>5</v>
      </c>
      <c r="H33" s="281">
        <v>0</v>
      </c>
      <c r="I33" s="281">
        <v>0</v>
      </c>
      <c r="J33" s="281">
        <v>0</v>
      </c>
      <c r="K33" s="278">
        <v>14</v>
      </c>
      <c r="L33" s="283">
        <v>14</v>
      </c>
      <c r="M33" s="281">
        <v>0</v>
      </c>
      <c r="N33" s="281">
        <v>0</v>
      </c>
      <c r="O33" s="278">
        <v>0</v>
      </c>
      <c r="P33" s="280">
        <v>0</v>
      </c>
      <c r="Q33" s="281">
        <v>0</v>
      </c>
      <c r="R33" s="281">
        <v>0</v>
      </c>
      <c r="S33" s="281">
        <v>14</v>
      </c>
      <c r="T33" s="281">
        <v>0</v>
      </c>
      <c r="U33" s="281">
        <v>0</v>
      </c>
      <c r="V33" s="278">
        <v>14</v>
      </c>
      <c r="W33" s="283">
        <v>14</v>
      </c>
    </row>
    <row r="34" spans="1:23" ht="21" customHeight="1" x14ac:dyDescent="0.2">
      <c r="A34" s="257" t="s">
        <v>32</v>
      </c>
      <c r="B34" s="281">
        <v>0</v>
      </c>
      <c r="C34" s="281">
        <v>0</v>
      </c>
      <c r="D34" s="278">
        <v>0</v>
      </c>
      <c r="E34" s="280">
        <v>0</v>
      </c>
      <c r="F34" s="281">
        <v>22</v>
      </c>
      <c r="G34" s="281">
        <v>9</v>
      </c>
      <c r="H34" s="281">
        <v>14</v>
      </c>
      <c r="I34" s="281">
        <v>0</v>
      </c>
      <c r="J34" s="281">
        <v>0</v>
      </c>
      <c r="K34" s="278">
        <v>45</v>
      </c>
      <c r="L34" s="283">
        <v>45</v>
      </c>
      <c r="M34" s="281">
        <v>0</v>
      </c>
      <c r="N34" s="281">
        <v>0</v>
      </c>
      <c r="O34" s="278">
        <v>0</v>
      </c>
      <c r="P34" s="280">
        <v>0</v>
      </c>
      <c r="Q34" s="281">
        <v>0</v>
      </c>
      <c r="R34" s="281">
        <v>0</v>
      </c>
      <c r="S34" s="281">
        <v>0</v>
      </c>
      <c r="T34" s="281">
        <v>11</v>
      </c>
      <c r="U34" s="281">
        <v>0</v>
      </c>
      <c r="V34" s="278">
        <v>11</v>
      </c>
      <c r="W34" s="283">
        <v>11</v>
      </c>
    </row>
    <row r="35" spans="1:23" ht="21" customHeight="1" x14ac:dyDescent="0.2">
      <c r="A35" s="257" t="s">
        <v>33</v>
      </c>
      <c r="B35" s="281">
        <v>0</v>
      </c>
      <c r="C35" s="281">
        <v>0</v>
      </c>
      <c r="D35" s="278">
        <v>0</v>
      </c>
      <c r="E35" s="280">
        <v>0</v>
      </c>
      <c r="F35" s="281">
        <v>6</v>
      </c>
      <c r="G35" s="281">
        <v>0</v>
      </c>
      <c r="H35" s="281">
        <v>0</v>
      </c>
      <c r="I35" s="281">
        <v>0</v>
      </c>
      <c r="J35" s="281">
        <v>0</v>
      </c>
      <c r="K35" s="278">
        <v>6</v>
      </c>
      <c r="L35" s="283">
        <v>6</v>
      </c>
      <c r="M35" s="281">
        <v>0</v>
      </c>
      <c r="N35" s="281">
        <v>0</v>
      </c>
      <c r="O35" s="278">
        <v>0</v>
      </c>
      <c r="P35" s="280">
        <v>0</v>
      </c>
      <c r="Q35" s="281">
        <v>0</v>
      </c>
      <c r="R35" s="281">
        <v>0</v>
      </c>
      <c r="S35" s="281">
        <v>0</v>
      </c>
      <c r="T35" s="281">
        <v>0</v>
      </c>
      <c r="U35" s="281">
        <v>0</v>
      </c>
      <c r="V35" s="278">
        <v>0</v>
      </c>
      <c r="W35" s="283">
        <v>0</v>
      </c>
    </row>
    <row r="36" spans="1:23" ht="21" customHeight="1" x14ac:dyDescent="0.2">
      <c r="A36" s="257" t="s">
        <v>34</v>
      </c>
      <c r="B36" s="281">
        <v>0</v>
      </c>
      <c r="C36" s="281">
        <v>0</v>
      </c>
      <c r="D36" s="278">
        <v>0</v>
      </c>
      <c r="E36" s="280">
        <v>0</v>
      </c>
      <c r="F36" s="281">
        <v>27</v>
      </c>
      <c r="G36" s="281">
        <v>0</v>
      </c>
      <c r="H36" s="281">
        <v>0</v>
      </c>
      <c r="I36" s="281">
        <v>0</v>
      </c>
      <c r="J36" s="281">
        <v>0</v>
      </c>
      <c r="K36" s="278">
        <v>27</v>
      </c>
      <c r="L36" s="283">
        <v>27</v>
      </c>
      <c r="M36" s="281">
        <v>0</v>
      </c>
      <c r="N36" s="281">
        <v>0</v>
      </c>
      <c r="O36" s="278">
        <v>0</v>
      </c>
      <c r="P36" s="280">
        <v>0</v>
      </c>
      <c r="Q36" s="281">
        <v>0</v>
      </c>
      <c r="R36" s="281">
        <v>0</v>
      </c>
      <c r="S36" s="281">
        <v>0</v>
      </c>
      <c r="T36" s="281">
        <v>0</v>
      </c>
      <c r="U36" s="281">
        <v>0</v>
      </c>
      <c r="V36" s="278">
        <v>0</v>
      </c>
      <c r="W36" s="283">
        <v>0</v>
      </c>
    </row>
    <row r="37" spans="1:23" ht="21" customHeight="1" x14ac:dyDescent="0.2">
      <c r="A37" s="257" t="s">
        <v>35</v>
      </c>
      <c r="B37" s="281">
        <v>0</v>
      </c>
      <c r="C37" s="281">
        <v>0</v>
      </c>
      <c r="D37" s="278">
        <v>0</v>
      </c>
      <c r="E37" s="280">
        <v>0</v>
      </c>
      <c r="F37" s="281">
        <v>0</v>
      </c>
      <c r="G37" s="281">
        <v>10</v>
      </c>
      <c r="H37" s="281">
        <v>0</v>
      </c>
      <c r="I37" s="281">
        <v>0</v>
      </c>
      <c r="J37" s="281">
        <v>0</v>
      </c>
      <c r="K37" s="278">
        <v>10</v>
      </c>
      <c r="L37" s="283">
        <v>10</v>
      </c>
      <c r="M37" s="281">
        <v>0</v>
      </c>
      <c r="N37" s="281">
        <v>0</v>
      </c>
      <c r="O37" s="278">
        <v>0</v>
      </c>
      <c r="P37" s="280">
        <v>0</v>
      </c>
      <c r="Q37" s="281">
        <v>0</v>
      </c>
      <c r="R37" s="281">
        <v>0</v>
      </c>
      <c r="S37" s="281">
        <v>0</v>
      </c>
      <c r="T37" s="281">
        <v>0</v>
      </c>
      <c r="U37" s="281">
        <v>0</v>
      </c>
      <c r="V37" s="278">
        <v>0</v>
      </c>
      <c r="W37" s="283">
        <v>0</v>
      </c>
    </row>
    <row r="38" spans="1:23" ht="21" customHeight="1" x14ac:dyDescent="0.2">
      <c r="A38" s="257" t="s">
        <v>36</v>
      </c>
      <c r="B38" s="281">
        <v>0</v>
      </c>
      <c r="C38" s="281">
        <v>0</v>
      </c>
      <c r="D38" s="278">
        <v>0</v>
      </c>
      <c r="E38" s="280">
        <v>0</v>
      </c>
      <c r="F38" s="281">
        <v>23</v>
      </c>
      <c r="G38" s="281">
        <v>8</v>
      </c>
      <c r="H38" s="281">
        <v>0</v>
      </c>
      <c r="I38" s="281">
        <v>0</v>
      </c>
      <c r="J38" s="281">
        <v>20</v>
      </c>
      <c r="K38" s="278">
        <v>51</v>
      </c>
      <c r="L38" s="283">
        <v>51</v>
      </c>
      <c r="M38" s="281">
        <v>0</v>
      </c>
      <c r="N38" s="281">
        <v>0</v>
      </c>
      <c r="O38" s="278">
        <v>0</v>
      </c>
      <c r="P38" s="280">
        <v>0</v>
      </c>
      <c r="Q38" s="281">
        <v>0</v>
      </c>
      <c r="R38" s="281">
        <v>0</v>
      </c>
      <c r="S38" s="281">
        <v>0</v>
      </c>
      <c r="T38" s="281">
        <v>0</v>
      </c>
      <c r="U38" s="281">
        <v>0</v>
      </c>
      <c r="V38" s="278">
        <v>0</v>
      </c>
      <c r="W38" s="283">
        <v>0</v>
      </c>
    </row>
    <row r="39" spans="1:23" ht="21" customHeight="1" thickBot="1" x14ac:dyDescent="0.25">
      <c r="A39" s="258" t="s">
        <v>37</v>
      </c>
      <c r="B39" s="288">
        <v>0</v>
      </c>
      <c r="C39" s="288">
        <v>0</v>
      </c>
      <c r="D39" s="285">
        <v>0</v>
      </c>
      <c r="E39" s="287">
        <v>0</v>
      </c>
      <c r="F39" s="288">
        <v>0</v>
      </c>
      <c r="G39" s="288">
        <v>0</v>
      </c>
      <c r="H39" s="288">
        <v>0</v>
      </c>
      <c r="I39" s="288">
        <v>0</v>
      </c>
      <c r="J39" s="288">
        <v>0</v>
      </c>
      <c r="K39" s="285">
        <v>0</v>
      </c>
      <c r="L39" s="290">
        <v>0</v>
      </c>
      <c r="M39" s="288">
        <v>0</v>
      </c>
      <c r="N39" s="288">
        <v>0</v>
      </c>
      <c r="O39" s="285">
        <v>0</v>
      </c>
      <c r="P39" s="287">
        <v>0</v>
      </c>
      <c r="Q39" s="288">
        <v>0</v>
      </c>
      <c r="R39" s="288">
        <v>0</v>
      </c>
      <c r="S39" s="288">
        <v>0</v>
      </c>
      <c r="T39" s="288">
        <v>0</v>
      </c>
      <c r="U39" s="288">
        <v>0</v>
      </c>
      <c r="V39" s="285">
        <v>0</v>
      </c>
      <c r="W39" s="290">
        <v>0</v>
      </c>
    </row>
  </sheetData>
  <mergeCells count="11">
    <mergeCell ref="A3:A5"/>
    <mergeCell ref="B3:L3"/>
    <mergeCell ref="B4:D4"/>
    <mergeCell ref="E4:K4"/>
    <mergeCell ref="L4:L5"/>
    <mergeCell ref="M3:W3"/>
    <mergeCell ref="M4:O4"/>
    <mergeCell ref="P4:V4"/>
    <mergeCell ref="W4:W5"/>
    <mergeCell ref="G1:H1"/>
    <mergeCell ref="J1:K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 style="256" customWidth="1"/>
    <col min="5" max="5" width="7.77734375" style="256" customWidth="1"/>
    <col min="6" max="6" width="10.77734375" style="256" customWidth="1"/>
    <col min="7" max="15" width="9" style="256"/>
    <col min="16" max="16" width="7.6640625" style="256" customWidth="1"/>
    <col min="17" max="16384" width="9" style="256"/>
  </cols>
  <sheetData>
    <row r="1" spans="1:23" ht="17.25" customHeight="1" x14ac:dyDescent="0.2">
      <c r="A1" s="291" t="s">
        <v>125</v>
      </c>
      <c r="G1" s="528">
        <f>第１表!F2</f>
        <v>4</v>
      </c>
      <c r="H1" s="528"/>
      <c r="I1" s="248">
        <f>第１表!G2</f>
        <v>5</v>
      </c>
      <c r="J1" s="529">
        <f>IF(I1&lt;3,I1+12-2,I1-2)</f>
        <v>3</v>
      </c>
      <c r="K1" s="529"/>
    </row>
    <row r="2" spans="1:23" ht="21" customHeight="1" thickBot="1" x14ac:dyDescent="0.25">
      <c r="A2" s="291" t="s">
        <v>155</v>
      </c>
    </row>
    <row r="3" spans="1:23" ht="18.75" customHeight="1" x14ac:dyDescent="0.2">
      <c r="A3" s="532"/>
      <c r="B3" s="533" t="s">
        <v>142</v>
      </c>
      <c r="C3" s="533"/>
      <c r="D3" s="533"/>
      <c r="E3" s="533"/>
      <c r="F3" s="533"/>
      <c r="G3" s="533"/>
      <c r="H3" s="533"/>
      <c r="I3" s="533"/>
      <c r="J3" s="533"/>
      <c r="K3" s="533"/>
      <c r="L3" s="565"/>
      <c r="M3" s="533" t="s">
        <v>113</v>
      </c>
      <c r="N3" s="533"/>
      <c r="O3" s="533"/>
      <c r="P3" s="533"/>
      <c r="Q3" s="533"/>
      <c r="R3" s="533"/>
      <c r="S3" s="533"/>
      <c r="T3" s="533"/>
      <c r="U3" s="533"/>
      <c r="V3" s="533"/>
      <c r="W3" s="565"/>
    </row>
    <row r="4" spans="1:23" ht="18.75" customHeight="1" x14ac:dyDescent="0.2">
      <c r="A4" s="571"/>
      <c r="B4" s="566" t="s">
        <v>61</v>
      </c>
      <c r="C4" s="566"/>
      <c r="D4" s="567"/>
      <c r="E4" s="568" t="s">
        <v>62</v>
      </c>
      <c r="F4" s="566"/>
      <c r="G4" s="566"/>
      <c r="H4" s="566"/>
      <c r="I4" s="566"/>
      <c r="J4" s="566"/>
      <c r="K4" s="569"/>
      <c r="L4" s="570" t="s">
        <v>52</v>
      </c>
      <c r="M4" s="566" t="s">
        <v>61</v>
      </c>
      <c r="N4" s="566"/>
      <c r="O4" s="567"/>
      <c r="P4" s="568" t="s">
        <v>62</v>
      </c>
      <c r="Q4" s="566"/>
      <c r="R4" s="566"/>
      <c r="S4" s="566"/>
      <c r="T4" s="566"/>
      <c r="U4" s="566"/>
      <c r="V4" s="569"/>
      <c r="W4" s="570" t="s">
        <v>52</v>
      </c>
    </row>
    <row r="5" spans="1:23" ht="27" thickBot="1" x14ac:dyDescent="0.25">
      <c r="A5" s="572"/>
      <c r="B5" s="260" t="s">
        <v>43</v>
      </c>
      <c r="C5" s="260" t="s">
        <v>44</v>
      </c>
      <c r="D5" s="266" t="s">
        <v>45</v>
      </c>
      <c r="E5" s="268" t="s">
        <v>83</v>
      </c>
      <c r="F5" s="260" t="s">
        <v>47</v>
      </c>
      <c r="G5" s="260" t="s">
        <v>48</v>
      </c>
      <c r="H5" s="260" t="s">
        <v>49</v>
      </c>
      <c r="I5" s="260" t="s">
        <v>50</v>
      </c>
      <c r="J5" s="260" t="s">
        <v>51</v>
      </c>
      <c r="K5" s="266" t="s">
        <v>45</v>
      </c>
      <c r="L5" s="531"/>
      <c r="M5" s="260" t="s">
        <v>43</v>
      </c>
      <c r="N5" s="260" t="s">
        <v>44</v>
      </c>
      <c r="O5" s="266" t="s">
        <v>45</v>
      </c>
      <c r="P5" s="268" t="s">
        <v>83</v>
      </c>
      <c r="Q5" s="260" t="s">
        <v>47</v>
      </c>
      <c r="R5" s="260" t="s">
        <v>48</v>
      </c>
      <c r="S5" s="260" t="s">
        <v>49</v>
      </c>
      <c r="T5" s="260" t="s">
        <v>50</v>
      </c>
      <c r="U5" s="260" t="s">
        <v>51</v>
      </c>
      <c r="V5" s="266" t="s">
        <v>45</v>
      </c>
      <c r="W5" s="531"/>
    </row>
    <row r="6" spans="1:23" ht="21" customHeight="1" x14ac:dyDescent="0.2">
      <c r="A6" s="259" t="s">
        <v>4</v>
      </c>
      <c r="B6" s="274">
        <v>0</v>
      </c>
      <c r="C6" s="274">
        <v>0</v>
      </c>
      <c r="D6" s="271">
        <v>0</v>
      </c>
      <c r="E6" s="273">
        <v>0</v>
      </c>
      <c r="F6" s="274">
        <v>5531</v>
      </c>
      <c r="G6" s="274">
        <v>4629</v>
      </c>
      <c r="H6" s="274">
        <v>2511</v>
      </c>
      <c r="I6" s="274">
        <v>1288</v>
      </c>
      <c r="J6" s="274">
        <v>454</v>
      </c>
      <c r="K6" s="271">
        <v>14413</v>
      </c>
      <c r="L6" s="276">
        <v>14413</v>
      </c>
      <c r="M6" s="274">
        <v>0</v>
      </c>
      <c r="N6" s="274">
        <v>0</v>
      </c>
      <c r="O6" s="271">
        <v>0</v>
      </c>
      <c r="P6" s="273">
        <v>0</v>
      </c>
      <c r="Q6" s="274">
        <v>336</v>
      </c>
      <c r="R6" s="274">
        <v>650</v>
      </c>
      <c r="S6" s="274">
        <v>641</v>
      </c>
      <c r="T6" s="274">
        <v>222</v>
      </c>
      <c r="U6" s="274">
        <v>296</v>
      </c>
      <c r="V6" s="271">
        <v>2145</v>
      </c>
      <c r="W6" s="276">
        <v>2145</v>
      </c>
    </row>
    <row r="7" spans="1:23" ht="21" customHeight="1" x14ac:dyDescent="0.2">
      <c r="A7" s="257" t="s">
        <v>5</v>
      </c>
      <c r="B7" s="281">
        <v>0</v>
      </c>
      <c r="C7" s="281">
        <v>0</v>
      </c>
      <c r="D7" s="278">
        <v>0</v>
      </c>
      <c r="E7" s="280">
        <v>0</v>
      </c>
      <c r="F7" s="281">
        <v>2068</v>
      </c>
      <c r="G7" s="281">
        <v>2310</v>
      </c>
      <c r="H7" s="281">
        <v>983</v>
      </c>
      <c r="I7" s="281">
        <v>588</v>
      </c>
      <c r="J7" s="281">
        <v>233</v>
      </c>
      <c r="K7" s="278">
        <v>6182</v>
      </c>
      <c r="L7" s="283">
        <v>6182</v>
      </c>
      <c r="M7" s="281">
        <v>0</v>
      </c>
      <c r="N7" s="281">
        <v>0</v>
      </c>
      <c r="O7" s="278">
        <v>0</v>
      </c>
      <c r="P7" s="280">
        <v>0</v>
      </c>
      <c r="Q7" s="281">
        <v>206</v>
      </c>
      <c r="R7" s="281">
        <v>424</v>
      </c>
      <c r="S7" s="281">
        <v>268</v>
      </c>
      <c r="T7" s="281">
        <v>140</v>
      </c>
      <c r="U7" s="281">
        <v>216</v>
      </c>
      <c r="V7" s="278">
        <v>1254</v>
      </c>
      <c r="W7" s="283">
        <v>1254</v>
      </c>
    </row>
    <row r="8" spans="1:23" ht="21" customHeight="1" x14ac:dyDescent="0.2">
      <c r="A8" s="257" t="s">
        <v>6</v>
      </c>
      <c r="B8" s="281">
        <v>0</v>
      </c>
      <c r="C8" s="281">
        <v>0</v>
      </c>
      <c r="D8" s="278">
        <v>0</v>
      </c>
      <c r="E8" s="280">
        <v>0</v>
      </c>
      <c r="F8" s="281">
        <v>1037</v>
      </c>
      <c r="G8" s="281">
        <v>533</v>
      </c>
      <c r="H8" s="281">
        <v>351</v>
      </c>
      <c r="I8" s="281">
        <v>225</v>
      </c>
      <c r="J8" s="281">
        <v>77</v>
      </c>
      <c r="K8" s="278">
        <v>2223</v>
      </c>
      <c r="L8" s="283">
        <v>2223</v>
      </c>
      <c r="M8" s="281">
        <v>0</v>
      </c>
      <c r="N8" s="281">
        <v>0</v>
      </c>
      <c r="O8" s="278">
        <v>0</v>
      </c>
      <c r="P8" s="280">
        <v>0</v>
      </c>
      <c r="Q8" s="281">
        <v>64</v>
      </c>
      <c r="R8" s="281">
        <v>99</v>
      </c>
      <c r="S8" s="281">
        <v>200</v>
      </c>
      <c r="T8" s="281">
        <v>47</v>
      </c>
      <c r="U8" s="281">
        <v>13</v>
      </c>
      <c r="V8" s="278">
        <v>423</v>
      </c>
      <c r="W8" s="283">
        <v>423</v>
      </c>
    </row>
    <row r="9" spans="1:23" ht="21" customHeight="1" x14ac:dyDescent="0.2">
      <c r="A9" s="257" t="s">
        <v>14</v>
      </c>
      <c r="B9" s="281">
        <v>0</v>
      </c>
      <c r="C9" s="281">
        <v>0</v>
      </c>
      <c r="D9" s="278">
        <v>0</v>
      </c>
      <c r="E9" s="280">
        <v>0</v>
      </c>
      <c r="F9" s="281">
        <v>352</v>
      </c>
      <c r="G9" s="281">
        <v>368</v>
      </c>
      <c r="H9" s="281">
        <v>174</v>
      </c>
      <c r="I9" s="281">
        <v>41</v>
      </c>
      <c r="J9" s="281">
        <v>16</v>
      </c>
      <c r="K9" s="278">
        <v>951</v>
      </c>
      <c r="L9" s="283">
        <v>951</v>
      </c>
      <c r="M9" s="281">
        <v>0</v>
      </c>
      <c r="N9" s="281">
        <v>0</v>
      </c>
      <c r="O9" s="278">
        <v>0</v>
      </c>
      <c r="P9" s="280">
        <v>0</v>
      </c>
      <c r="Q9" s="281">
        <v>13</v>
      </c>
      <c r="R9" s="281">
        <v>4</v>
      </c>
      <c r="S9" s="281">
        <v>1</v>
      </c>
      <c r="T9" s="281">
        <v>0</v>
      </c>
      <c r="U9" s="281">
        <v>14</v>
      </c>
      <c r="V9" s="278">
        <v>32</v>
      </c>
      <c r="W9" s="283">
        <v>32</v>
      </c>
    </row>
    <row r="10" spans="1:23" ht="21" customHeight="1" x14ac:dyDescent="0.2">
      <c r="A10" s="257" t="s">
        <v>7</v>
      </c>
      <c r="B10" s="281">
        <v>0</v>
      </c>
      <c r="C10" s="281">
        <v>0</v>
      </c>
      <c r="D10" s="278">
        <v>0</v>
      </c>
      <c r="E10" s="280">
        <v>0</v>
      </c>
      <c r="F10" s="281">
        <v>138</v>
      </c>
      <c r="G10" s="281">
        <v>110</v>
      </c>
      <c r="H10" s="281">
        <v>167</v>
      </c>
      <c r="I10" s="281">
        <v>75</v>
      </c>
      <c r="J10" s="281">
        <v>13</v>
      </c>
      <c r="K10" s="278">
        <v>503</v>
      </c>
      <c r="L10" s="283">
        <v>503</v>
      </c>
      <c r="M10" s="281">
        <v>0</v>
      </c>
      <c r="N10" s="281">
        <v>0</v>
      </c>
      <c r="O10" s="278">
        <v>0</v>
      </c>
      <c r="P10" s="280">
        <v>0</v>
      </c>
      <c r="Q10" s="281">
        <v>14</v>
      </c>
      <c r="R10" s="281">
        <v>23</v>
      </c>
      <c r="S10" s="281">
        <v>45</v>
      </c>
      <c r="T10" s="281">
        <v>17</v>
      </c>
      <c r="U10" s="281">
        <v>0</v>
      </c>
      <c r="V10" s="278">
        <v>99</v>
      </c>
      <c r="W10" s="283">
        <v>99</v>
      </c>
    </row>
    <row r="11" spans="1:23" ht="21" customHeight="1" x14ac:dyDescent="0.2">
      <c r="A11" s="257" t="s">
        <v>8</v>
      </c>
      <c r="B11" s="281">
        <v>0</v>
      </c>
      <c r="C11" s="281">
        <v>0</v>
      </c>
      <c r="D11" s="278">
        <v>0</v>
      </c>
      <c r="E11" s="280">
        <v>0</v>
      </c>
      <c r="F11" s="281">
        <v>192</v>
      </c>
      <c r="G11" s="281">
        <v>122</v>
      </c>
      <c r="H11" s="281">
        <v>72</v>
      </c>
      <c r="I11" s="281">
        <v>34</v>
      </c>
      <c r="J11" s="281">
        <v>9</v>
      </c>
      <c r="K11" s="278">
        <v>429</v>
      </c>
      <c r="L11" s="283">
        <v>429</v>
      </c>
      <c r="M11" s="281">
        <v>0</v>
      </c>
      <c r="N11" s="281">
        <v>0</v>
      </c>
      <c r="O11" s="278">
        <v>0</v>
      </c>
      <c r="P11" s="280">
        <v>0</v>
      </c>
      <c r="Q11" s="281">
        <v>0</v>
      </c>
      <c r="R11" s="281">
        <v>21</v>
      </c>
      <c r="S11" s="281">
        <v>0</v>
      </c>
      <c r="T11" s="281">
        <v>0</v>
      </c>
      <c r="U11" s="281">
        <v>0</v>
      </c>
      <c r="V11" s="278">
        <v>21</v>
      </c>
      <c r="W11" s="283">
        <v>21</v>
      </c>
    </row>
    <row r="12" spans="1:23" ht="21" customHeight="1" x14ac:dyDescent="0.2">
      <c r="A12" s="257" t="s">
        <v>9</v>
      </c>
      <c r="B12" s="281">
        <v>0</v>
      </c>
      <c r="C12" s="281">
        <v>0</v>
      </c>
      <c r="D12" s="278">
        <v>0</v>
      </c>
      <c r="E12" s="280">
        <v>0</v>
      </c>
      <c r="F12" s="281">
        <v>263</v>
      </c>
      <c r="G12" s="281">
        <v>291</v>
      </c>
      <c r="H12" s="281">
        <v>126</v>
      </c>
      <c r="I12" s="281">
        <v>65</v>
      </c>
      <c r="J12" s="281">
        <v>3</v>
      </c>
      <c r="K12" s="278">
        <v>748</v>
      </c>
      <c r="L12" s="283">
        <v>748</v>
      </c>
      <c r="M12" s="281">
        <v>0</v>
      </c>
      <c r="N12" s="281">
        <v>0</v>
      </c>
      <c r="O12" s="278">
        <v>0</v>
      </c>
      <c r="P12" s="280">
        <v>0</v>
      </c>
      <c r="Q12" s="281">
        <v>15</v>
      </c>
      <c r="R12" s="281">
        <v>0</v>
      </c>
      <c r="S12" s="281">
        <v>16</v>
      </c>
      <c r="T12" s="281">
        <v>0</v>
      </c>
      <c r="U12" s="281">
        <v>8</v>
      </c>
      <c r="V12" s="278">
        <v>39</v>
      </c>
      <c r="W12" s="283">
        <v>39</v>
      </c>
    </row>
    <row r="13" spans="1:23" ht="21" customHeight="1" x14ac:dyDescent="0.2">
      <c r="A13" s="257" t="s">
        <v>10</v>
      </c>
      <c r="B13" s="281">
        <v>0</v>
      </c>
      <c r="C13" s="281">
        <v>0</v>
      </c>
      <c r="D13" s="278">
        <v>0</v>
      </c>
      <c r="E13" s="280">
        <v>0</v>
      </c>
      <c r="F13" s="281">
        <v>330</v>
      </c>
      <c r="G13" s="281">
        <v>90</v>
      </c>
      <c r="H13" s="281">
        <v>79</v>
      </c>
      <c r="I13" s="281">
        <v>43</v>
      </c>
      <c r="J13" s="281">
        <v>3</v>
      </c>
      <c r="K13" s="278">
        <v>545</v>
      </c>
      <c r="L13" s="283">
        <v>545</v>
      </c>
      <c r="M13" s="281">
        <v>0</v>
      </c>
      <c r="N13" s="281">
        <v>0</v>
      </c>
      <c r="O13" s="278">
        <v>0</v>
      </c>
      <c r="P13" s="280">
        <v>0</v>
      </c>
      <c r="Q13" s="281">
        <v>10</v>
      </c>
      <c r="R13" s="281">
        <v>26</v>
      </c>
      <c r="S13" s="281">
        <v>11</v>
      </c>
      <c r="T13" s="281">
        <v>9</v>
      </c>
      <c r="U13" s="281">
        <v>2</v>
      </c>
      <c r="V13" s="278">
        <v>58</v>
      </c>
      <c r="W13" s="283">
        <v>58</v>
      </c>
    </row>
    <row r="14" spans="1:23" ht="21" customHeight="1" x14ac:dyDescent="0.2">
      <c r="A14" s="257" t="s">
        <v>11</v>
      </c>
      <c r="B14" s="281">
        <v>0</v>
      </c>
      <c r="C14" s="281">
        <v>0</v>
      </c>
      <c r="D14" s="278">
        <v>0</v>
      </c>
      <c r="E14" s="280">
        <v>0</v>
      </c>
      <c r="F14" s="281">
        <v>119</v>
      </c>
      <c r="G14" s="281">
        <v>46</v>
      </c>
      <c r="H14" s="281">
        <v>101</v>
      </c>
      <c r="I14" s="281">
        <v>24</v>
      </c>
      <c r="J14" s="281">
        <v>0</v>
      </c>
      <c r="K14" s="278">
        <v>290</v>
      </c>
      <c r="L14" s="283">
        <v>290</v>
      </c>
      <c r="M14" s="281">
        <v>0</v>
      </c>
      <c r="N14" s="281">
        <v>0</v>
      </c>
      <c r="O14" s="278">
        <v>0</v>
      </c>
      <c r="P14" s="280">
        <v>0</v>
      </c>
      <c r="Q14" s="281">
        <v>0</v>
      </c>
      <c r="R14" s="281">
        <v>0</v>
      </c>
      <c r="S14" s="281">
        <v>0</v>
      </c>
      <c r="T14" s="281">
        <v>0</v>
      </c>
      <c r="U14" s="281">
        <v>13</v>
      </c>
      <c r="V14" s="278">
        <v>13</v>
      </c>
      <c r="W14" s="283">
        <v>13</v>
      </c>
    </row>
    <row r="15" spans="1:23" ht="21" customHeight="1" x14ac:dyDescent="0.2">
      <c r="A15" s="257" t="s">
        <v>12</v>
      </c>
      <c r="B15" s="281">
        <v>0</v>
      </c>
      <c r="C15" s="281">
        <v>0</v>
      </c>
      <c r="D15" s="278">
        <v>0</v>
      </c>
      <c r="E15" s="280">
        <v>0</v>
      </c>
      <c r="F15" s="281">
        <v>161</v>
      </c>
      <c r="G15" s="281">
        <v>104</v>
      </c>
      <c r="H15" s="281">
        <v>77</v>
      </c>
      <c r="I15" s="281">
        <v>34</v>
      </c>
      <c r="J15" s="281">
        <v>0</v>
      </c>
      <c r="K15" s="278">
        <v>376</v>
      </c>
      <c r="L15" s="283">
        <v>376</v>
      </c>
      <c r="M15" s="281">
        <v>0</v>
      </c>
      <c r="N15" s="281">
        <v>0</v>
      </c>
      <c r="O15" s="278">
        <v>0</v>
      </c>
      <c r="P15" s="280">
        <v>0</v>
      </c>
      <c r="Q15" s="281">
        <v>0</v>
      </c>
      <c r="R15" s="281">
        <v>5</v>
      </c>
      <c r="S15" s="281">
        <v>0</v>
      </c>
      <c r="T15" s="281">
        <v>0</v>
      </c>
      <c r="U15" s="281">
        <v>0</v>
      </c>
      <c r="V15" s="278">
        <v>5</v>
      </c>
      <c r="W15" s="283">
        <v>5</v>
      </c>
    </row>
    <row r="16" spans="1:23" ht="21" customHeight="1" x14ac:dyDescent="0.2">
      <c r="A16" s="257" t="s">
        <v>13</v>
      </c>
      <c r="B16" s="281">
        <v>0</v>
      </c>
      <c r="C16" s="281">
        <v>0</v>
      </c>
      <c r="D16" s="278">
        <v>0</v>
      </c>
      <c r="E16" s="280">
        <v>0</v>
      </c>
      <c r="F16" s="281">
        <v>52</v>
      </c>
      <c r="G16" s="281">
        <v>84</v>
      </c>
      <c r="H16" s="281">
        <v>72</v>
      </c>
      <c r="I16" s="281">
        <v>29</v>
      </c>
      <c r="J16" s="281">
        <v>0</v>
      </c>
      <c r="K16" s="278">
        <v>237</v>
      </c>
      <c r="L16" s="283">
        <v>237</v>
      </c>
      <c r="M16" s="281">
        <v>0</v>
      </c>
      <c r="N16" s="281">
        <v>0</v>
      </c>
      <c r="O16" s="278">
        <v>0</v>
      </c>
      <c r="P16" s="280">
        <v>0</v>
      </c>
      <c r="Q16" s="281">
        <v>0</v>
      </c>
      <c r="R16" s="281">
        <v>0</v>
      </c>
      <c r="S16" s="281">
        <v>0</v>
      </c>
      <c r="T16" s="281">
        <v>0</v>
      </c>
      <c r="U16" s="281">
        <v>0</v>
      </c>
      <c r="V16" s="278">
        <v>0</v>
      </c>
      <c r="W16" s="283">
        <v>0</v>
      </c>
    </row>
    <row r="17" spans="1:23" ht="21" customHeight="1" x14ac:dyDescent="0.2">
      <c r="A17" s="257" t="s">
        <v>15</v>
      </c>
      <c r="B17" s="281">
        <v>0</v>
      </c>
      <c r="C17" s="281">
        <v>0</v>
      </c>
      <c r="D17" s="278">
        <v>0</v>
      </c>
      <c r="E17" s="280">
        <v>0</v>
      </c>
      <c r="F17" s="281">
        <v>44</v>
      </c>
      <c r="G17" s="281">
        <v>43</v>
      </c>
      <c r="H17" s="281">
        <v>7</v>
      </c>
      <c r="I17" s="281">
        <v>28</v>
      </c>
      <c r="J17" s="281">
        <v>0</v>
      </c>
      <c r="K17" s="278">
        <v>122</v>
      </c>
      <c r="L17" s="283">
        <v>122</v>
      </c>
      <c r="M17" s="281">
        <v>0</v>
      </c>
      <c r="N17" s="281">
        <v>0</v>
      </c>
      <c r="O17" s="278">
        <v>0</v>
      </c>
      <c r="P17" s="280">
        <v>0</v>
      </c>
      <c r="Q17" s="281">
        <v>0</v>
      </c>
      <c r="R17" s="281">
        <v>0</v>
      </c>
      <c r="S17" s="281">
        <v>0</v>
      </c>
      <c r="T17" s="281">
        <v>0</v>
      </c>
      <c r="U17" s="281">
        <v>0</v>
      </c>
      <c r="V17" s="278">
        <v>0</v>
      </c>
      <c r="W17" s="283">
        <v>0</v>
      </c>
    </row>
    <row r="18" spans="1:23" ht="21" customHeight="1" x14ac:dyDescent="0.2">
      <c r="A18" s="257" t="s">
        <v>16</v>
      </c>
      <c r="B18" s="281">
        <v>0</v>
      </c>
      <c r="C18" s="281">
        <v>0</v>
      </c>
      <c r="D18" s="278">
        <v>0</v>
      </c>
      <c r="E18" s="280">
        <v>0</v>
      </c>
      <c r="F18" s="281">
        <v>57</v>
      </c>
      <c r="G18" s="281">
        <v>28</v>
      </c>
      <c r="H18" s="281">
        <v>62</v>
      </c>
      <c r="I18" s="281">
        <v>0</v>
      </c>
      <c r="J18" s="281">
        <v>30</v>
      </c>
      <c r="K18" s="278">
        <v>177</v>
      </c>
      <c r="L18" s="283">
        <v>177</v>
      </c>
      <c r="M18" s="281">
        <v>0</v>
      </c>
      <c r="N18" s="281">
        <v>0</v>
      </c>
      <c r="O18" s="278">
        <v>0</v>
      </c>
      <c r="P18" s="280">
        <v>0</v>
      </c>
      <c r="Q18" s="281">
        <v>0</v>
      </c>
      <c r="R18" s="281">
        <v>15</v>
      </c>
      <c r="S18" s="281">
        <v>20</v>
      </c>
      <c r="T18" s="281">
        <v>0</v>
      </c>
      <c r="U18" s="281">
        <v>8</v>
      </c>
      <c r="V18" s="278">
        <v>43</v>
      </c>
      <c r="W18" s="283">
        <v>43</v>
      </c>
    </row>
    <row r="19" spans="1:23" ht="21" customHeight="1" x14ac:dyDescent="0.2">
      <c r="A19" s="257" t="s">
        <v>17</v>
      </c>
      <c r="B19" s="281">
        <v>0</v>
      </c>
      <c r="C19" s="281">
        <v>0</v>
      </c>
      <c r="D19" s="278">
        <v>0</v>
      </c>
      <c r="E19" s="280">
        <v>0</v>
      </c>
      <c r="F19" s="281">
        <v>105</v>
      </c>
      <c r="G19" s="281">
        <v>141</v>
      </c>
      <c r="H19" s="281">
        <v>57</v>
      </c>
      <c r="I19" s="281">
        <v>45</v>
      </c>
      <c r="J19" s="281">
        <v>8</v>
      </c>
      <c r="K19" s="278">
        <v>356</v>
      </c>
      <c r="L19" s="283">
        <v>356</v>
      </c>
      <c r="M19" s="281">
        <v>0</v>
      </c>
      <c r="N19" s="281">
        <v>0</v>
      </c>
      <c r="O19" s="278">
        <v>0</v>
      </c>
      <c r="P19" s="280">
        <v>0</v>
      </c>
      <c r="Q19" s="281">
        <v>0</v>
      </c>
      <c r="R19" s="281">
        <v>0</v>
      </c>
      <c r="S19" s="281">
        <v>0</v>
      </c>
      <c r="T19" s="281">
        <v>0</v>
      </c>
      <c r="U19" s="281">
        <v>0</v>
      </c>
      <c r="V19" s="278">
        <v>0</v>
      </c>
      <c r="W19" s="283">
        <v>0</v>
      </c>
    </row>
    <row r="20" spans="1:23" ht="21" customHeight="1" x14ac:dyDescent="0.2">
      <c r="A20" s="257" t="s">
        <v>18</v>
      </c>
      <c r="B20" s="281">
        <v>0</v>
      </c>
      <c r="C20" s="281">
        <v>0</v>
      </c>
      <c r="D20" s="278">
        <v>0</v>
      </c>
      <c r="E20" s="280">
        <v>0</v>
      </c>
      <c r="F20" s="281">
        <v>192</v>
      </c>
      <c r="G20" s="281">
        <v>110</v>
      </c>
      <c r="H20" s="281">
        <v>67</v>
      </c>
      <c r="I20" s="281">
        <v>0</v>
      </c>
      <c r="J20" s="281">
        <v>0</v>
      </c>
      <c r="K20" s="278">
        <v>369</v>
      </c>
      <c r="L20" s="283">
        <v>369</v>
      </c>
      <c r="M20" s="281">
        <v>0</v>
      </c>
      <c r="N20" s="281">
        <v>0</v>
      </c>
      <c r="O20" s="278">
        <v>0</v>
      </c>
      <c r="P20" s="280">
        <v>0</v>
      </c>
      <c r="Q20" s="281">
        <v>0</v>
      </c>
      <c r="R20" s="281">
        <v>0</v>
      </c>
      <c r="S20" s="281">
        <v>35</v>
      </c>
      <c r="T20" s="281">
        <v>0</v>
      </c>
      <c r="U20" s="281">
        <v>0</v>
      </c>
      <c r="V20" s="278">
        <v>35</v>
      </c>
      <c r="W20" s="283">
        <v>35</v>
      </c>
    </row>
    <row r="21" spans="1:23" ht="21" customHeight="1" x14ac:dyDescent="0.2">
      <c r="A21" s="257" t="s">
        <v>19</v>
      </c>
      <c r="B21" s="281">
        <v>0</v>
      </c>
      <c r="C21" s="281">
        <v>0</v>
      </c>
      <c r="D21" s="278">
        <v>0</v>
      </c>
      <c r="E21" s="280">
        <v>0</v>
      </c>
      <c r="F21" s="281">
        <v>46</v>
      </c>
      <c r="G21" s="281">
        <v>27</v>
      </c>
      <c r="H21" s="281">
        <v>38</v>
      </c>
      <c r="I21" s="281">
        <v>20</v>
      </c>
      <c r="J21" s="281">
        <v>0</v>
      </c>
      <c r="K21" s="278">
        <v>131</v>
      </c>
      <c r="L21" s="283">
        <v>131</v>
      </c>
      <c r="M21" s="281">
        <v>0</v>
      </c>
      <c r="N21" s="281">
        <v>0</v>
      </c>
      <c r="O21" s="278">
        <v>0</v>
      </c>
      <c r="P21" s="280">
        <v>0</v>
      </c>
      <c r="Q21" s="281">
        <v>5</v>
      </c>
      <c r="R21" s="281">
        <v>23</v>
      </c>
      <c r="S21" s="281">
        <v>3</v>
      </c>
      <c r="T21" s="281">
        <v>0</v>
      </c>
      <c r="U21" s="281">
        <v>0</v>
      </c>
      <c r="V21" s="278">
        <v>31</v>
      </c>
      <c r="W21" s="283">
        <v>31</v>
      </c>
    </row>
    <row r="22" spans="1:23" ht="21" customHeight="1" x14ac:dyDescent="0.2">
      <c r="A22" s="257" t="s">
        <v>20</v>
      </c>
      <c r="B22" s="281">
        <v>0</v>
      </c>
      <c r="C22" s="281">
        <v>0</v>
      </c>
      <c r="D22" s="278">
        <v>0</v>
      </c>
      <c r="E22" s="280">
        <v>0</v>
      </c>
      <c r="F22" s="281">
        <v>51</v>
      </c>
      <c r="G22" s="281">
        <v>41</v>
      </c>
      <c r="H22" s="281">
        <v>0</v>
      </c>
      <c r="I22" s="281">
        <v>9</v>
      </c>
      <c r="J22" s="281">
        <v>0</v>
      </c>
      <c r="K22" s="278">
        <v>101</v>
      </c>
      <c r="L22" s="283">
        <v>101</v>
      </c>
      <c r="M22" s="281">
        <v>0</v>
      </c>
      <c r="N22" s="281">
        <v>0</v>
      </c>
      <c r="O22" s="278">
        <v>0</v>
      </c>
      <c r="P22" s="280">
        <v>0</v>
      </c>
      <c r="Q22" s="281">
        <v>0</v>
      </c>
      <c r="R22" s="281">
        <v>0</v>
      </c>
      <c r="S22" s="281">
        <v>0</v>
      </c>
      <c r="T22" s="281">
        <v>9</v>
      </c>
      <c r="U22" s="281">
        <v>0</v>
      </c>
      <c r="V22" s="278">
        <v>9</v>
      </c>
      <c r="W22" s="283">
        <v>9</v>
      </c>
    </row>
    <row r="23" spans="1:23" ht="21" customHeight="1" x14ac:dyDescent="0.2">
      <c r="A23" s="257" t="s">
        <v>21</v>
      </c>
      <c r="B23" s="281">
        <v>0</v>
      </c>
      <c r="C23" s="281">
        <v>0</v>
      </c>
      <c r="D23" s="278">
        <v>0</v>
      </c>
      <c r="E23" s="280">
        <v>0</v>
      </c>
      <c r="F23" s="281">
        <v>89</v>
      </c>
      <c r="G23" s="281">
        <v>32</v>
      </c>
      <c r="H23" s="281">
        <v>13</v>
      </c>
      <c r="I23" s="281">
        <v>0</v>
      </c>
      <c r="J23" s="281">
        <v>0</v>
      </c>
      <c r="K23" s="278">
        <v>134</v>
      </c>
      <c r="L23" s="283">
        <v>134</v>
      </c>
      <c r="M23" s="281">
        <v>0</v>
      </c>
      <c r="N23" s="281">
        <v>0</v>
      </c>
      <c r="O23" s="278">
        <v>0</v>
      </c>
      <c r="P23" s="280">
        <v>0</v>
      </c>
      <c r="Q23" s="281">
        <v>0</v>
      </c>
      <c r="R23" s="281">
        <v>0</v>
      </c>
      <c r="S23" s="281">
        <v>0</v>
      </c>
      <c r="T23" s="281">
        <v>0</v>
      </c>
      <c r="U23" s="281">
        <v>0</v>
      </c>
      <c r="V23" s="278">
        <v>0</v>
      </c>
      <c r="W23" s="283">
        <v>0</v>
      </c>
    </row>
    <row r="24" spans="1:23" ht="21" customHeight="1" x14ac:dyDescent="0.2">
      <c r="A24" s="257" t="s">
        <v>22</v>
      </c>
      <c r="B24" s="281">
        <v>0</v>
      </c>
      <c r="C24" s="281">
        <v>0</v>
      </c>
      <c r="D24" s="278">
        <v>0</v>
      </c>
      <c r="E24" s="280">
        <v>0</v>
      </c>
      <c r="F24" s="281">
        <v>77</v>
      </c>
      <c r="G24" s="281">
        <v>12</v>
      </c>
      <c r="H24" s="281">
        <v>0</v>
      </c>
      <c r="I24" s="281">
        <v>3</v>
      </c>
      <c r="J24" s="281">
        <v>0</v>
      </c>
      <c r="K24" s="278">
        <v>92</v>
      </c>
      <c r="L24" s="283">
        <v>92</v>
      </c>
      <c r="M24" s="281">
        <v>0</v>
      </c>
      <c r="N24" s="281">
        <v>0</v>
      </c>
      <c r="O24" s="278">
        <v>0</v>
      </c>
      <c r="P24" s="280">
        <v>0</v>
      </c>
      <c r="Q24" s="281">
        <v>0</v>
      </c>
      <c r="R24" s="281">
        <v>0</v>
      </c>
      <c r="S24" s="281">
        <v>8</v>
      </c>
      <c r="T24" s="281">
        <v>0</v>
      </c>
      <c r="U24" s="281">
        <v>0</v>
      </c>
      <c r="V24" s="278">
        <v>8</v>
      </c>
      <c r="W24" s="283">
        <v>8</v>
      </c>
    </row>
    <row r="25" spans="1:23" ht="21" customHeight="1" x14ac:dyDescent="0.2">
      <c r="A25" s="257" t="s">
        <v>23</v>
      </c>
      <c r="B25" s="281">
        <v>0</v>
      </c>
      <c r="C25" s="281">
        <v>0</v>
      </c>
      <c r="D25" s="278">
        <v>0</v>
      </c>
      <c r="E25" s="280">
        <v>0</v>
      </c>
      <c r="F25" s="281">
        <v>16</v>
      </c>
      <c r="G25" s="281">
        <v>10</v>
      </c>
      <c r="H25" s="281">
        <v>8</v>
      </c>
      <c r="I25" s="281">
        <v>0</v>
      </c>
      <c r="J25" s="281">
        <v>22</v>
      </c>
      <c r="K25" s="278">
        <v>56</v>
      </c>
      <c r="L25" s="283">
        <v>56</v>
      </c>
      <c r="M25" s="281">
        <v>0</v>
      </c>
      <c r="N25" s="281">
        <v>0</v>
      </c>
      <c r="O25" s="278">
        <v>0</v>
      </c>
      <c r="P25" s="280">
        <v>0</v>
      </c>
      <c r="Q25" s="281">
        <v>0</v>
      </c>
      <c r="R25" s="281">
        <v>0</v>
      </c>
      <c r="S25" s="281">
        <v>0</v>
      </c>
      <c r="T25" s="281">
        <v>0</v>
      </c>
      <c r="U25" s="281">
        <v>0</v>
      </c>
      <c r="V25" s="278">
        <v>0</v>
      </c>
      <c r="W25" s="283">
        <v>0</v>
      </c>
    </row>
    <row r="26" spans="1:23" ht="21" customHeight="1" x14ac:dyDescent="0.2">
      <c r="A26" s="257" t="s">
        <v>24</v>
      </c>
      <c r="B26" s="281">
        <v>0</v>
      </c>
      <c r="C26" s="281">
        <v>0</v>
      </c>
      <c r="D26" s="278">
        <v>0</v>
      </c>
      <c r="E26" s="280">
        <v>0</v>
      </c>
      <c r="F26" s="281">
        <v>0</v>
      </c>
      <c r="G26" s="281">
        <v>19</v>
      </c>
      <c r="H26" s="281">
        <v>7</v>
      </c>
      <c r="I26" s="281">
        <v>0</v>
      </c>
      <c r="J26" s="281">
        <v>0</v>
      </c>
      <c r="K26" s="278">
        <v>26</v>
      </c>
      <c r="L26" s="283">
        <v>26</v>
      </c>
      <c r="M26" s="281">
        <v>0</v>
      </c>
      <c r="N26" s="281">
        <v>0</v>
      </c>
      <c r="O26" s="278">
        <v>0</v>
      </c>
      <c r="P26" s="280">
        <v>0</v>
      </c>
      <c r="Q26" s="281">
        <v>0</v>
      </c>
      <c r="R26" s="281">
        <v>6</v>
      </c>
      <c r="S26" s="281">
        <v>0</v>
      </c>
      <c r="T26" s="281">
        <v>0</v>
      </c>
      <c r="U26" s="281">
        <v>22</v>
      </c>
      <c r="V26" s="278">
        <v>28</v>
      </c>
      <c r="W26" s="283">
        <v>28</v>
      </c>
    </row>
    <row r="27" spans="1:23" ht="21" customHeight="1" x14ac:dyDescent="0.2">
      <c r="A27" s="257" t="s">
        <v>25</v>
      </c>
      <c r="B27" s="281">
        <v>0</v>
      </c>
      <c r="C27" s="281">
        <v>0</v>
      </c>
      <c r="D27" s="278">
        <v>0</v>
      </c>
      <c r="E27" s="280">
        <v>0</v>
      </c>
      <c r="F27" s="281">
        <v>35</v>
      </c>
      <c r="G27" s="281">
        <v>0</v>
      </c>
      <c r="H27" s="281">
        <v>0</v>
      </c>
      <c r="I27" s="281">
        <v>0</v>
      </c>
      <c r="J27" s="281">
        <v>0</v>
      </c>
      <c r="K27" s="278">
        <v>35</v>
      </c>
      <c r="L27" s="283">
        <v>35</v>
      </c>
      <c r="M27" s="281">
        <v>0</v>
      </c>
      <c r="N27" s="281">
        <v>0</v>
      </c>
      <c r="O27" s="278">
        <v>0</v>
      </c>
      <c r="P27" s="280">
        <v>0</v>
      </c>
      <c r="Q27" s="281">
        <v>0</v>
      </c>
      <c r="R27" s="281">
        <v>0</v>
      </c>
      <c r="S27" s="281">
        <v>0</v>
      </c>
      <c r="T27" s="281">
        <v>0</v>
      </c>
      <c r="U27" s="281">
        <v>0</v>
      </c>
      <c r="V27" s="278">
        <v>0</v>
      </c>
      <c r="W27" s="283">
        <v>0</v>
      </c>
    </row>
    <row r="28" spans="1:23" ht="21" customHeight="1" x14ac:dyDescent="0.2">
      <c r="A28" s="257" t="s">
        <v>26</v>
      </c>
      <c r="B28" s="281">
        <v>0</v>
      </c>
      <c r="C28" s="281">
        <v>0</v>
      </c>
      <c r="D28" s="278">
        <v>0</v>
      </c>
      <c r="E28" s="280">
        <v>0</v>
      </c>
      <c r="F28" s="281">
        <v>21</v>
      </c>
      <c r="G28" s="281">
        <v>13</v>
      </c>
      <c r="H28" s="281">
        <v>28</v>
      </c>
      <c r="I28" s="281">
        <v>0</v>
      </c>
      <c r="J28" s="281">
        <v>18</v>
      </c>
      <c r="K28" s="278">
        <v>80</v>
      </c>
      <c r="L28" s="283">
        <v>80</v>
      </c>
      <c r="M28" s="281">
        <v>0</v>
      </c>
      <c r="N28" s="281">
        <v>0</v>
      </c>
      <c r="O28" s="278">
        <v>0</v>
      </c>
      <c r="P28" s="280">
        <v>0</v>
      </c>
      <c r="Q28" s="281">
        <v>0</v>
      </c>
      <c r="R28" s="281">
        <v>0</v>
      </c>
      <c r="S28" s="281">
        <v>25</v>
      </c>
      <c r="T28" s="281">
        <v>0</v>
      </c>
      <c r="U28" s="281">
        <v>0</v>
      </c>
      <c r="V28" s="278">
        <v>25</v>
      </c>
      <c r="W28" s="283">
        <v>25</v>
      </c>
    </row>
    <row r="29" spans="1:23" ht="21" customHeight="1" x14ac:dyDescent="0.2">
      <c r="A29" s="257" t="s">
        <v>27</v>
      </c>
      <c r="B29" s="281">
        <v>0</v>
      </c>
      <c r="C29" s="281">
        <v>0</v>
      </c>
      <c r="D29" s="278">
        <v>0</v>
      </c>
      <c r="E29" s="280">
        <v>0</v>
      </c>
      <c r="F29" s="281">
        <v>0</v>
      </c>
      <c r="G29" s="281">
        <v>4</v>
      </c>
      <c r="H29" s="281">
        <v>0</v>
      </c>
      <c r="I29" s="281">
        <v>0</v>
      </c>
      <c r="J29" s="281">
        <v>0</v>
      </c>
      <c r="K29" s="278">
        <v>4</v>
      </c>
      <c r="L29" s="283">
        <v>4</v>
      </c>
      <c r="M29" s="281">
        <v>0</v>
      </c>
      <c r="N29" s="281">
        <v>0</v>
      </c>
      <c r="O29" s="278">
        <v>0</v>
      </c>
      <c r="P29" s="280">
        <v>0</v>
      </c>
      <c r="Q29" s="281">
        <v>9</v>
      </c>
      <c r="R29" s="281">
        <v>0</v>
      </c>
      <c r="S29" s="281">
        <v>0</v>
      </c>
      <c r="T29" s="281">
        <v>0</v>
      </c>
      <c r="U29" s="281">
        <v>0</v>
      </c>
      <c r="V29" s="278">
        <v>9</v>
      </c>
      <c r="W29" s="283">
        <v>9</v>
      </c>
    </row>
    <row r="30" spans="1:23" ht="21" customHeight="1" x14ac:dyDescent="0.2">
      <c r="A30" s="257" t="s">
        <v>28</v>
      </c>
      <c r="B30" s="281">
        <v>0</v>
      </c>
      <c r="C30" s="281">
        <v>0</v>
      </c>
      <c r="D30" s="278">
        <v>0</v>
      </c>
      <c r="E30" s="280">
        <v>0</v>
      </c>
      <c r="F30" s="281">
        <v>38</v>
      </c>
      <c r="G30" s="281">
        <v>9</v>
      </c>
      <c r="H30" s="281">
        <v>0</v>
      </c>
      <c r="I30" s="281">
        <v>0</v>
      </c>
      <c r="J30" s="281">
        <v>0</v>
      </c>
      <c r="K30" s="278">
        <v>47</v>
      </c>
      <c r="L30" s="283">
        <v>47</v>
      </c>
      <c r="M30" s="281">
        <v>0</v>
      </c>
      <c r="N30" s="281">
        <v>0</v>
      </c>
      <c r="O30" s="278">
        <v>0</v>
      </c>
      <c r="P30" s="280">
        <v>0</v>
      </c>
      <c r="Q30" s="281">
        <v>0</v>
      </c>
      <c r="R30" s="281">
        <v>0</v>
      </c>
      <c r="S30" s="281">
        <v>0</v>
      </c>
      <c r="T30" s="281">
        <v>0</v>
      </c>
      <c r="U30" s="281">
        <v>0</v>
      </c>
      <c r="V30" s="278">
        <v>0</v>
      </c>
      <c r="W30" s="283">
        <v>0</v>
      </c>
    </row>
    <row r="31" spans="1:23" ht="21" customHeight="1" x14ac:dyDescent="0.2">
      <c r="A31" s="257" t="s">
        <v>29</v>
      </c>
      <c r="B31" s="281">
        <v>0</v>
      </c>
      <c r="C31" s="281">
        <v>0</v>
      </c>
      <c r="D31" s="278">
        <v>0</v>
      </c>
      <c r="E31" s="280">
        <v>0</v>
      </c>
      <c r="F31" s="281">
        <v>0</v>
      </c>
      <c r="G31" s="281">
        <v>5</v>
      </c>
      <c r="H31" s="281">
        <v>0</v>
      </c>
      <c r="I31" s="281">
        <v>0</v>
      </c>
      <c r="J31" s="281">
        <v>0</v>
      </c>
      <c r="K31" s="278">
        <v>5</v>
      </c>
      <c r="L31" s="283">
        <v>5</v>
      </c>
      <c r="M31" s="281">
        <v>0</v>
      </c>
      <c r="N31" s="281">
        <v>0</v>
      </c>
      <c r="O31" s="278">
        <v>0</v>
      </c>
      <c r="P31" s="280">
        <v>0</v>
      </c>
      <c r="Q31" s="281">
        <v>0</v>
      </c>
      <c r="R31" s="281">
        <v>0</v>
      </c>
      <c r="S31" s="281">
        <v>9</v>
      </c>
      <c r="T31" s="281">
        <v>0</v>
      </c>
      <c r="U31" s="281">
        <v>0</v>
      </c>
      <c r="V31" s="278">
        <v>9</v>
      </c>
      <c r="W31" s="283">
        <v>9</v>
      </c>
    </row>
    <row r="32" spans="1:23" ht="21" customHeight="1" x14ac:dyDescent="0.2">
      <c r="A32" s="257" t="s">
        <v>30</v>
      </c>
      <c r="B32" s="281">
        <v>0</v>
      </c>
      <c r="C32" s="281">
        <v>0</v>
      </c>
      <c r="D32" s="278">
        <v>0</v>
      </c>
      <c r="E32" s="280">
        <v>0</v>
      </c>
      <c r="F32" s="281">
        <v>13</v>
      </c>
      <c r="G32" s="281">
        <v>0</v>
      </c>
      <c r="H32" s="281">
        <v>0</v>
      </c>
      <c r="I32" s="281">
        <v>0</v>
      </c>
      <c r="J32" s="281">
        <v>0</v>
      </c>
      <c r="K32" s="278">
        <v>13</v>
      </c>
      <c r="L32" s="283">
        <v>13</v>
      </c>
      <c r="M32" s="281">
        <v>0</v>
      </c>
      <c r="N32" s="281">
        <v>0</v>
      </c>
      <c r="O32" s="278">
        <v>0</v>
      </c>
      <c r="P32" s="280">
        <v>0</v>
      </c>
      <c r="Q32" s="281">
        <v>0</v>
      </c>
      <c r="R32" s="281">
        <v>4</v>
      </c>
      <c r="S32" s="281">
        <v>0</v>
      </c>
      <c r="T32" s="281">
        <v>0</v>
      </c>
      <c r="U32" s="281">
        <v>0</v>
      </c>
      <c r="V32" s="278">
        <v>4</v>
      </c>
      <c r="W32" s="283">
        <v>4</v>
      </c>
    </row>
    <row r="33" spans="1:23" ht="21" customHeight="1" x14ac:dyDescent="0.2">
      <c r="A33" s="257" t="s">
        <v>31</v>
      </c>
      <c r="B33" s="281">
        <v>0</v>
      </c>
      <c r="C33" s="281">
        <v>0</v>
      </c>
      <c r="D33" s="278">
        <v>0</v>
      </c>
      <c r="E33" s="280">
        <v>0</v>
      </c>
      <c r="F33" s="281">
        <v>9</v>
      </c>
      <c r="G33" s="281">
        <v>10</v>
      </c>
      <c r="H33" s="281">
        <v>8</v>
      </c>
      <c r="I33" s="281">
        <v>0</v>
      </c>
      <c r="J33" s="281">
        <v>0</v>
      </c>
      <c r="K33" s="278">
        <v>27</v>
      </c>
      <c r="L33" s="283">
        <v>27</v>
      </c>
      <c r="M33" s="281">
        <v>0</v>
      </c>
      <c r="N33" s="281">
        <v>0</v>
      </c>
      <c r="O33" s="278">
        <v>0</v>
      </c>
      <c r="P33" s="280">
        <v>0</v>
      </c>
      <c r="Q33" s="281">
        <v>0</v>
      </c>
      <c r="R33" s="281">
        <v>0</v>
      </c>
      <c r="S33" s="281">
        <v>0</v>
      </c>
      <c r="T33" s="281">
        <v>0</v>
      </c>
      <c r="U33" s="281">
        <v>0</v>
      </c>
      <c r="V33" s="278">
        <v>0</v>
      </c>
      <c r="W33" s="283">
        <v>0</v>
      </c>
    </row>
    <row r="34" spans="1:23" ht="21" customHeight="1" x14ac:dyDescent="0.2">
      <c r="A34" s="257" t="s">
        <v>32</v>
      </c>
      <c r="B34" s="281">
        <v>0</v>
      </c>
      <c r="C34" s="281">
        <v>0</v>
      </c>
      <c r="D34" s="278">
        <v>0</v>
      </c>
      <c r="E34" s="280">
        <v>0</v>
      </c>
      <c r="F34" s="281">
        <v>6</v>
      </c>
      <c r="G34" s="281">
        <v>19</v>
      </c>
      <c r="H34" s="281">
        <v>4</v>
      </c>
      <c r="I34" s="281">
        <v>0</v>
      </c>
      <c r="J34" s="281">
        <v>0</v>
      </c>
      <c r="K34" s="278">
        <v>29</v>
      </c>
      <c r="L34" s="283">
        <v>29</v>
      </c>
      <c r="M34" s="281">
        <v>0</v>
      </c>
      <c r="N34" s="281">
        <v>0</v>
      </c>
      <c r="O34" s="278">
        <v>0</v>
      </c>
      <c r="P34" s="280">
        <v>0</v>
      </c>
      <c r="Q34" s="281">
        <v>0</v>
      </c>
      <c r="R34" s="281">
        <v>0</v>
      </c>
      <c r="S34" s="281">
        <v>0</v>
      </c>
      <c r="T34" s="281">
        <v>0</v>
      </c>
      <c r="U34" s="281">
        <v>0</v>
      </c>
      <c r="V34" s="278">
        <v>0</v>
      </c>
      <c r="W34" s="283">
        <v>0</v>
      </c>
    </row>
    <row r="35" spans="1:23" ht="21" customHeight="1" x14ac:dyDescent="0.2">
      <c r="A35" s="257" t="s">
        <v>33</v>
      </c>
      <c r="B35" s="281">
        <v>0</v>
      </c>
      <c r="C35" s="281">
        <v>0</v>
      </c>
      <c r="D35" s="278">
        <v>0</v>
      </c>
      <c r="E35" s="280">
        <v>0</v>
      </c>
      <c r="F35" s="281">
        <v>12</v>
      </c>
      <c r="G35" s="281">
        <v>0</v>
      </c>
      <c r="H35" s="281">
        <v>10</v>
      </c>
      <c r="I35" s="281">
        <v>0</v>
      </c>
      <c r="J35" s="281">
        <v>0</v>
      </c>
      <c r="K35" s="278">
        <v>22</v>
      </c>
      <c r="L35" s="283">
        <v>22</v>
      </c>
      <c r="M35" s="281">
        <v>0</v>
      </c>
      <c r="N35" s="281">
        <v>0</v>
      </c>
      <c r="O35" s="278">
        <v>0</v>
      </c>
      <c r="P35" s="280">
        <v>0</v>
      </c>
      <c r="Q35" s="281">
        <v>0</v>
      </c>
      <c r="R35" s="281">
        <v>0</v>
      </c>
      <c r="S35" s="281">
        <v>0</v>
      </c>
      <c r="T35" s="281">
        <v>0</v>
      </c>
      <c r="U35" s="281">
        <v>0</v>
      </c>
      <c r="V35" s="278">
        <v>0</v>
      </c>
      <c r="W35" s="283">
        <v>0</v>
      </c>
    </row>
    <row r="36" spans="1:23" ht="21" customHeight="1" x14ac:dyDescent="0.2">
      <c r="A36" s="257" t="s">
        <v>34</v>
      </c>
      <c r="B36" s="281">
        <v>0</v>
      </c>
      <c r="C36" s="281">
        <v>0</v>
      </c>
      <c r="D36" s="278">
        <v>0</v>
      </c>
      <c r="E36" s="280">
        <v>0</v>
      </c>
      <c r="F36" s="281">
        <v>0</v>
      </c>
      <c r="G36" s="281">
        <v>0</v>
      </c>
      <c r="H36" s="281">
        <v>0</v>
      </c>
      <c r="I36" s="281">
        <v>0</v>
      </c>
      <c r="J36" s="281">
        <v>0</v>
      </c>
      <c r="K36" s="278">
        <v>0</v>
      </c>
      <c r="L36" s="283">
        <v>0</v>
      </c>
      <c r="M36" s="281">
        <v>0</v>
      </c>
      <c r="N36" s="281">
        <v>0</v>
      </c>
      <c r="O36" s="278">
        <v>0</v>
      </c>
      <c r="P36" s="280">
        <v>0</v>
      </c>
      <c r="Q36" s="281">
        <v>0</v>
      </c>
      <c r="R36" s="281">
        <v>0</v>
      </c>
      <c r="S36" s="281">
        <v>0</v>
      </c>
      <c r="T36" s="281">
        <v>0</v>
      </c>
      <c r="U36" s="281">
        <v>0</v>
      </c>
      <c r="V36" s="278">
        <v>0</v>
      </c>
      <c r="W36" s="283">
        <v>0</v>
      </c>
    </row>
    <row r="37" spans="1:23" ht="21" customHeight="1" x14ac:dyDescent="0.2">
      <c r="A37" s="257" t="s">
        <v>35</v>
      </c>
      <c r="B37" s="281">
        <v>0</v>
      </c>
      <c r="C37" s="281">
        <v>0</v>
      </c>
      <c r="D37" s="278">
        <v>0</v>
      </c>
      <c r="E37" s="280">
        <v>0</v>
      </c>
      <c r="F37" s="281">
        <v>8</v>
      </c>
      <c r="G37" s="281">
        <v>24</v>
      </c>
      <c r="H37" s="281">
        <v>0</v>
      </c>
      <c r="I37" s="281">
        <v>0</v>
      </c>
      <c r="J37" s="281">
        <v>0</v>
      </c>
      <c r="K37" s="278">
        <v>32</v>
      </c>
      <c r="L37" s="283">
        <v>32</v>
      </c>
      <c r="M37" s="281">
        <v>0</v>
      </c>
      <c r="N37" s="281">
        <v>0</v>
      </c>
      <c r="O37" s="278">
        <v>0</v>
      </c>
      <c r="P37" s="280">
        <v>0</v>
      </c>
      <c r="Q37" s="281">
        <v>0</v>
      </c>
      <c r="R37" s="281">
        <v>0</v>
      </c>
      <c r="S37" s="281">
        <v>0</v>
      </c>
      <c r="T37" s="281">
        <v>0</v>
      </c>
      <c r="U37" s="281">
        <v>0</v>
      </c>
      <c r="V37" s="278">
        <v>0</v>
      </c>
      <c r="W37" s="283">
        <v>0</v>
      </c>
    </row>
    <row r="38" spans="1:23" ht="21" customHeight="1" x14ac:dyDescent="0.2">
      <c r="A38" s="257" t="s">
        <v>36</v>
      </c>
      <c r="B38" s="281">
        <v>0</v>
      </c>
      <c r="C38" s="281">
        <v>0</v>
      </c>
      <c r="D38" s="278">
        <v>0</v>
      </c>
      <c r="E38" s="280">
        <v>0</v>
      </c>
      <c r="F38" s="281">
        <v>0</v>
      </c>
      <c r="G38" s="281">
        <v>24</v>
      </c>
      <c r="H38" s="281">
        <v>0</v>
      </c>
      <c r="I38" s="281">
        <v>25</v>
      </c>
      <c r="J38" s="281">
        <v>9</v>
      </c>
      <c r="K38" s="278">
        <v>58</v>
      </c>
      <c r="L38" s="283">
        <v>58</v>
      </c>
      <c r="M38" s="281">
        <v>0</v>
      </c>
      <c r="N38" s="281">
        <v>0</v>
      </c>
      <c r="O38" s="278">
        <v>0</v>
      </c>
      <c r="P38" s="280">
        <v>0</v>
      </c>
      <c r="Q38" s="281">
        <v>0</v>
      </c>
      <c r="R38" s="281">
        <v>0</v>
      </c>
      <c r="S38" s="281">
        <v>0</v>
      </c>
      <c r="T38" s="281">
        <v>0</v>
      </c>
      <c r="U38" s="281">
        <v>0</v>
      </c>
      <c r="V38" s="278">
        <v>0</v>
      </c>
      <c r="W38" s="283">
        <v>0</v>
      </c>
    </row>
    <row r="39" spans="1:23" ht="21" customHeight="1" thickBot="1" x14ac:dyDescent="0.25">
      <c r="A39" s="258" t="s">
        <v>37</v>
      </c>
      <c r="B39" s="288">
        <v>0</v>
      </c>
      <c r="C39" s="288">
        <v>0</v>
      </c>
      <c r="D39" s="285">
        <v>0</v>
      </c>
      <c r="E39" s="287">
        <v>0</v>
      </c>
      <c r="F39" s="288">
        <v>0</v>
      </c>
      <c r="G39" s="288">
        <v>0</v>
      </c>
      <c r="H39" s="288">
        <v>0</v>
      </c>
      <c r="I39" s="288">
        <v>0</v>
      </c>
      <c r="J39" s="288">
        <v>13</v>
      </c>
      <c r="K39" s="285">
        <v>13</v>
      </c>
      <c r="L39" s="290">
        <v>13</v>
      </c>
      <c r="M39" s="288">
        <v>0</v>
      </c>
      <c r="N39" s="288">
        <v>0</v>
      </c>
      <c r="O39" s="285">
        <v>0</v>
      </c>
      <c r="P39" s="287">
        <v>0</v>
      </c>
      <c r="Q39" s="288">
        <v>0</v>
      </c>
      <c r="R39" s="288">
        <v>0</v>
      </c>
      <c r="S39" s="288">
        <v>0</v>
      </c>
      <c r="T39" s="288">
        <v>0</v>
      </c>
      <c r="U39" s="288">
        <v>0</v>
      </c>
      <c r="V39" s="285">
        <v>0</v>
      </c>
      <c r="W39" s="290">
        <v>0</v>
      </c>
    </row>
  </sheetData>
  <mergeCells count="11">
    <mergeCell ref="W4:W5"/>
    <mergeCell ref="G1:H1"/>
    <mergeCell ref="J1:K1"/>
    <mergeCell ref="A3:A5"/>
    <mergeCell ref="B3:L3"/>
    <mergeCell ref="M3:W3"/>
    <mergeCell ref="B4:D4"/>
    <mergeCell ref="E4:K4"/>
    <mergeCell ref="L4:L5"/>
    <mergeCell ref="M4:O4"/>
    <mergeCell ref="P4:V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B219"/>
  <sheetViews>
    <sheetView zoomScaleNormal="100" zoomScaleSheetLayoutView="55"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9" style="1" customWidth="1"/>
    <col min="3" max="3" width="8.109375" style="1" customWidth="1"/>
    <col min="4" max="4" width="10.109375" style="1" bestFit="1" customWidth="1"/>
    <col min="5" max="10" width="9" style="1"/>
    <col min="11" max="11" width="9.6640625" style="1" customWidth="1"/>
    <col min="12" max="14" width="8.109375" style="1" customWidth="1"/>
    <col min="15" max="20" width="9.21875" style="1" customWidth="1"/>
    <col min="21" max="21" width="7.77734375" style="1" customWidth="1"/>
    <col min="22" max="24" width="8.33203125" style="1" customWidth="1"/>
    <col min="25" max="29" width="8.44140625" style="1" customWidth="1"/>
    <col min="30" max="31" width="7.109375" style="1" customWidth="1"/>
    <col min="32" max="41" width="8.77734375" style="1" customWidth="1"/>
    <col min="42" max="51" width="8.44140625" style="1" customWidth="1"/>
    <col min="52" max="131" width="9.6640625" style="1" customWidth="1"/>
    <col min="132" max="16384" width="9" style="1"/>
  </cols>
  <sheetData>
    <row r="1" spans="1:132" ht="25.5" customHeight="1" x14ac:dyDescent="0.2">
      <c r="A1" s="20" t="s">
        <v>56</v>
      </c>
      <c r="D1" s="368">
        <f>第１表!F2</f>
        <v>4</v>
      </c>
      <c r="E1" s="251">
        <f>第１表!G2</f>
        <v>5</v>
      </c>
      <c r="F1" s="555">
        <f>IF(E1&lt;3,E1-2+12,E1-2)</f>
        <v>3</v>
      </c>
      <c r="G1" s="555"/>
    </row>
    <row r="2" spans="1:132" ht="17.25" customHeight="1" thickBot="1" x14ac:dyDescent="0.25"/>
    <row r="3" spans="1:132" ht="24.75" customHeight="1" thickBot="1" x14ac:dyDescent="0.25">
      <c r="A3" s="573"/>
      <c r="B3" s="576" t="s">
        <v>57</v>
      </c>
      <c r="C3" s="577"/>
      <c r="D3" s="577"/>
      <c r="E3" s="577"/>
      <c r="F3" s="577"/>
      <c r="G3" s="577"/>
      <c r="H3" s="577"/>
      <c r="I3" s="577"/>
      <c r="J3" s="577"/>
      <c r="K3" s="577"/>
      <c r="L3" s="577"/>
      <c r="M3" s="577"/>
      <c r="N3" s="577"/>
      <c r="O3" s="577"/>
      <c r="P3" s="577"/>
      <c r="Q3" s="577"/>
      <c r="R3" s="577"/>
      <c r="S3" s="577"/>
      <c r="T3" s="577"/>
      <c r="U3" s="577"/>
      <c r="V3" s="577"/>
      <c r="W3" s="577"/>
      <c r="X3" s="577"/>
      <c r="Y3" s="577"/>
      <c r="Z3" s="577"/>
      <c r="AA3" s="577"/>
      <c r="AB3" s="577"/>
      <c r="AC3" s="577"/>
      <c r="AD3" s="577"/>
      <c r="AE3" s="578"/>
      <c r="AF3" s="576" t="s">
        <v>58</v>
      </c>
      <c r="AG3" s="579"/>
      <c r="AH3" s="579"/>
      <c r="AI3" s="579"/>
      <c r="AJ3" s="579"/>
      <c r="AK3" s="579"/>
      <c r="AL3" s="579"/>
      <c r="AM3" s="579"/>
      <c r="AN3" s="579"/>
      <c r="AO3" s="579"/>
      <c r="AP3" s="579"/>
      <c r="AQ3" s="579"/>
      <c r="AR3" s="579"/>
      <c r="AS3" s="579"/>
      <c r="AT3" s="579"/>
      <c r="AU3" s="579"/>
      <c r="AV3" s="579"/>
      <c r="AW3" s="579"/>
      <c r="AX3" s="579"/>
      <c r="AY3" s="579"/>
      <c r="AZ3" s="579"/>
      <c r="BA3" s="579"/>
      <c r="BB3" s="579"/>
      <c r="BC3" s="579"/>
      <c r="BD3" s="579"/>
      <c r="BE3" s="579"/>
      <c r="BF3" s="579"/>
      <c r="BG3" s="579"/>
      <c r="BH3" s="579"/>
      <c r="BI3" s="580"/>
      <c r="BJ3" s="576" t="s">
        <v>59</v>
      </c>
      <c r="BK3" s="577"/>
      <c r="BL3" s="577"/>
      <c r="BM3" s="577"/>
      <c r="BN3" s="577"/>
      <c r="BO3" s="577"/>
      <c r="BP3" s="577"/>
      <c r="BQ3" s="577"/>
      <c r="BR3" s="577"/>
      <c r="BS3" s="577"/>
      <c r="BT3" s="577"/>
      <c r="BU3" s="577"/>
      <c r="BV3" s="577"/>
      <c r="BW3" s="577"/>
      <c r="BX3" s="577"/>
      <c r="BY3" s="577"/>
      <c r="BZ3" s="577"/>
      <c r="CA3" s="577"/>
      <c r="CB3" s="577"/>
      <c r="CC3" s="577"/>
      <c r="CD3" s="577"/>
      <c r="CE3" s="577"/>
      <c r="CF3" s="577"/>
      <c r="CG3" s="577"/>
      <c r="CH3" s="577"/>
      <c r="CI3" s="577"/>
      <c r="CJ3" s="577"/>
      <c r="CK3" s="577"/>
      <c r="CL3" s="577"/>
      <c r="CM3" s="578"/>
      <c r="CN3" s="605" t="s">
        <v>151</v>
      </c>
      <c r="CO3" s="577"/>
      <c r="CP3" s="577"/>
      <c r="CQ3" s="577"/>
      <c r="CR3" s="577"/>
      <c r="CS3" s="577"/>
      <c r="CT3" s="577"/>
      <c r="CU3" s="577"/>
      <c r="CV3" s="577"/>
      <c r="CW3" s="577"/>
      <c r="CX3" s="577"/>
      <c r="CY3" s="577"/>
      <c r="CZ3" s="577"/>
      <c r="DA3" s="577"/>
      <c r="DB3" s="577"/>
      <c r="DC3" s="577"/>
      <c r="DD3" s="577"/>
      <c r="DE3" s="577"/>
      <c r="DF3" s="577"/>
      <c r="DG3" s="577"/>
      <c r="DH3" s="577"/>
      <c r="DI3" s="577"/>
      <c r="DJ3" s="577"/>
      <c r="DK3" s="577"/>
      <c r="DL3" s="577"/>
      <c r="DM3" s="577"/>
      <c r="DN3" s="577"/>
      <c r="DO3" s="577"/>
      <c r="DP3" s="577"/>
      <c r="DQ3" s="578"/>
      <c r="DR3" s="599" t="s">
        <v>60</v>
      </c>
      <c r="DS3" s="503"/>
      <c r="DT3" s="503"/>
      <c r="DU3" s="503"/>
      <c r="DV3" s="503"/>
      <c r="DW3" s="503"/>
      <c r="DX3" s="503"/>
      <c r="DY3" s="503"/>
      <c r="DZ3" s="503"/>
      <c r="EA3" s="504"/>
    </row>
    <row r="4" spans="1:132" ht="24.75" customHeight="1" thickBot="1" x14ac:dyDescent="0.25">
      <c r="A4" s="574"/>
      <c r="B4" s="600"/>
      <c r="C4" s="593"/>
      <c r="D4" s="593"/>
      <c r="E4" s="593"/>
      <c r="F4" s="593"/>
      <c r="G4" s="593"/>
      <c r="H4" s="593"/>
      <c r="I4" s="593"/>
      <c r="J4" s="593"/>
      <c r="K4" s="593"/>
      <c r="L4" s="602" t="s">
        <v>39</v>
      </c>
      <c r="M4" s="603"/>
      <c r="N4" s="603"/>
      <c r="O4" s="603"/>
      <c r="P4" s="603"/>
      <c r="Q4" s="603"/>
      <c r="R4" s="603"/>
      <c r="S4" s="603"/>
      <c r="T4" s="603"/>
      <c r="U4" s="604"/>
      <c r="V4" s="602" t="s">
        <v>40</v>
      </c>
      <c r="W4" s="603"/>
      <c r="X4" s="603"/>
      <c r="Y4" s="603"/>
      <c r="Z4" s="603"/>
      <c r="AA4" s="603"/>
      <c r="AB4" s="603"/>
      <c r="AC4" s="603"/>
      <c r="AD4" s="603"/>
      <c r="AE4" s="604"/>
      <c r="AF4" s="600"/>
      <c r="AG4" s="593"/>
      <c r="AH4" s="593"/>
      <c r="AI4" s="593"/>
      <c r="AJ4" s="593"/>
      <c r="AK4" s="593"/>
      <c r="AL4" s="593"/>
      <c r="AM4" s="593"/>
      <c r="AN4" s="593"/>
      <c r="AO4" s="593"/>
      <c r="AP4" s="602" t="s">
        <v>39</v>
      </c>
      <c r="AQ4" s="603"/>
      <c r="AR4" s="603"/>
      <c r="AS4" s="603"/>
      <c r="AT4" s="603"/>
      <c r="AU4" s="603"/>
      <c r="AV4" s="603"/>
      <c r="AW4" s="603"/>
      <c r="AX4" s="603"/>
      <c r="AY4" s="604"/>
      <c r="AZ4" s="602" t="s">
        <v>40</v>
      </c>
      <c r="BA4" s="603"/>
      <c r="BB4" s="603"/>
      <c r="BC4" s="603"/>
      <c r="BD4" s="603"/>
      <c r="BE4" s="603"/>
      <c r="BF4" s="603"/>
      <c r="BG4" s="603"/>
      <c r="BH4" s="603"/>
      <c r="BI4" s="604"/>
      <c r="BJ4" s="600"/>
      <c r="BK4" s="593"/>
      <c r="BL4" s="593"/>
      <c r="BM4" s="593"/>
      <c r="BN4" s="593"/>
      <c r="BO4" s="593"/>
      <c r="BP4" s="593"/>
      <c r="BQ4" s="593"/>
      <c r="BR4" s="593"/>
      <c r="BS4" s="593"/>
      <c r="BT4" s="602" t="s">
        <v>39</v>
      </c>
      <c r="BU4" s="603"/>
      <c r="BV4" s="603"/>
      <c r="BW4" s="603"/>
      <c r="BX4" s="603"/>
      <c r="BY4" s="603"/>
      <c r="BZ4" s="603"/>
      <c r="CA4" s="603"/>
      <c r="CB4" s="603"/>
      <c r="CC4" s="604"/>
      <c r="CD4" s="602" t="s">
        <v>40</v>
      </c>
      <c r="CE4" s="603"/>
      <c r="CF4" s="603"/>
      <c r="CG4" s="603"/>
      <c r="CH4" s="603"/>
      <c r="CI4" s="603"/>
      <c r="CJ4" s="603"/>
      <c r="CK4" s="603"/>
      <c r="CL4" s="603"/>
      <c r="CM4" s="604"/>
      <c r="CN4" s="600"/>
      <c r="CO4" s="593"/>
      <c r="CP4" s="593"/>
      <c r="CQ4" s="593"/>
      <c r="CR4" s="593"/>
      <c r="CS4" s="593"/>
      <c r="CT4" s="593"/>
      <c r="CU4" s="593"/>
      <c r="CV4" s="593"/>
      <c r="CW4" s="593"/>
      <c r="CX4" s="602" t="s">
        <v>39</v>
      </c>
      <c r="CY4" s="603"/>
      <c r="CZ4" s="603"/>
      <c r="DA4" s="603"/>
      <c r="DB4" s="603"/>
      <c r="DC4" s="603"/>
      <c r="DD4" s="603"/>
      <c r="DE4" s="603"/>
      <c r="DF4" s="603"/>
      <c r="DG4" s="604"/>
      <c r="DH4" s="602" t="s">
        <v>40</v>
      </c>
      <c r="DI4" s="603"/>
      <c r="DJ4" s="603"/>
      <c r="DK4" s="603"/>
      <c r="DL4" s="603"/>
      <c r="DM4" s="603"/>
      <c r="DN4" s="603"/>
      <c r="DO4" s="603"/>
      <c r="DP4" s="603"/>
      <c r="DQ4" s="604"/>
      <c r="DR4" s="600"/>
      <c r="DS4" s="593"/>
      <c r="DT4" s="593"/>
      <c r="DU4" s="593"/>
      <c r="DV4" s="593"/>
      <c r="DW4" s="593"/>
      <c r="DX4" s="593"/>
      <c r="DY4" s="593"/>
      <c r="DZ4" s="593"/>
      <c r="EA4" s="601"/>
    </row>
    <row r="5" spans="1:132" ht="24.75" customHeight="1" x14ac:dyDescent="0.2">
      <c r="A5" s="575"/>
      <c r="B5" s="581" t="s">
        <v>61</v>
      </c>
      <c r="C5" s="582"/>
      <c r="D5" s="583"/>
      <c r="E5" s="584" t="s">
        <v>62</v>
      </c>
      <c r="F5" s="585"/>
      <c r="G5" s="585"/>
      <c r="H5" s="585"/>
      <c r="I5" s="585"/>
      <c r="J5" s="586"/>
      <c r="K5" s="597" t="s">
        <v>52</v>
      </c>
      <c r="L5" s="589" t="s">
        <v>61</v>
      </c>
      <c r="M5" s="590"/>
      <c r="N5" s="591"/>
      <c r="O5" s="592" t="s">
        <v>62</v>
      </c>
      <c r="P5" s="593"/>
      <c r="Q5" s="593"/>
      <c r="R5" s="593"/>
      <c r="S5" s="593"/>
      <c r="T5" s="594"/>
      <c r="U5" s="598" t="s">
        <v>52</v>
      </c>
      <c r="V5" s="606" t="s">
        <v>61</v>
      </c>
      <c r="W5" s="590"/>
      <c r="X5" s="591"/>
      <c r="Y5" s="592" t="s">
        <v>62</v>
      </c>
      <c r="Z5" s="593"/>
      <c r="AA5" s="593"/>
      <c r="AB5" s="593"/>
      <c r="AC5" s="593"/>
      <c r="AD5" s="594"/>
      <c r="AE5" s="598" t="s">
        <v>52</v>
      </c>
      <c r="AF5" s="581" t="s">
        <v>61</v>
      </c>
      <c r="AG5" s="582"/>
      <c r="AH5" s="583"/>
      <c r="AI5" s="584" t="s">
        <v>62</v>
      </c>
      <c r="AJ5" s="585"/>
      <c r="AK5" s="585"/>
      <c r="AL5" s="585"/>
      <c r="AM5" s="585"/>
      <c r="AN5" s="586"/>
      <c r="AO5" s="587" t="s">
        <v>52</v>
      </c>
      <c r="AP5" s="589" t="s">
        <v>61</v>
      </c>
      <c r="AQ5" s="590"/>
      <c r="AR5" s="591"/>
      <c r="AS5" s="592" t="s">
        <v>62</v>
      </c>
      <c r="AT5" s="593"/>
      <c r="AU5" s="593"/>
      <c r="AV5" s="593"/>
      <c r="AW5" s="593"/>
      <c r="AX5" s="594"/>
      <c r="AY5" s="595" t="s">
        <v>52</v>
      </c>
      <c r="AZ5" s="589" t="s">
        <v>61</v>
      </c>
      <c r="BA5" s="590"/>
      <c r="BB5" s="591"/>
      <c r="BC5" s="592" t="s">
        <v>62</v>
      </c>
      <c r="BD5" s="593"/>
      <c r="BE5" s="593"/>
      <c r="BF5" s="593"/>
      <c r="BG5" s="593"/>
      <c r="BH5" s="594"/>
      <c r="BI5" s="598" t="s">
        <v>52</v>
      </c>
      <c r="BJ5" s="581" t="s">
        <v>61</v>
      </c>
      <c r="BK5" s="582"/>
      <c r="BL5" s="583"/>
      <c r="BM5" s="584" t="s">
        <v>62</v>
      </c>
      <c r="BN5" s="585"/>
      <c r="BO5" s="585"/>
      <c r="BP5" s="585"/>
      <c r="BQ5" s="585"/>
      <c r="BR5" s="586"/>
      <c r="BS5" s="597" t="s">
        <v>52</v>
      </c>
      <c r="BT5" s="589" t="s">
        <v>61</v>
      </c>
      <c r="BU5" s="590"/>
      <c r="BV5" s="591"/>
      <c r="BW5" s="592" t="s">
        <v>62</v>
      </c>
      <c r="BX5" s="593"/>
      <c r="BY5" s="593"/>
      <c r="BZ5" s="593"/>
      <c r="CA5" s="593"/>
      <c r="CB5" s="594"/>
      <c r="CC5" s="598" t="s">
        <v>52</v>
      </c>
      <c r="CD5" s="606" t="s">
        <v>61</v>
      </c>
      <c r="CE5" s="590"/>
      <c r="CF5" s="591"/>
      <c r="CG5" s="592" t="s">
        <v>62</v>
      </c>
      <c r="CH5" s="593"/>
      <c r="CI5" s="593"/>
      <c r="CJ5" s="593"/>
      <c r="CK5" s="593"/>
      <c r="CL5" s="594"/>
      <c r="CM5" s="598" t="s">
        <v>52</v>
      </c>
      <c r="CN5" s="581" t="s">
        <v>61</v>
      </c>
      <c r="CO5" s="582"/>
      <c r="CP5" s="583"/>
      <c r="CQ5" s="584" t="s">
        <v>62</v>
      </c>
      <c r="CR5" s="585"/>
      <c r="CS5" s="585"/>
      <c r="CT5" s="585"/>
      <c r="CU5" s="585"/>
      <c r="CV5" s="586"/>
      <c r="CW5" s="597" t="s">
        <v>52</v>
      </c>
      <c r="CX5" s="589" t="s">
        <v>61</v>
      </c>
      <c r="CY5" s="590"/>
      <c r="CZ5" s="591"/>
      <c r="DA5" s="592" t="s">
        <v>62</v>
      </c>
      <c r="DB5" s="593"/>
      <c r="DC5" s="593"/>
      <c r="DD5" s="593"/>
      <c r="DE5" s="593"/>
      <c r="DF5" s="594"/>
      <c r="DG5" s="598" t="s">
        <v>52</v>
      </c>
      <c r="DH5" s="606" t="s">
        <v>61</v>
      </c>
      <c r="DI5" s="590"/>
      <c r="DJ5" s="591"/>
      <c r="DK5" s="592" t="s">
        <v>62</v>
      </c>
      <c r="DL5" s="593"/>
      <c r="DM5" s="593"/>
      <c r="DN5" s="593"/>
      <c r="DO5" s="593"/>
      <c r="DP5" s="594"/>
      <c r="DQ5" s="598" t="s">
        <v>52</v>
      </c>
      <c r="DR5" s="581" t="s">
        <v>61</v>
      </c>
      <c r="DS5" s="582"/>
      <c r="DT5" s="583"/>
      <c r="DU5" s="584" t="s">
        <v>62</v>
      </c>
      <c r="DV5" s="585"/>
      <c r="DW5" s="585"/>
      <c r="DX5" s="585"/>
      <c r="DY5" s="585"/>
      <c r="DZ5" s="586"/>
      <c r="EA5" s="587" t="s">
        <v>52</v>
      </c>
    </row>
    <row r="6" spans="1:132" ht="24.75" customHeight="1" thickBot="1" x14ac:dyDescent="0.25">
      <c r="A6" s="314" t="s">
        <v>42</v>
      </c>
      <c r="B6" s="31" t="s">
        <v>43</v>
      </c>
      <c r="C6" s="32" t="s">
        <v>44</v>
      </c>
      <c r="D6" s="32" t="s">
        <v>45</v>
      </c>
      <c r="E6" s="33" t="s">
        <v>47</v>
      </c>
      <c r="F6" s="34" t="s">
        <v>48</v>
      </c>
      <c r="G6" s="34" t="s">
        <v>49</v>
      </c>
      <c r="H6" s="35" t="s">
        <v>50</v>
      </c>
      <c r="I6" s="32" t="s">
        <v>51</v>
      </c>
      <c r="J6" s="36" t="s">
        <v>95</v>
      </c>
      <c r="K6" s="596"/>
      <c r="L6" s="31" t="s">
        <v>43</v>
      </c>
      <c r="M6" s="32" t="s">
        <v>44</v>
      </c>
      <c r="N6" s="36" t="s">
        <v>45</v>
      </c>
      <c r="O6" s="33" t="s">
        <v>47</v>
      </c>
      <c r="P6" s="34" t="s">
        <v>48</v>
      </c>
      <c r="Q6" s="34" t="s">
        <v>49</v>
      </c>
      <c r="R6" s="35" t="s">
        <v>50</v>
      </c>
      <c r="S6" s="32" t="s">
        <v>51</v>
      </c>
      <c r="T6" s="36" t="s">
        <v>45</v>
      </c>
      <c r="U6" s="588"/>
      <c r="V6" s="15" t="s">
        <v>43</v>
      </c>
      <c r="W6" s="32" t="s">
        <v>44</v>
      </c>
      <c r="X6" s="36" t="s">
        <v>45</v>
      </c>
      <c r="Y6" s="15" t="s">
        <v>47</v>
      </c>
      <c r="Z6" s="34" t="s">
        <v>48</v>
      </c>
      <c r="AA6" s="34" t="s">
        <v>49</v>
      </c>
      <c r="AB6" s="35" t="s">
        <v>50</v>
      </c>
      <c r="AC6" s="32" t="s">
        <v>51</v>
      </c>
      <c r="AD6" s="36" t="s">
        <v>45</v>
      </c>
      <c r="AE6" s="588"/>
      <c r="AF6" s="31" t="s">
        <v>43</v>
      </c>
      <c r="AG6" s="32" t="s">
        <v>44</v>
      </c>
      <c r="AH6" s="36" t="s">
        <v>45</v>
      </c>
      <c r="AI6" s="15" t="s">
        <v>47</v>
      </c>
      <c r="AJ6" s="34" t="s">
        <v>48</v>
      </c>
      <c r="AK6" s="34" t="s">
        <v>49</v>
      </c>
      <c r="AL6" s="35" t="s">
        <v>50</v>
      </c>
      <c r="AM6" s="32" t="s">
        <v>51</v>
      </c>
      <c r="AN6" s="36" t="s">
        <v>45</v>
      </c>
      <c r="AO6" s="588"/>
      <c r="AP6" s="31" t="s">
        <v>43</v>
      </c>
      <c r="AQ6" s="32" t="s">
        <v>44</v>
      </c>
      <c r="AR6" s="36" t="s">
        <v>45</v>
      </c>
      <c r="AS6" s="33" t="s">
        <v>47</v>
      </c>
      <c r="AT6" s="34" t="s">
        <v>48</v>
      </c>
      <c r="AU6" s="34" t="s">
        <v>49</v>
      </c>
      <c r="AV6" s="35" t="s">
        <v>50</v>
      </c>
      <c r="AW6" s="32" t="s">
        <v>51</v>
      </c>
      <c r="AX6" s="36" t="s">
        <v>45</v>
      </c>
      <c r="AY6" s="596"/>
      <c r="AZ6" s="31" t="s">
        <v>43</v>
      </c>
      <c r="BA6" s="32" t="s">
        <v>44</v>
      </c>
      <c r="BB6" s="32" t="s">
        <v>45</v>
      </c>
      <c r="BC6" s="33" t="s">
        <v>47</v>
      </c>
      <c r="BD6" s="34" t="s">
        <v>48</v>
      </c>
      <c r="BE6" s="34" t="s">
        <v>49</v>
      </c>
      <c r="BF6" s="35" t="s">
        <v>50</v>
      </c>
      <c r="BG6" s="32" t="s">
        <v>51</v>
      </c>
      <c r="BH6" s="36" t="s">
        <v>45</v>
      </c>
      <c r="BI6" s="588"/>
      <c r="BJ6" s="31" t="s">
        <v>43</v>
      </c>
      <c r="BK6" s="32" t="s">
        <v>44</v>
      </c>
      <c r="BL6" s="32" t="s">
        <v>45</v>
      </c>
      <c r="BM6" s="33" t="s">
        <v>47</v>
      </c>
      <c r="BN6" s="34" t="s">
        <v>48</v>
      </c>
      <c r="BO6" s="34" t="s">
        <v>49</v>
      </c>
      <c r="BP6" s="35" t="s">
        <v>50</v>
      </c>
      <c r="BQ6" s="32" t="s">
        <v>51</v>
      </c>
      <c r="BR6" s="36" t="s">
        <v>45</v>
      </c>
      <c r="BS6" s="596"/>
      <c r="BT6" s="31" t="s">
        <v>43</v>
      </c>
      <c r="BU6" s="32" t="s">
        <v>44</v>
      </c>
      <c r="BV6" s="32" t="s">
        <v>45</v>
      </c>
      <c r="BW6" s="33" t="s">
        <v>47</v>
      </c>
      <c r="BX6" s="34" t="s">
        <v>48</v>
      </c>
      <c r="BY6" s="34" t="s">
        <v>49</v>
      </c>
      <c r="BZ6" s="35" t="s">
        <v>50</v>
      </c>
      <c r="CA6" s="32" t="s">
        <v>51</v>
      </c>
      <c r="CB6" s="36" t="s">
        <v>45</v>
      </c>
      <c r="CC6" s="588"/>
      <c r="CD6" s="15" t="s">
        <v>43</v>
      </c>
      <c r="CE6" s="32" t="s">
        <v>44</v>
      </c>
      <c r="CF6" s="32" t="s">
        <v>45</v>
      </c>
      <c r="CG6" s="33" t="s">
        <v>47</v>
      </c>
      <c r="CH6" s="34" t="s">
        <v>48</v>
      </c>
      <c r="CI6" s="34" t="s">
        <v>49</v>
      </c>
      <c r="CJ6" s="35" t="s">
        <v>50</v>
      </c>
      <c r="CK6" s="32" t="s">
        <v>51</v>
      </c>
      <c r="CL6" s="36" t="s">
        <v>45</v>
      </c>
      <c r="CM6" s="588"/>
      <c r="CN6" s="31" t="s">
        <v>43</v>
      </c>
      <c r="CO6" s="32" t="s">
        <v>44</v>
      </c>
      <c r="CP6" s="32" t="s">
        <v>45</v>
      </c>
      <c r="CQ6" s="33" t="s">
        <v>47</v>
      </c>
      <c r="CR6" s="34" t="s">
        <v>48</v>
      </c>
      <c r="CS6" s="34" t="s">
        <v>49</v>
      </c>
      <c r="CT6" s="35" t="s">
        <v>50</v>
      </c>
      <c r="CU6" s="32" t="s">
        <v>51</v>
      </c>
      <c r="CV6" s="36" t="s">
        <v>45</v>
      </c>
      <c r="CW6" s="596"/>
      <c r="CX6" s="31" t="s">
        <v>43</v>
      </c>
      <c r="CY6" s="32" t="s">
        <v>44</v>
      </c>
      <c r="CZ6" s="32" t="s">
        <v>45</v>
      </c>
      <c r="DA6" s="33" t="s">
        <v>47</v>
      </c>
      <c r="DB6" s="34" t="s">
        <v>48</v>
      </c>
      <c r="DC6" s="34" t="s">
        <v>49</v>
      </c>
      <c r="DD6" s="35" t="s">
        <v>50</v>
      </c>
      <c r="DE6" s="32" t="s">
        <v>51</v>
      </c>
      <c r="DF6" s="36" t="s">
        <v>45</v>
      </c>
      <c r="DG6" s="588"/>
      <c r="DH6" s="15" t="s">
        <v>43</v>
      </c>
      <c r="DI6" s="32" t="s">
        <v>44</v>
      </c>
      <c r="DJ6" s="32" t="s">
        <v>45</v>
      </c>
      <c r="DK6" s="33" t="s">
        <v>47</v>
      </c>
      <c r="DL6" s="34" t="s">
        <v>48</v>
      </c>
      <c r="DM6" s="34" t="s">
        <v>49</v>
      </c>
      <c r="DN6" s="35" t="s">
        <v>50</v>
      </c>
      <c r="DO6" s="32" t="s">
        <v>51</v>
      </c>
      <c r="DP6" s="36" t="s">
        <v>45</v>
      </c>
      <c r="DQ6" s="588"/>
      <c r="DR6" s="31" t="s">
        <v>43</v>
      </c>
      <c r="DS6" s="32" t="s">
        <v>44</v>
      </c>
      <c r="DT6" s="32" t="s">
        <v>45</v>
      </c>
      <c r="DU6" s="33" t="s">
        <v>47</v>
      </c>
      <c r="DV6" s="34" t="s">
        <v>48</v>
      </c>
      <c r="DW6" s="34" t="s">
        <v>49</v>
      </c>
      <c r="DX6" s="35" t="s">
        <v>50</v>
      </c>
      <c r="DY6" s="32" t="s">
        <v>51</v>
      </c>
      <c r="DZ6" s="36" t="s">
        <v>45</v>
      </c>
      <c r="EA6" s="588"/>
    </row>
    <row r="7" spans="1:132" ht="20.25" customHeight="1" x14ac:dyDescent="0.2">
      <c r="A7" s="313" t="s">
        <v>4</v>
      </c>
      <c r="B7" s="185">
        <v>0</v>
      </c>
      <c r="C7" s="186">
        <v>0</v>
      </c>
      <c r="D7" s="186">
        <v>0</v>
      </c>
      <c r="E7" s="187">
        <v>434</v>
      </c>
      <c r="F7" s="188">
        <v>1491</v>
      </c>
      <c r="G7" s="188">
        <v>9761</v>
      </c>
      <c r="H7" s="188">
        <v>14077</v>
      </c>
      <c r="I7" s="186">
        <v>10080</v>
      </c>
      <c r="J7" s="189">
        <v>35843</v>
      </c>
      <c r="K7" s="190">
        <v>35843</v>
      </c>
      <c r="L7" s="185">
        <v>0</v>
      </c>
      <c r="M7" s="186">
        <v>0</v>
      </c>
      <c r="N7" s="189">
        <v>0</v>
      </c>
      <c r="O7" s="187">
        <v>431</v>
      </c>
      <c r="P7" s="188">
        <v>1486</v>
      </c>
      <c r="Q7" s="188">
        <v>9681</v>
      </c>
      <c r="R7" s="188">
        <v>13953</v>
      </c>
      <c r="S7" s="186">
        <v>9928</v>
      </c>
      <c r="T7" s="189">
        <v>35479</v>
      </c>
      <c r="U7" s="191">
        <v>35479</v>
      </c>
      <c r="V7" s="192">
        <v>0</v>
      </c>
      <c r="W7" s="186">
        <v>0</v>
      </c>
      <c r="X7" s="189">
        <v>0</v>
      </c>
      <c r="Y7" s="192">
        <v>3</v>
      </c>
      <c r="Z7" s="188">
        <v>5</v>
      </c>
      <c r="AA7" s="188">
        <v>80</v>
      </c>
      <c r="AB7" s="188">
        <v>124</v>
      </c>
      <c r="AC7" s="186">
        <v>152</v>
      </c>
      <c r="AD7" s="189">
        <v>364</v>
      </c>
      <c r="AE7" s="193">
        <v>364</v>
      </c>
      <c r="AF7" s="192">
        <v>0</v>
      </c>
      <c r="AG7" s="186">
        <v>0</v>
      </c>
      <c r="AH7" s="189">
        <v>0</v>
      </c>
      <c r="AI7" s="192">
        <v>1870</v>
      </c>
      <c r="AJ7" s="188">
        <v>3569</v>
      </c>
      <c r="AK7" s="188">
        <v>4673</v>
      </c>
      <c r="AL7" s="188">
        <v>5477</v>
      </c>
      <c r="AM7" s="186">
        <v>2900</v>
      </c>
      <c r="AN7" s="189">
        <v>18489</v>
      </c>
      <c r="AO7" s="193">
        <v>18489</v>
      </c>
      <c r="AP7" s="192">
        <v>0</v>
      </c>
      <c r="AQ7" s="186">
        <v>0</v>
      </c>
      <c r="AR7" s="189">
        <v>0</v>
      </c>
      <c r="AS7" s="187">
        <v>1846</v>
      </c>
      <c r="AT7" s="188">
        <v>3533</v>
      </c>
      <c r="AU7" s="188">
        <v>4599</v>
      </c>
      <c r="AV7" s="188">
        <v>5370</v>
      </c>
      <c r="AW7" s="186">
        <v>2829</v>
      </c>
      <c r="AX7" s="189">
        <v>18177</v>
      </c>
      <c r="AY7" s="190">
        <v>18177</v>
      </c>
      <c r="AZ7" s="185">
        <v>0</v>
      </c>
      <c r="BA7" s="186">
        <v>0</v>
      </c>
      <c r="BB7" s="186">
        <v>0</v>
      </c>
      <c r="BC7" s="187">
        <v>24</v>
      </c>
      <c r="BD7" s="188">
        <v>36</v>
      </c>
      <c r="BE7" s="188">
        <v>74</v>
      </c>
      <c r="BF7" s="188">
        <v>107</v>
      </c>
      <c r="BG7" s="186">
        <v>71</v>
      </c>
      <c r="BH7" s="189">
        <v>312</v>
      </c>
      <c r="BI7" s="191">
        <v>312</v>
      </c>
      <c r="BJ7" s="192">
        <v>0</v>
      </c>
      <c r="BK7" s="186">
        <v>0</v>
      </c>
      <c r="BL7" s="186">
        <v>0</v>
      </c>
      <c r="BM7" s="187">
        <v>1</v>
      </c>
      <c r="BN7" s="188">
        <v>2</v>
      </c>
      <c r="BO7" s="188">
        <v>17</v>
      </c>
      <c r="BP7" s="188">
        <v>180</v>
      </c>
      <c r="BQ7" s="186">
        <v>267</v>
      </c>
      <c r="BR7" s="189">
        <v>467</v>
      </c>
      <c r="BS7" s="190">
        <v>467</v>
      </c>
      <c r="BT7" s="185">
        <v>0</v>
      </c>
      <c r="BU7" s="186">
        <v>0</v>
      </c>
      <c r="BV7" s="186">
        <v>0</v>
      </c>
      <c r="BW7" s="187">
        <v>1</v>
      </c>
      <c r="BX7" s="188">
        <v>2</v>
      </c>
      <c r="BY7" s="188">
        <v>17</v>
      </c>
      <c r="BZ7" s="188">
        <v>178</v>
      </c>
      <c r="CA7" s="186">
        <v>263</v>
      </c>
      <c r="CB7" s="189">
        <v>461</v>
      </c>
      <c r="CC7" s="191">
        <v>461</v>
      </c>
      <c r="CD7" s="192">
        <v>0</v>
      </c>
      <c r="CE7" s="186">
        <v>0</v>
      </c>
      <c r="CF7" s="186">
        <v>0</v>
      </c>
      <c r="CG7" s="187">
        <v>0</v>
      </c>
      <c r="CH7" s="188">
        <v>0</v>
      </c>
      <c r="CI7" s="188">
        <v>0</v>
      </c>
      <c r="CJ7" s="188">
        <v>2</v>
      </c>
      <c r="CK7" s="186">
        <v>4</v>
      </c>
      <c r="CL7" s="189">
        <v>6</v>
      </c>
      <c r="CM7" s="191">
        <v>6</v>
      </c>
      <c r="CN7" s="192">
        <v>0</v>
      </c>
      <c r="CO7" s="186">
        <v>0</v>
      </c>
      <c r="CP7" s="186">
        <v>0</v>
      </c>
      <c r="CQ7" s="187">
        <v>16</v>
      </c>
      <c r="CR7" s="188">
        <v>21</v>
      </c>
      <c r="CS7" s="188">
        <v>62</v>
      </c>
      <c r="CT7" s="188">
        <v>296</v>
      </c>
      <c r="CU7" s="186">
        <v>385</v>
      </c>
      <c r="CV7" s="189">
        <v>780</v>
      </c>
      <c r="CW7" s="190">
        <v>780</v>
      </c>
      <c r="CX7" s="185">
        <v>0</v>
      </c>
      <c r="CY7" s="186">
        <v>0</v>
      </c>
      <c r="CZ7" s="186">
        <v>0</v>
      </c>
      <c r="DA7" s="187">
        <v>15</v>
      </c>
      <c r="DB7" s="188">
        <v>20</v>
      </c>
      <c r="DC7" s="188">
        <v>62</v>
      </c>
      <c r="DD7" s="188">
        <v>291</v>
      </c>
      <c r="DE7" s="186">
        <v>374</v>
      </c>
      <c r="DF7" s="189">
        <v>762</v>
      </c>
      <c r="DG7" s="191">
        <v>762</v>
      </c>
      <c r="DH7" s="192">
        <v>0</v>
      </c>
      <c r="DI7" s="186">
        <v>0</v>
      </c>
      <c r="DJ7" s="186">
        <v>0</v>
      </c>
      <c r="DK7" s="187">
        <v>1</v>
      </c>
      <c r="DL7" s="188">
        <v>1</v>
      </c>
      <c r="DM7" s="188">
        <v>0</v>
      </c>
      <c r="DN7" s="188">
        <v>5</v>
      </c>
      <c r="DO7" s="186">
        <v>11</v>
      </c>
      <c r="DP7" s="189">
        <v>18</v>
      </c>
      <c r="DQ7" s="191">
        <v>18</v>
      </c>
      <c r="DR7" s="192">
        <v>0</v>
      </c>
      <c r="DS7" s="186">
        <v>0</v>
      </c>
      <c r="DT7" s="186">
        <v>0</v>
      </c>
      <c r="DU7" s="187">
        <v>2321</v>
      </c>
      <c r="DV7" s="188">
        <v>5083</v>
      </c>
      <c r="DW7" s="188">
        <v>14498</v>
      </c>
      <c r="DX7" s="188">
        <v>19994</v>
      </c>
      <c r="DY7" s="186">
        <v>13612</v>
      </c>
      <c r="DZ7" s="189">
        <v>55508</v>
      </c>
      <c r="EA7" s="191">
        <v>55508</v>
      </c>
      <c r="EB7" s="37"/>
    </row>
    <row r="8" spans="1:132" ht="20.25" customHeight="1" x14ac:dyDescent="0.2">
      <c r="A8" s="62" t="s">
        <v>5</v>
      </c>
      <c r="B8" s="194">
        <v>0</v>
      </c>
      <c r="C8" s="195">
        <v>0</v>
      </c>
      <c r="D8" s="195">
        <v>0</v>
      </c>
      <c r="E8" s="196">
        <v>224</v>
      </c>
      <c r="F8" s="197">
        <v>887</v>
      </c>
      <c r="G8" s="197">
        <v>4193</v>
      </c>
      <c r="H8" s="197">
        <v>5828</v>
      </c>
      <c r="I8" s="195">
        <v>4372</v>
      </c>
      <c r="J8" s="198">
        <v>15504</v>
      </c>
      <c r="K8" s="199">
        <v>15504</v>
      </c>
      <c r="L8" s="194">
        <v>0</v>
      </c>
      <c r="M8" s="195">
        <v>0</v>
      </c>
      <c r="N8" s="198">
        <v>0</v>
      </c>
      <c r="O8" s="196">
        <v>221</v>
      </c>
      <c r="P8" s="197">
        <v>883</v>
      </c>
      <c r="Q8" s="197">
        <v>4156</v>
      </c>
      <c r="R8" s="197">
        <v>5765</v>
      </c>
      <c r="S8" s="195">
        <v>4298</v>
      </c>
      <c r="T8" s="198">
        <v>15323</v>
      </c>
      <c r="U8" s="200">
        <v>15323</v>
      </c>
      <c r="V8" s="201">
        <v>0</v>
      </c>
      <c r="W8" s="195">
        <v>0</v>
      </c>
      <c r="X8" s="198">
        <v>0</v>
      </c>
      <c r="Y8" s="201">
        <v>3</v>
      </c>
      <c r="Z8" s="197">
        <v>4</v>
      </c>
      <c r="AA8" s="197">
        <v>37</v>
      </c>
      <c r="AB8" s="197">
        <v>63</v>
      </c>
      <c r="AC8" s="195">
        <v>74</v>
      </c>
      <c r="AD8" s="198">
        <v>181</v>
      </c>
      <c r="AE8" s="202">
        <v>181</v>
      </c>
      <c r="AF8" s="201">
        <v>0</v>
      </c>
      <c r="AG8" s="195">
        <v>0</v>
      </c>
      <c r="AH8" s="198">
        <v>0</v>
      </c>
      <c r="AI8" s="201">
        <v>658</v>
      </c>
      <c r="AJ8" s="197">
        <v>1624</v>
      </c>
      <c r="AK8" s="197">
        <v>2045</v>
      </c>
      <c r="AL8" s="197">
        <v>2431</v>
      </c>
      <c r="AM8" s="195">
        <v>1405</v>
      </c>
      <c r="AN8" s="198">
        <v>8163</v>
      </c>
      <c r="AO8" s="202">
        <v>8163</v>
      </c>
      <c r="AP8" s="201">
        <v>0</v>
      </c>
      <c r="AQ8" s="195">
        <v>0</v>
      </c>
      <c r="AR8" s="198">
        <v>0</v>
      </c>
      <c r="AS8" s="196">
        <v>653</v>
      </c>
      <c r="AT8" s="197">
        <v>1606</v>
      </c>
      <c r="AU8" s="197">
        <v>2014</v>
      </c>
      <c r="AV8" s="197">
        <v>2388</v>
      </c>
      <c r="AW8" s="195">
        <v>1375</v>
      </c>
      <c r="AX8" s="198">
        <v>8036</v>
      </c>
      <c r="AY8" s="199">
        <v>8036</v>
      </c>
      <c r="AZ8" s="194">
        <v>0</v>
      </c>
      <c r="BA8" s="195">
        <v>0</v>
      </c>
      <c r="BB8" s="195">
        <v>0</v>
      </c>
      <c r="BC8" s="196">
        <v>5</v>
      </c>
      <c r="BD8" s="197">
        <v>18</v>
      </c>
      <c r="BE8" s="197">
        <v>31</v>
      </c>
      <c r="BF8" s="197">
        <v>43</v>
      </c>
      <c r="BG8" s="195">
        <v>30</v>
      </c>
      <c r="BH8" s="198">
        <v>127</v>
      </c>
      <c r="BI8" s="200">
        <v>127</v>
      </c>
      <c r="BJ8" s="201">
        <v>0</v>
      </c>
      <c r="BK8" s="195">
        <v>0</v>
      </c>
      <c r="BL8" s="195">
        <v>0</v>
      </c>
      <c r="BM8" s="196">
        <v>0</v>
      </c>
      <c r="BN8" s="197">
        <v>1</v>
      </c>
      <c r="BO8" s="197">
        <v>3</v>
      </c>
      <c r="BP8" s="197">
        <v>56</v>
      </c>
      <c r="BQ8" s="195">
        <v>99</v>
      </c>
      <c r="BR8" s="198">
        <v>159</v>
      </c>
      <c r="BS8" s="199">
        <v>159</v>
      </c>
      <c r="BT8" s="194">
        <v>0</v>
      </c>
      <c r="BU8" s="195">
        <v>0</v>
      </c>
      <c r="BV8" s="195">
        <v>0</v>
      </c>
      <c r="BW8" s="196">
        <v>0</v>
      </c>
      <c r="BX8" s="197">
        <v>1</v>
      </c>
      <c r="BY8" s="197">
        <v>3</v>
      </c>
      <c r="BZ8" s="197">
        <v>55</v>
      </c>
      <c r="CA8" s="195">
        <v>97</v>
      </c>
      <c r="CB8" s="198">
        <v>156</v>
      </c>
      <c r="CC8" s="200">
        <v>156</v>
      </c>
      <c r="CD8" s="201">
        <v>0</v>
      </c>
      <c r="CE8" s="195">
        <v>0</v>
      </c>
      <c r="CF8" s="195">
        <v>0</v>
      </c>
      <c r="CG8" s="196">
        <v>0</v>
      </c>
      <c r="CH8" s="197">
        <v>0</v>
      </c>
      <c r="CI8" s="197">
        <v>0</v>
      </c>
      <c r="CJ8" s="197">
        <v>1</v>
      </c>
      <c r="CK8" s="195">
        <v>2</v>
      </c>
      <c r="CL8" s="198">
        <v>3</v>
      </c>
      <c r="CM8" s="200">
        <v>3</v>
      </c>
      <c r="CN8" s="201">
        <v>0</v>
      </c>
      <c r="CO8" s="195">
        <v>0</v>
      </c>
      <c r="CP8" s="195">
        <v>0</v>
      </c>
      <c r="CQ8" s="196">
        <v>3</v>
      </c>
      <c r="CR8" s="197">
        <v>4</v>
      </c>
      <c r="CS8" s="197">
        <v>10</v>
      </c>
      <c r="CT8" s="197">
        <v>83</v>
      </c>
      <c r="CU8" s="195">
        <v>86</v>
      </c>
      <c r="CV8" s="198">
        <v>186</v>
      </c>
      <c r="CW8" s="199">
        <v>186</v>
      </c>
      <c r="CX8" s="194">
        <v>0</v>
      </c>
      <c r="CY8" s="195">
        <v>0</v>
      </c>
      <c r="CZ8" s="195">
        <v>0</v>
      </c>
      <c r="DA8" s="196">
        <v>3</v>
      </c>
      <c r="DB8" s="197">
        <v>4</v>
      </c>
      <c r="DC8" s="197">
        <v>10</v>
      </c>
      <c r="DD8" s="197">
        <v>81</v>
      </c>
      <c r="DE8" s="195">
        <v>84</v>
      </c>
      <c r="DF8" s="198">
        <v>182</v>
      </c>
      <c r="DG8" s="200">
        <v>182</v>
      </c>
      <c r="DH8" s="201">
        <v>0</v>
      </c>
      <c r="DI8" s="195">
        <v>0</v>
      </c>
      <c r="DJ8" s="195">
        <v>0</v>
      </c>
      <c r="DK8" s="196">
        <v>0</v>
      </c>
      <c r="DL8" s="197">
        <v>0</v>
      </c>
      <c r="DM8" s="197">
        <v>0</v>
      </c>
      <c r="DN8" s="197">
        <v>2</v>
      </c>
      <c r="DO8" s="195">
        <v>2</v>
      </c>
      <c r="DP8" s="198">
        <v>4</v>
      </c>
      <c r="DQ8" s="200">
        <v>4</v>
      </c>
      <c r="DR8" s="201">
        <v>0</v>
      </c>
      <c r="DS8" s="195">
        <v>0</v>
      </c>
      <c r="DT8" s="195">
        <v>0</v>
      </c>
      <c r="DU8" s="196">
        <v>885</v>
      </c>
      <c r="DV8" s="197">
        <v>2516</v>
      </c>
      <c r="DW8" s="197">
        <v>6251</v>
      </c>
      <c r="DX8" s="197">
        <v>8398</v>
      </c>
      <c r="DY8" s="195">
        <v>5962</v>
      </c>
      <c r="DZ8" s="198">
        <v>24012</v>
      </c>
      <c r="EA8" s="200">
        <v>24012</v>
      </c>
      <c r="EB8" s="37"/>
    </row>
    <row r="9" spans="1:132" ht="20.25" customHeight="1" x14ac:dyDescent="0.2">
      <c r="A9" s="62" t="s">
        <v>6</v>
      </c>
      <c r="B9" s="194">
        <v>0</v>
      </c>
      <c r="C9" s="195">
        <v>0</v>
      </c>
      <c r="D9" s="195">
        <v>0</v>
      </c>
      <c r="E9" s="196">
        <v>77</v>
      </c>
      <c r="F9" s="197">
        <v>184</v>
      </c>
      <c r="G9" s="197">
        <v>1227</v>
      </c>
      <c r="H9" s="197">
        <v>1638</v>
      </c>
      <c r="I9" s="195">
        <v>1232</v>
      </c>
      <c r="J9" s="198">
        <v>4358</v>
      </c>
      <c r="K9" s="199">
        <v>4358</v>
      </c>
      <c r="L9" s="194">
        <v>0</v>
      </c>
      <c r="M9" s="195">
        <v>0</v>
      </c>
      <c r="N9" s="198">
        <v>0</v>
      </c>
      <c r="O9" s="196">
        <v>77</v>
      </c>
      <c r="P9" s="197">
        <v>184</v>
      </c>
      <c r="Q9" s="197">
        <v>1212</v>
      </c>
      <c r="R9" s="197">
        <v>1622</v>
      </c>
      <c r="S9" s="195">
        <v>1223</v>
      </c>
      <c r="T9" s="198">
        <v>4318</v>
      </c>
      <c r="U9" s="200">
        <v>4318</v>
      </c>
      <c r="V9" s="201">
        <v>0</v>
      </c>
      <c r="W9" s="195">
        <v>0</v>
      </c>
      <c r="X9" s="198">
        <v>0</v>
      </c>
      <c r="Y9" s="201">
        <v>0</v>
      </c>
      <c r="Z9" s="197">
        <v>0</v>
      </c>
      <c r="AA9" s="197">
        <v>15</v>
      </c>
      <c r="AB9" s="197">
        <v>16</v>
      </c>
      <c r="AC9" s="195">
        <v>9</v>
      </c>
      <c r="AD9" s="198">
        <v>40</v>
      </c>
      <c r="AE9" s="202">
        <v>40</v>
      </c>
      <c r="AF9" s="201">
        <v>0</v>
      </c>
      <c r="AG9" s="195">
        <v>0</v>
      </c>
      <c r="AH9" s="198">
        <v>0</v>
      </c>
      <c r="AI9" s="201">
        <v>230</v>
      </c>
      <c r="AJ9" s="197">
        <v>339</v>
      </c>
      <c r="AK9" s="197">
        <v>493</v>
      </c>
      <c r="AL9" s="197">
        <v>695</v>
      </c>
      <c r="AM9" s="195">
        <v>323</v>
      </c>
      <c r="AN9" s="198">
        <v>2080</v>
      </c>
      <c r="AO9" s="202">
        <v>2080</v>
      </c>
      <c r="AP9" s="201">
        <v>0</v>
      </c>
      <c r="AQ9" s="195">
        <v>0</v>
      </c>
      <c r="AR9" s="198">
        <v>0</v>
      </c>
      <c r="AS9" s="196">
        <v>225</v>
      </c>
      <c r="AT9" s="197">
        <v>336</v>
      </c>
      <c r="AU9" s="197">
        <v>486</v>
      </c>
      <c r="AV9" s="197">
        <v>675</v>
      </c>
      <c r="AW9" s="195">
        <v>311</v>
      </c>
      <c r="AX9" s="198">
        <v>2033</v>
      </c>
      <c r="AY9" s="199">
        <v>2033</v>
      </c>
      <c r="AZ9" s="194">
        <v>0</v>
      </c>
      <c r="BA9" s="195">
        <v>0</v>
      </c>
      <c r="BB9" s="195">
        <v>0</v>
      </c>
      <c r="BC9" s="196">
        <v>5</v>
      </c>
      <c r="BD9" s="197">
        <v>3</v>
      </c>
      <c r="BE9" s="197">
        <v>7</v>
      </c>
      <c r="BF9" s="197">
        <v>20</v>
      </c>
      <c r="BG9" s="195">
        <v>12</v>
      </c>
      <c r="BH9" s="198">
        <v>47</v>
      </c>
      <c r="BI9" s="200">
        <v>47</v>
      </c>
      <c r="BJ9" s="201">
        <v>0</v>
      </c>
      <c r="BK9" s="195">
        <v>0</v>
      </c>
      <c r="BL9" s="195">
        <v>0</v>
      </c>
      <c r="BM9" s="196">
        <v>1</v>
      </c>
      <c r="BN9" s="197">
        <v>0</v>
      </c>
      <c r="BO9" s="197">
        <v>10</v>
      </c>
      <c r="BP9" s="197">
        <v>70</v>
      </c>
      <c r="BQ9" s="195">
        <v>92</v>
      </c>
      <c r="BR9" s="198">
        <v>173</v>
      </c>
      <c r="BS9" s="199">
        <v>173</v>
      </c>
      <c r="BT9" s="194">
        <v>0</v>
      </c>
      <c r="BU9" s="195">
        <v>0</v>
      </c>
      <c r="BV9" s="195">
        <v>0</v>
      </c>
      <c r="BW9" s="196">
        <v>1</v>
      </c>
      <c r="BX9" s="197">
        <v>0</v>
      </c>
      <c r="BY9" s="197">
        <v>10</v>
      </c>
      <c r="BZ9" s="197">
        <v>69</v>
      </c>
      <c r="CA9" s="195">
        <v>90</v>
      </c>
      <c r="CB9" s="198">
        <v>170</v>
      </c>
      <c r="CC9" s="200">
        <v>170</v>
      </c>
      <c r="CD9" s="201">
        <v>0</v>
      </c>
      <c r="CE9" s="195">
        <v>0</v>
      </c>
      <c r="CF9" s="195">
        <v>0</v>
      </c>
      <c r="CG9" s="196">
        <v>0</v>
      </c>
      <c r="CH9" s="197">
        <v>0</v>
      </c>
      <c r="CI9" s="197">
        <v>0</v>
      </c>
      <c r="CJ9" s="197">
        <v>1</v>
      </c>
      <c r="CK9" s="195">
        <v>2</v>
      </c>
      <c r="CL9" s="198">
        <v>3</v>
      </c>
      <c r="CM9" s="200">
        <v>3</v>
      </c>
      <c r="CN9" s="201">
        <v>0</v>
      </c>
      <c r="CO9" s="195">
        <v>0</v>
      </c>
      <c r="CP9" s="195">
        <v>0</v>
      </c>
      <c r="CQ9" s="196">
        <v>0</v>
      </c>
      <c r="CR9" s="197">
        <v>1</v>
      </c>
      <c r="CS9" s="197">
        <v>4</v>
      </c>
      <c r="CT9" s="197">
        <v>35</v>
      </c>
      <c r="CU9" s="195">
        <v>58</v>
      </c>
      <c r="CV9" s="198">
        <v>98</v>
      </c>
      <c r="CW9" s="199">
        <v>98</v>
      </c>
      <c r="CX9" s="194">
        <v>0</v>
      </c>
      <c r="CY9" s="195">
        <v>0</v>
      </c>
      <c r="CZ9" s="195">
        <v>0</v>
      </c>
      <c r="DA9" s="196">
        <v>0</v>
      </c>
      <c r="DB9" s="197">
        <v>1</v>
      </c>
      <c r="DC9" s="197">
        <v>4</v>
      </c>
      <c r="DD9" s="197">
        <v>34</v>
      </c>
      <c r="DE9" s="195">
        <v>58</v>
      </c>
      <c r="DF9" s="198">
        <v>97</v>
      </c>
      <c r="DG9" s="200">
        <v>97</v>
      </c>
      <c r="DH9" s="201">
        <v>0</v>
      </c>
      <c r="DI9" s="195">
        <v>0</v>
      </c>
      <c r="DJ9" s="195">
        <v>0</v>
      </c>
      <c r="DK9" s="196">
        <v>0</v>
      </c>
      <c r="DL9" s="197">
        <v>0</v>
      </c>
      <c r="DM9" s="197">
        <v>0</v>
      </c>
      <c r="DN9" s="197">
        <v>1</v>
      </c>
      <c r="DO9" s="195">
        <v>0</v>
      </c>
      <c r="DP9" s="198">
        <v>1</v>
      </c>
      <c r="DQ9" s="200">
        <v>1</v>
      </c>
      <c r="DR9" s="201">
        <v>0</v>
      </c>
      <c r="DS9" s="195">
        <v>0</v>
      </c>
      <c r="DT9" s="195">
        <v>0</v>
      </c>
      <c r="DU9" s="196">
        <v>308</v>
      </c>
      <c r="DV9" s="197">
        <v>524</v>
      </c>
      <c r="DW9" s="197">
        <v>1734</v>
      </c>
      <c r="DX9" s="197">
        <v>2438</v>
      </c>
      <c r="DY9" s="195">
        <v>1705</v>
      </c>
      <c r="DZ9" s="198">
        <v>6709</v>
      </c>
      <c r="EA9" s="200">
        <v>6709</v>
      </c>
      <c r="EB9" s="37"/>
    </row>
    <row r="10" spans="1:132" ht="20.25" customHeight="1" x14ac:dyDescent="0.2">
      <c r="A10" s="62" t="s">
        <v>14</v>
      </c>
      <c r="B10" s="194">
        <v>0</v>
      </c>
      <c r="C10" s="195">
        <v>0</v>
      </c>
      <c r="D10" s="195">
        <v>0</v>
      </c>
      <c r="E10" s="196">
        <v>12</v>
      </c>
      <c r="F10" s="197">
        <v>58</v>
      </c>
      <c r="G10" s="197">
        <v>811</v>
      </c>
      <c r="H10" s="197">
        <v>1259</v>
      </c>
      <c r="I10" s="195">
        <v>735</v>
      </c>
      <c r="J10" s="198">
        <v>2875</v>
      </c>
      <c r="K10" s="199">
        <v>2875</v>
      </c>
      <c r="L10" s="194">
        <v>0</v>
      </c>
      <c r="M10" s="195">
        <v>0</v>
      </c>
      <c r="N10" s="198">
        <v>0</v>
      </c>
      <c r="O10" s="196">
        <v>12</v>
      </c>
      <c r="P10" s="197">
        <v>57</v>
      </c>
      <c r="Q10" s="197">
        <v>807</v>
      </c>
      <c r="R10" s="197">
        <v>1252</v>
      </c>
      <c r="S10" s="195">
        <v>726</v>
      </c>
      <c r="T10" s="198">
        <v>2854</v>
      </c>
      <c r="U10" s="200">
        <v>2854</v>
      </c>
      <c r="V10" s="201">
        <v>0</v>
      </c>
      <c r="W10" s="195">
        <v>0</v>
      </c>
      <c r="X10" s="198">
        <v>0</v>
      </c>
      <c r="Y10" s="201">
        <v>0</v>
      </c>
      <c r="Z10" s="197">
        <v>1</v>
      </c>
      <c r="AA10" s="197">
        <v>4</v>
      </c>
      <c r="AB10" s="197">
        <v>7</v>
      </c>
      <c r="AC10" s="195">
        <v>9</v>
      </c>
      <c r="AD10" s="198">
        <v>21</v>
      </c>
      <c r="AE10" s="202">
        <v>21</v>
      </c>
      <c r="AF10" s="201">
        <v>0</v>
      </c>
      <c r="AG10" s="195">
        <v>0</v>
      </c>
      <c r="AH10" s="198">
        <v>0</v>
      </c>
      <c r="AI10" s="201">
        <v>89</v>
      </c>
      <c r="AJ10" s="197">
        <v>214</v>
      </c>
      <c r="AK10" s="197">
        <v>291</v>
      </c>
      <c r="AL10" s="197">
        <v>347</v>
      </c>
      <c r="AM10" s="195">
        <v>196</v>
      </c>
      <c r="AN10" s="198">
        <v>1137</v>
      </c>
      <c r="AO10" s="202">
        <v>1137</v>
      </c>
      <c r="AP10" s="201">
        <v>0</v>
      </c>
      <c r="AQ10" s="195">
        <v>0</v>
      </c>
      <c r="AR10" s="198">
        <v>0</v>
      </c>
      <c r="AS10" s="196">
        <v>87</v>
      </c>
      <c r="AT10" s="197">
        <v>213</v>
      </c>
      <c r="AU10" s="197">
        <v>287</v>
      </c>
      <c r="AV10" s="197">
        <v>342</v>
      </c>
      <c r="AW10" s="195">
        <v>191</v>
      </c>
      <c r="AX10" s="198">
        <v>1120</v>
      </c>
      <c r="AY10" s="199">
        <v>1120</v>
      </c>
      <c r="AZ10" s="194">
        <v>0</v>
      </c>
      <c r="BA10" s="195">
        <v>0</v>
      </c>
      <c r="BB10" s="195">
        <v>0</v>
      </c>
      <c r="BC10" s="196">
        <v>2</v>
      </c>
      <c r="BD10" s="197">
        <v>1</v>
      </c>
      <c r="BE10" s="197">
        <v>4</v>
      </c>
      <c r="BF10" s="197">
        <v>5</v>
      </c>
      <c r="BG10" s="195">
        <v>5</v>
      </c>
      <c r="BH10" s="198">
        <v>17</v>
      </c>
      <c r="BI10" s="200">
        <v>17</v>
      </c>
      <c r="BJ10" s="201">
        <v>0</v>
      </c>
      <c r="BK10" s="195">
        <v>0</v>
      </c>
      <c r="BL10" s="195">
        <v>0</v>
      </c>
      <c r="BM10" s="196">
        <v>0</v>
      </c>
      <c r="BN10" s="197">
        <v>1</v>
      </c>
      <c r="BO10" s="197">
        <v>2</v>
      </c>
      <c r="BP10" s="197">
        <v>25</v>
      </c>
      <c r="BQ10" s="195">
        <v>19</v>
      </c>
      <c r="BR10" s="198">
        <v>47</v>
      </c>
      <c r="BS10" s="199">
        <v>47</v>
      </c>
      <c r="BT10" s="194">
        <v>0</v>
      </c>
      <c r="BU10" s="195">
        <v>0</v>
      </c>
      <c r="BV10" s="195">
        <v>0</v>
      </c>
      <c r="BW10" s="196">
        <v>0</v>
      </c>
      <c r="BX10" s="197">
        <v>1</v>
      </c>
      <c r="BY10" s="197">
        <v>2</v>
      </c>
      <c r="BZ10" s="197">
        <v>25</v>
      </c>
      <c r="CA10" s="195">
        <v>19</v>
      </c>
      <c r="CB10" s="198">
        <v>47</v>
      </c>
      <c r="CC10" s="200">
        <v>47</v>
      </c>
      <c r="CD10" s="201">
        <v>0</v>
      </c>
      <c r="CE10" s="195">
        <v>0</v>
      </c>
      <c r="CF10" s="195">
        <v>0</v>
      </c>
      <c r="CG10" s="196">
        <v>0</v>
      </c>
      <c r="CH10" s="197">
        <v>0</v>
      </c>
      <c r="CI10" s="197">
        <v>0</v>
      </c>
      <c r="CJ10" s="197">
        <v>0</v>
      </c>
      <c r="CK10" s="195">
        <v>0</v>
      </c>
      <c r="CL10" s="198">
        <v>0</v>
      </c>
      <c r="CM10" s="200">
        <v>0</v>
      </c>
      <c r="CN10" s="201">
        <v>0</v>
      </c>
      <c r="CO10" s="195">
        <v>0</v>
      </c>
      <c r="CP10" s="195">
        <v>0</v>
      </c>
      <c r="CQ10" s="196">
        <v>0</v>
      </c>
      <c r="CR10" s="197">
        <v>0</v>
      </c>
      <c r="CS10" s="197">
        <v>6</v>
      </c>
      <c r="CT10" s="197">
        <v>73</v>
      </c>
      <c r="CU10" s="195">
        <v>73</v>
      </c>
      <c r="CV10" s="198">
        <v>152</v>
      </c>
      <c r="CW10" s="199">
        <v>152</v>
      </c>
      <c r="CX10" s="194">
        <v>0</v>
      </c>
      <c r="CY10" s="195">
        <v>0</v>
      </c>
      <c r="CZ10" s="195">
        <v>0</v>
      </c>
      <c r="DA10" s="196">
        <v>0</v>
      </c>
      <c r="DB10" s="197">
        <v>0</v>
      </c>
      <c r="DC10" s="197">
        <v>6</v>
      </c>
      <c r="DD10" s="197">
        <v>72</v>
      </c>
      <c r="DE10" s="195">
        <v>71</v>
      </c>
      <c r="DF10" s="198">
        <v>149</v>
      </c>
      <c r="DG10" s="200">
        <v>149</v>
      </c>
      <c r="DH10" s="201">
        <v>0</v>
      </c>
      <c r="DI10" s="195">
        <v>0</v>
      </c>
      <c r="DJ10" s="195">
        <v>0</v>
      </c>
      <c r="DK10" s="196">
        <v>0</v>
      </c>
      <c r="DL10" s="197">
        <v>0</v>
      </c>
      <c r="DM10" s="197">
        <v>0</v>
      </c>
      <c r="DN10" s="197">
        <v>1</v>
      </c>
      <c r="DO10" s="195">
        <v>2</v>
      </c>
      <c r="DP10" s="198">
        <v>3</v>
      </c>
      <c r="DQ10" s="200">
        <v>3</v>
      </c>
      <c r="DR10" s="201">
        <v>0</v>
      </c>
      <c r="DS10" s="195">
        <v>0</v>
      </c>
      <c r="DT10" s="195">
        <v>0</v>
      </c>
      <c r="DU10" s="196">
        <v>101</v>
      </c>
      <c r="DV10" s="197">
        <v>273</v>
      </c>
      <c r="DW10" s="197">
        <v>1108</v>
      </c>
      <c r="DX10" s="197">
        <v>1696</v>
      </c>
      <c r="DY10" s="195">
        <v>1019</v>
      </c>
      <c r="DZ10" s="198">
        <v>4197</v>
      </c>
      <c r="EA10" s="200">
        <v>4197</v>
      </c>
      <c r="EB10" s="37"/>
    </row>
    <row r="11" spans="1:132" ht="20.25" customHeight="1" x14ac:dyDescent="0.2">
      <c r="A11" s="62" t="s">
        <v>7</v>
      </c>
      <c r="B11" s="194">
        <v>0</v>
      </c>
      <c r="C11" s="195">
        <v>0</v>
      </c>
      <c r="D11" s="195">
        <v>0</v>
      </c>
      <c r="E11" s="196">
        <v>22</v>
      </c>
      <c r="F11" s="197">
        <v>53</v>
      </c>
      <c r="G11" s="197">
        <v>547</v>
      </c>
      <c r="H11" s="197">
        <v>957</v>
      </c>
      <c r="I11" s="195">
        <v>580</v>
      </c>
      <c r="J11" s="198">
        <v>2159</v>
      </c>
      <c r="K11" s="199">
        <v>2159</v>
      </c>
      <c r="L11" s="194">
        <v>0</v>
      </c>
      <c r="M11" s="195">
        <v>0</v>
      </c>
      <c r="N11" s="198">
        <v>0</v>
      </c>
      <c r="O11" s="196">
        <v>22</v>
      </c>
      <c r="P11" s="197">
        <v>53</v>
      </c>
      <c r="Q11" s="197">
        <v>541</v>
      </c>
      <c r="R11" s="197">
        <v>946</v>
      </c>
      <c r="S11" s="195">
        <v>566</v>
      </c>
      <c r="T11" s="198">
        <v>2128</v>
      </c>
      <c r="U11" s="200">
        <v>2128</v>
      </c>
      <c r="V11" s="201">
        <v>0</v>
      </c>
      <c r="W11" s="195">
        <v>0</v>
      </c>
      <c r="X11" s="198">
        <v>0</v>
      </c>
      <c r="Y11" s="201">
        <v>0</v>
      </c>
      <c r="Z11" s="197">
        <v>0</v>
      </c>
      <c r="AA11" s="197">
        <v>6</v>
      </c>
      <c r="AB11" s="197">
        <v>11</v>
      </c>
      <c r="AC11" s="195">
        <v>14</v>
      </c>
      <c r="AD11" s="198">
        <v>31</v>
      </c>
      <c r="AE11" s="202">
        <v>31</v>
      </c>
      <c r="AF11" s="201">
        <v>0</v>
      </c>
      <c r="AG11" s="195">
        <v>0</v>
      </c>
      <c r="AH11" s="198">
        <v>0</v>
      </c>
      <c r="AI11" s="201">
        <v>179</v>
      </c>
      <c r="AJ11" s="197">
        <v>230</v>
      </c>
      <c r="AK11" s="197">
        <v>235</v>
      </c>
      <c r="AL11" s="197">
        <v>292</v>
      </c>
      <c r="AM11" s="195">
        <v>130</v>
      </c>
      <c r="AN11" s="198">
        <v>1066</v>
      </c>
      <c r="AO11" s="202">
        <v>1066</v>
      </c>
      <c r="AP11" s="201">
        <v>0</v>
      </c>
      <c r="AQ11" s="195">
        <v>0</v>
      </c>
      <c r="AR11" s="198">
        <v>0</v>
      </c>
      <c r="AS11" s="196">
        <v>177</v>
      </c>
      <c r="AT11" s="197">
        <v>229</v>
      </c>
      <c r="AU11" s="197">
        <v>231</v>
      </c>
      <c r="AV11" s="197">
        <v>288</v>
      </c>
      <c r="AW11" s="195">
        <v>128</v>
      </c>
      <c r="AX11" s="198">
        <v>1053</v>
      </c>
      <c r="AY11" s="199">
        <v>1053</v>
      </c>
      <c r="AZ11" s="194">
        <v>0</v>
      </c>
      <c r="BA11" s="195">
        <v>0</v>
      </c>
      <c r="BB11" s="195">
        <v>0</v>
      </c>
      <c r="BC11" s="196">
        <v>2</v>
      </c>
      <c r="BD11" s="197">
        <v>1</v>
      </c>
      <c r="BE11" s="197">
        <v>4</v>
      </c>
      <c r="BF11" s="197">
        <v>4</v>
      </c>
      <c r="BG11" s="195">
        <v>2</v>
      </c>
      <c r="BH11" s="198">
        <v>13</v>
      </c>
      <c r="BI11" s="200">
        <v>13</v>
      </c>
      <c r="BJ11" s="201">
        <v>0</v>
      </c>
      <c r="BK11" s="195">
        <v>0</v>
      </c>
      <c r="BL11" s="195">
        <v>0</v>
      </c>
      <c r="BM11" s="196">
        <v>0</v>
      </c>
      <c r="BN11" s="197">
        <v>0</v>
      </c>
      <c r="BO11" s="197">
        <v>0</v>
      </c>
      <c r="BP11" s="197">
        <v>3</v>
      </c>
      <c r="BQ11" s="195">
        <v>4</v>
      </c>
      <c r="BR11" s="198">
        <v>7</v>
      </c>
      <c r="BS11" s="199">
        <v>7</v>
      </c>
      <c r="BT11" s="194">
        <v>0</v>
      </c>
      <c r="BU11" s="195">
        <v>0</v>
      </c>
      <c r="BV11" s="195">
        <v>0</v>
      </c>
      <c r="BW11" s="196">
        <v>0</v>
      </c>
      <c r="BX11" s="197">
        <v>0</v>
      </c>
      <c r="BY11" s="197">
        <v>0</v>
      </c>
      <c r="BZ11" s="197">
        <v>3</v>
      </c>
      <c r="CA11" s="195">
        <v>4</v>
      </c>
      <c r="CB11" s="198">
        <v>7</v>
      </c>
      <c r="CC11" s="200">
        <v>7</v>
      </c>
      <c r="CD11" s="201">
        <v>0</v>
      </c>
      <c r="CE11" s="195">
        <v>0</v>
      </c>
      <c r="CF11" s="195">
        <v>0</v>
      </c>
      <c r="CG11" s="196">
        <v>0</v>
      </c>
      <c r="CH11" s="197">
        <v>0</v>
      </c>
      <c r="CI11" s="197">
        <v>0</v>
      </c>
      <c r="CJ11" s="197">
        <v>0</v>
      </c>
      <c r="CK11" s="195">
        <v>0</v>
      </c>
      <c r="CL11" s="198">
        <v>0</v>
      </c>
      <c r="CM11" s="200">
        <v>0</v>
      </c>
      <c r="CN11" s="201">
        <v>0</v>
      </c>
      <c r="CO11" s="195">
        <v>0</v>
      </c>
      <c r="CP11" s="195">
        <v>0</v>
      </c>
      <c r="CQ11" s="196">
        <v>0</v>
      </c>
      <c r="CR11" s="197">
        <v>1</v>
      </c>
      <c r="CS11" s="197">
        <v>3</v>
      </c>
      <c r="CT11" s="197">
        <v>0</v>
      </c>
      <c r="CU11" s="195">
        <v>4</v>
      </c>
      <c r="CV11" s="198">
        <v>8</v>
      </c>
      <c r="CW11" s="199">
        <v>8</v>
      </c>
      <c r="CX11" s="194">
        <v>0</v>
      </c>
      <c r="CY11" s="195">
        <v>0</v>
      </c>
      <c r="CZ11" s="195">
        <v>0</v>
      </c>
      <c r="DA11" s="196">
        <v>0</v>
      </c>
      <c r="DB11" s="197">
        <v>1</v>
      </c>
      <c r="DC11" s="197">
        <v>3</v>
      </c>
      <c r="DD11" s="197">
        <v>0</v>
      </c>
      <c r="DE11" s="195">
        <v>4</v>
      </c>
      <c r="DF11" s="198">
        <v>8</v>
      </c>
      <c r="DG11" s="200">
        <v>8</v>
      </c>
      <c r="DH11" s="201">
        <v>0</v>
      </c>
      <c r="DI11" s="195">
        <v>0</v>
      </c>
      <c r="DJ11" s="195">
        <v>0</v>
      </c>
      <c r="DK11" s="196">
        <v>0</v>
      </c>
      <c r="DL11" s="197">
        <v>0</v>
      </c>
      <c r="DM11" s="197">
        <v>0</v>
      </c>
      <c r="DN11" s="197">
        <v>0</v>
      </c>
      <c r="DO11" s="195">
        <v>0</v>
      </c>
      <c r="DP11" s="198">
        <v>0</v>
      </c>
      <c r="DQ11" s="200">
        <v>0</v>
      </c>
      <c r="DR11" s="201">
        <v>0</v>
      </c>
      <c r="DS11" s="195">
        <v>0</v>
      </c>
      <c r="DT11" s="195">
        <v>0</v>
      </c>
      <c r="DU11" s="196">
        <v>201</v>
      </c>
      <c r="DV11" s="197">
        <v>284</v>
      </c>
      <c r="DW11" s="197">
        <v>783</v>
      </c>
      <c r="DX11" s="197">
        <v>1247</v>
      </c>
      <c r="DY11" s="195">
        <v>717</v>
      </c>
      <c r="DZ11" s="198">
        <v>3232</v>
      </c>
      <c r="EA11" s="200">
        <v>3232</v>
      </c>
      <c r="EB11" s="37"/>
    </row>
    <row r="12" spans="1:132" ht="20.25" customHeight="1" x14ac:dyDescent="0.2">
      <c r="A12" s="62" t="s">
        <v>8</v>
      </c>
      <c r="B12" s="194">
        <v>0</v>
      </c>
      <c r="C12" s="195">
        <v>0</v>
      </c>
      <c r="D12" s="195">
        <v>0</v>
      </c>
      <c r="E12" s="196">
        <v>26</v>
      </c>
      <c r="F12" s="197">
        <v>61</v>
      </c>
      <c r="G12" s="197">
        <v>348</v>
      </c>
      <c r="H12" s="197">
        <v>392</v>
      </c>
      <c r="I12" s="195">
        <v>237</v>
      </c>
      <c r="J12" s="198">
        <v>1064</v>
      </c>
      <c r="K12" s="199">
        <v>1064</v>
      </c>
      <c r="L12" s="194">
        <v>0</v>
      </c>
      <c r="M12" s="195">
        <v>0</v>
      </c>
      <c r="N12" s="198">
        <v>0</v>
      </c>
      <c r="O12" s="196">
        <v>26</v>
      </c>
      <c r="P12" s="197">
        <v>61</v>
      </c>
      <c r="Q12" s="197">
        <v>345</v>
      </c>
      <c r="R12" s="197">
        <v>389</v>
      </c>
      <c r="S12" s="195">
        <v>235</v>
      </c>
      <c r="T12" s="198">
        <v>1056</v>
      </c>
      <c r="U12" s="200">
        <v>1056</v>
      </c>
      <c r="V12" s="201">
        <v>0</v>
      </c>
      <c r="W12" s="195">
        <v>0</v>
      </c>
      <c r="X12" s="198">
        <v>0</v>
      </c>
      <c r="Y12" s="201">
        <v>0</v>
      </c>
      <c r="Z12" s="197">
        <v>0</v>
      </c>
      <c r="AA12" s="197">
        <v>3</v>
      </c>
      <c r="AB12" s="197">
        <v>3</v>
      </c>
      <c r="AC12" s="195">
        <v>2</v>
      </c>
      <c r="AD12" s="198">
        <v>8</v>
      </c>
      <c r="AE12" s="202">
        <v>8</v>
      </c>
      <c r="AF12" s="201">
        <v>0</v>
      </c>
      <c r="AG12" s="195">
        <v>0</v>
      </c>
      <c r="AH12" s="198">
        <v>0</v>
      </c>
      <c r="AI12" s="201">
        <v>50</v>
      </c>
      <c r="AJ12" s="197">
        <v>103</v>
      </c>
      <c r="AK12" s="197">
        <v>156</v>
      </c>
      <c r="AL12" s="197">
        <v>137</v>
      </c>
      <c r="AM12" s="195">
        <v>62</v>
      </c>
      <c r="AN12" s="198">
        <v>508</v>
      </c>
      <c r="AO12" s="202">
        <v>508</v>
      </c>
      <c r="AP12" s="201">
        <v>0</v>
      </c>
      <c r="AQ12" s="195">
        <v>0</v>
      </c>
      <c r="AR12" s="198">
        <v>0</v>
      </c>
      <c r="AS12" s="196">
        <v>49</v>
      </c>
      <c r="AT12" s="197">
        <v>100</v>
      </c>
      <c r="AU12" s="197">
        <v>150</v>
      </c>
      <c r="AV12" s="197">
        <v>134</v>
      </c>
      <c r="AW12" s="195">
        <v>60</v>
      </c>
      <c r="AX12" s="198">
        <v>493</v>
      </c>
      <c r="AY12" s="199">
        <v>493</v>
      </c>
      <c r="AZ12" s="194">
        <v>0</v>
      </c>
      <c r="BA12" s="195">
        <v>0</v>
      </c>
      <c r="BB12" s="195">
        <v>0</v>
      </c>
      <c r="BC12" s="196">
        <v>1</v>
      </c>
      <c r="BD12" s="197">
        <v>3</v>
      </c>
      <c r="BE12" s="197">
        <v>6</v>
      </c>
      <c r="BF12" s="197">
        <v>3</v>
      </c>
      <c r="BG12" s="195">
        <v>2</v>
      </c>
      <c r="BH12" s="198">
        <v>15</v>
      </c>
      <c r="BI12" s="200">
        <v>15</v>
      </c>
      <c r="BJ12" s="201">
        <v>0</v>
      </c>
      <c r="BK12" s="195">
        <v>0</v>
      </c>
      <c r="BL12" s="195">
        <v>0</v>
      </c>
      <c r="BM12" s="196">
        <v>0</v>
      </c>
      <c r="BN12" s="197">
        <v>0</v>
      </c>
      <c r="BO12" s="197">
        <v>0</v>
      </c>
      <c r="BP12" s="197">
        <v>4</v>
      </c>
      <c r="BQ12" s="195">
        <v>3</v>
      </c>
      <c r="BR12" s="198">
        <v>7</v>
      </c>
      <c r="BS12" s="199">
        <v>7</v>
      </c>
      <c r="BT12" s="194">
        <v>0</v>
      </c>
      <c r="BU12" s="195">
        <v>0</v>
      </c>
      <c r="BV12" s="195">
        <v>0</v>
      </c>
      <c r="BW12" s="196">
        <v>0</v>
      </c>
      <c r="BX12" s="197">
        <v>0</v>
      </c>
      <c r="BY12" s="197">
        <v>0</v>
      </c>
      <c r="BZ12" s="197">
        <v>4</v>
      </c>
      <c r="CA12" s="195">
        <v>3</v>
      </c>
      <c r="CB12" s="198">
        <v>7</v>
      </c>
      <c r="CC12" s="200">
        <v>7</v>
      </c>
      <c r="CD12" s="201">
        <v>0</v>
      </c>
      <c r="CE12" s="195">
        <v>0</v>
      </c>
      <c r="CF12" s="195">
        <v>0</v>
      </c>
      <c r="CG12" s="196">
        <v>0</v>
      </c>
      <c r="CH12" s="197">
        <v>0</v>
      </c>
      <c r="CI12" s="197">
        <v>0</v>
      </c>
      <c r="CJ12" s="197">
        <v>0</v>
      </c>
      <c r="CK12" s="195">
        <v>0</v>
      </c>
      <c r="CL12" s="198">
        <v>0</v>
      </c>
      <c r="CM12" s="200">
        <v>0</v>
      </c>
      <c r="CN12" s="201">
        <v>0</v>
      </c>
      <c r="CO12" s="195">
        <v>0</v>
      </c>
      <c r="CP12" s="195">
        <v>0</v>
      </c>
      <c r="CQ12" s="196">
        <v>1</v>
      </c>
      <c r="CR12" s="197">
        <v>0</v>
      </c>
      <c r="CS12" s="197">
        <v>1</v>
      </c>
      <c r="CT12" s="197">
        <v>9</v>
      </c>
      <c r="CU12" s="195">
        <v>5</v>
      </c>
      <c r="CV12" s="198">
        <v>16</v>
      </c>
      <c r="CW12" s="199">
        <v>16</v>
      </c>
      <c r="CX12" s="194">
        <v>0</v>
      </c>
      <c r="CY12" s="195">
        <v>0</v>
      </c>
      <c r="CZ12" s="195">
        <v>0</v>
      </c>
      <c r="DA12" s="196">
        <v>1</v>
      </c>
      <c r="DB12" s="197">
        <v>0</v>
      </c>
      <c r="DC12" s="197">
        <v>1</v>
      </c>
      <c r="DD12" s="197">
        <v>9</v>
      </c>
      <c r="DE12" s="195">
        <v>5</v>
      </c>
      <c r="DF12" s="198">
        <v>16</v>
      </c>
      <c r="DG12" s="200">
        <v>16</v>
      </c>
      <c r="DH12" s="201">
        <v>0</v>
      </c>
      <c r="DI12" s="195">
        <v>0</v>
      </c>
      <c r="DJ12" s="195">
        <v>0</v>
      </c>
      <c r="DK12" s="196">
        <v>0</v>
      </c>
      <c r="DL12" s="197">
        <v>0</v>
      </c>
      <c r="DM12" s="197">
        <v>0</v>
      </c>
      <c r="DN12" s="197">
        <v>0</v>
      </c>
      <c r="DO12" s="195">
        <v>0</v>
      </c>
      <c r="DP12" s="198">
        <v>0</v>
      </c>
      <c r="DQ12" s="200">
        <v>0</v>
      </c>
      <c r="DR12" s="201">
        <v>0</v>
      </c>
      <c r="DS12" s="195">
        <v>0</v>
      </c>
      <c r="DT12" s="195">
        <v>0</v>
      </c>
      <c r="DU12" s="196">
        <v>77</v>
      </c>
      <c r="DV12" s="197">
        <v>164</v>
      </c>
      <c r="DW12" s="197">
        <v>505</v>
      </c>
      <c r="DX12" s="197">
        <v>542</v>
      </c>
      <c r="DY12" s="195">
        <v>307</v>
      </c>
      <c r="DZ12" s="198">
        <v>1595</v>
      </c>
      <c r="EA12" s="200">
        <v>1595</v>
      </c>
      <c r="EB12" s="37"/>
    </row>
    <row r="13" spans="1:132" ht="20.25" customHeight="1" x14ac:dyDescent="0.2">
      <c r="A13" s="62" t="s">
        <v>9</v>
      </c>
      <c r="B13" s="194">
        <v>0</v>
      </c>
      <c r="C13" s="195">
        <v>0</v>
      </c>
      <c r="D13" s="195">
        <v>0</v>
      </c>
      <c r="E13" s="196">
        <v>6</v>
      </c>
      <c r="F13" s="197">
        <v>3</v>
      </c>
      <c r="G13" s="197">
        <v>196</v>
      </c>
      <c r="H13" s="197">
        <v>376</v>
      </c>
      <c r="I13" s="195">
        <v>285</v>
      </c>
      <c r="J13" s="198">
        <v>866</v>
      </c>
      <c r="K13" s="199">
        <v>866</v>
      </c>
      <c r="L13" s="194">
        <v>0</v>
      </c>
      <c r="M13" s="195">
        <v>0</v>
      </c>
      <c r="N13" s="198">
        <v>0</v>
      </c>
      <c r="O13" s="196">
        <v>6</v>
      </c>
      <c r="P13" s="197">
        <v>3</v>
      </c>
      <c r="Q13" s="197">
        <v>196</v>
      </c>
      <c r="R13" s="197">
        <v>372</v>
      </c>
      <c r="S13" s="195">
        <v>283</v>
      </c>
      <c r="T13" s="198">
        <v>860</v>
      </c>
      <c r="U13" s="200">
        <v>860</v>
      </c>
      <c r="V13" s="201">
        <v>0</v>
      </c>
      <c r="W13" s="195">
        <v>0</v>
      </c>
      <c r="X13" s="198">
        <v>0</v>
      </c>
      <c r="Y13" s="201">
        <v>0</v>
      </c>
      <c r="Z13" s="197">
        <v>0</v>
      </c>
      <c r="AA13" s="197">
        <v>0</v>
      </c>
      <c r="AB13" s="197">
        <v>4</v>
      </c>
      <c r="AC13" s="195">
        <v>2</v>
      </c>
      <c r="AD13" s="198">
        <v>6</v>
      </c>
      <c r="AE13" s="202">
        <v>6</v>
      </c>
      <c r="AF13" s="201">
        <v>0</v>
      </c>
      <c r="AG13" s="195">
        <v>0</v>
      </c>
      <c r="AH13" s="198">
        <v>0</v>
      </c>
      <c r="AI13" s="201">
        <v>29</v>
      </c>
      <c r="AJ13" s="197">
        <v>65</v>
      </c>
      <c r="AK13" s="197">
        <v>98</v>
      </c>
      <c r="AL13" s="197">
        <v>119</v>
      </c>
      <c r="AM13" s="195">
        <v>62</v>
      </c>
      <c r="AN13" s="198">
        <v>373</v>
      </c>
      <c r="AO13" s="202">
        <v>373</v>
      </c>
      <c r="AP13" s="201">
        <v>0</v>
      </c>
      <c r="AQ13" s="195">
        <v>0</v>
      </c>
      <c r="AR13" s="198">
        <v>0</v>
      </c>
      <c r="AS13" s="196">
        <v>29</v>
      </c>
      <c r="AT13" s="197">
        <v>65</v>
      </c>
      <c r="AU13" s="197">
        <v>96</v>
      </c>
      <c r="AV13" s="197">
        <v>117</v>
      </c>
      <c r="AW13" s="195">
        <v>60</v>
      </c>
      <c r="AX13" s="198">
        <v>367</v>
      </c>
      <c r="AY13" s="199">
        <v>367</v>
      </c>
      <c r="AZ13" s="194">
        <v>0</v>
      </c>
      <c r="BA13" s="195">
        <v>0</v>
      </c>
      <c r="BB13" s="195">
        <v>0</v>
      </c>
      <c r="BC13" s="196">
        <v>0</v>
      </c>
      <c r="BD13" s="197">
        <v>0</v>
      </c>
      <c r="BE13" s="197">
        <v>2</v>
      </c>
      <c r="BF13" s="197">
        <v>2</v>
      </c>
      <c r="BG13" s="195">
        <v>2</v>
      </c>
      <c r="BH13" s="198">
        <v>6</v>
      </c>
      <c r="BI13" s="200">
        <v>6</v>
      </c>
      <c r="BJ13" s="201">
        <v>0</v>
      </c>
      <c r="BK13" s="195">
        <v>0</v>
      </c>
      <c r="BL13" s="195">
        <v>0</v>
      </c>
      <c r="BM13" s="196">
        <v>0</v>
      </c>
      <c r="BN13" s="197">
        <v>0</v>
      </c>
      <c r="BO13" s="197">
        <v>0</v>
      </c>
      <c r="BP13" s="197">
        <v>3</v>
      </c>
      <c r="BQ13" s="195">
        <v>2</v>
      </c>
      <c r="BR13" s="198">
        <v>5</v>
      </c>
      <c r="BS13" s="199">
        <v>5</v>
      </c>
      <c r="BT13" s="194">
        <v>0</v>
      </c>
      <c r="BU13" s="195">
        <v>0</v>
      </c>
      <c r="BV13" s="195">
        <v>0</v>
      </c>
      <c r="BW13" s="196">
        <v>0</v>
      </c>
      <c r="BX13" s="197">
        <v>0</v>
      </c>
      <c r="BY13" s="197">
        <v>0</v>
      </c>
      <c r="BZ13" s="197">
        <v>3</v>
      </c>
      <c r="CA13" s="195">
        <v>2</v>
      </c>
      <c r="CB13" s="198">
        <v>5</v>
      </c>
      <c r="CC13" s="200">
        <v>5</v>
      </c>
      <c r="CD13" s="201">
        <v>0</v>
      </c>
      <c r="CE13" s="195">
        <v>0</v>
      </c>
      <c r="CF13" s="195">
        <v>0</v>
      </c>
      <c r="CG13" s="196">
        <v>0</v>
      </c>
      <c r="CH13" s="197">
        <v>0</v>
      </c>
      <c r="CI13" s="197">
        <v>0</v>
      </c>
      <c r="CJ13" s="197">
        <v>0</v>
      </c>
      <c r="CK13" s="195">
        <v>0</v>
      </c>
      <c r="CL13" s="198">
        <v>0</v>
      </c>
      <c r="CM13" s="200">
        <v>0</v>
      </c>
      <c r="CN13" s="201">
        <v>0</v>
      </c>
      <c r="CO13" s="195">
        <v>0</v>
      </c>
      <c r="CP13" s="195">
        <v>0</v>
      </c>
      <c r="CQ13" s="196">
        <v>0</v>
      </c>
      <c r="CR13" s="197">
        <v>0</v>
      </c>
      <c r="CS13" s="197">
        <v>2</v>
      </c>
      <c r="CT13" s="197">
        <v>1</v>
      </c>
      <c r="CU13" s="195">
        <v>6</v>
      </c>
      <c r="CV13" s="198">
        <v>9</v>
      </c>
      <c r="CW13" s="199">
        <v>9</v>
      </c>
      <c r="CX13" s="194">
        <v>0</v>
      </c>
      <c r="CY13" s="195">
        <v>0</v>
      </c>
      <c r="CZ13" s="195">
        <v>0</v>
      </c>
      <c r="DA13" s="196">
        <v>0</v>
      </c>
      <c r="DB13" s="197">
        <v>0</v>
      </c>
      <c r="DC13" s="197">
        <v>2</v>
      </c>
      <c r="DD13" s="197">
        <v>1</v>
      </c>
      <c r="DE13" s="195">
        <v>6</v>
      </c>
      <c r="DF13" s="198">
        <v>9</v>
      </c>
      <c r="DG13" s="200">
        <v>9</v>
      </c>
      <c r="DH13" s="201">
        <v>0</v>
      </c>
      <c r="DI13" s="195">
        <v>0</v>
      </c>
      <c r="DJ13" s="195">
        <v>0</v>
      </c>
      <c r="DK13" s="196">
        <v>0</v>
      </c>
      <c r="DL13" s="197">
        <v>0</v>
      </c>
      <c r="DM13" s="197">
        <v>0</v>
      </c>
      <c r="DN13" s="197">
        <v>0</v>
      </c>
      <c r="DO13" s="195">
        <v>0</v>
      </c>
      <c r="DP13" s="198">
        <v>0</v>
      </c>
      <c r="DQ13" s="200">
        <v>0</v>
      </c>
      <c r="DR13" s="201">
        <v>0</v>
      </c>
      <c r="DS13" s="195">
        <v>0</v>
      </c>
      <c r="DT13" s="195">
        <v>0</v>
      </c>
      <c r="DU13" s="196">
        <v>35</v>
      </c>
      <c r="DV13" s="197">
        <v>68</v>
      </c>
      <c r="DW13" s="197">
        <v>296</v>
      </c>
      <c r="DX13" s="197">
        <v>499</v>
      </c>
      <c r="DY13" s="195">
        <v>352</v>
      </c>
      <c r="DZ13" s="198">
        <v>1250</v>
      </c>
      <c r="EA13" s="200">
        <v>1250</v>
      </c>
      <c r="EB13" s="37"/>
    </row>
    <row r="14" spans="1:132" ht="20.25" customHeight="1" x14ac:dyDescent="0.2">
      <c r="A14" s="62" t="s">
        <v>10</v>
      </c>
      <c r="B14" s="194">
        <v>0</v>
      </c>
      <c r="C14" s="195">
        <v>0</v>
      </c>
      <c r="D14" s="195">
        <v>0</v>
      </c>
      <c r="E14" s="196">
        <v>18</v>
      </c>
      <c r="F14" s="197">
        <v>48</v>
      </c>
      <c r="G14" s="197">
        <v>379</v>
      </c>
      <c r="H14" s="197">
        <v>524</v>
      </c>
      <c r="I14" s="195">
        <v>455</v>
      </c>
      <c r="J14" s="198">
        <v>1424</v>
      </c>
      <c r="K14" s="199">
        <v>1424</v>
      </c>
      <c r="L14" s="194">
        <v>0</v>
      </c>
      <c r="M14" s="195">
        <v>0</v>
      </c>
      <c r="N14" s="198">
        <v>0</v>
      </c>
      <c r="O14" s="196">
        <v>18</v>
      </c>
      <c r="P14" s="197">
        <v>48</v>
      </c>
      <c r="Q14" s="197">
        <v>376</v>
      </c>
      <c r="R14" s="197">
        <v>521</v>
      </c>
      <c r="S14" s="195">
        <v>448</v>
      </c>
      <c r="T14" s="198">
        <v>1411</v>
      </c>
      <c r="U14" s="200">
        <v>1411</v>
      </c>
      <c r="V14" s="201">
        <v>0</v>
      </c>
      <c r="W14" s="195">
        <v>0</v>
      </c>
      <c r="X14" s="198">
        <v>0</v>
      </c>
      <c r="Y14" s="201">
        <v>0</v>
      </c>
      <c r="Z14" s="197">
        <v>0</v>
      </c>
      <c r="AA14" s="197">
        <v>3</v>
      </c>
      <c r="AB14" s="197">
        <v>3</v>
      </c>
      <c r="AC14" s="195">
        <v>7</v>
      </c>
      <c r="AD14" s="198">
        <v>13</v>
      </c>
      <c r="AE14" s="202">
        <v>13</v>
      </c>
      <c r="AF14" s="201">
        <v>0</v>
      </c>
      <c r="AG14" s="195">
        <v>0</v>
      </c>
      <c r="AH14" s="198">
        <v>0</v>
      </c>
      <c r="AI14" s="201">
        <v>101</v>
      </c>
      <c r="AJ14" s="197">
        <v>133</v>
      </c>
      <c r="AK14" s="197">
        <v>155</v>
      </c>
      <c r="AL14" s="197">
        <v>165</v>
      </c>
      <c r="AM14" s="195">
        <v>108</v>
      </c>
      <c r="AN14" s="198">
        <v>662</v>
      </c>
      <c r="AO14" s="202">
        <v>662</v>
      </c>
      <c r="AP14" s="201">
        <v>0</v>
      </c>
      <c r="AQ14" s="195">
        <v>0</v>
      </c>
      <c r="AR14" s="198">
        <v>0</v>
      </c>
      <c r="AS14" s="196">
        <v>100</v>
      </c>
      <c r="AT14" s="197">
        <v>130</v>
      </c>
      <c r="AU14" s="197">
        <v>154</v>
      </c>
      <c r="AV14" s="197">
        <v>161</v>
      </c>
      <c r="AW14" s="195">
        <v>102</v>
      </c>
      <c r="AX14" s="198">
        <v>647</v>
      </c>
      <c r="AY14" s="199">
        <v>647</v>
      </c>
      <c r="AZ14" s="194">
        <v>0</v>
      </c>
      <c r="BA14" s="195">
        <v>0</v>
      </c>
      <c r="BB14" s="195">
        <v>0</v>
      </c>
      <c r="BC14" s="196">
        <v>1</v>
      </c>
      <c r="BD14" s="197">
        <v>3</v>
      </c>
      <c r="BE14" s="197">
        <v>1</v>
      </c>
      <c r="BF14" s="197">
        <v>4</v>
      </c>
      <c r="BG14" s="195">
        <v>6</v>
      </c>
      <c r="BH14" s="198">
        <v>15</v>
      </c>
      <c r="BI14" s="200">
        <v>15</v>
      </c>
      <c r="BJ14" s="201">
        <v>0</v>
      </c>
      <c r="BK14" s="195">
        <v>0</v>
      </c>
      <c r="BL14" s="195">
        <v>0</v>
      </c>
      <c r="BM14" s="196">
        <v>0</v>
      </c>
      <c r="BN14" s="197">
        <v>0</v>
      </c>
      <c r="BO14" s="197">
        <v>0</v>
      </c>
      <c r="BP14" s="197">
        <v>2</v>
      </c>
      <c r="BQ14" s="195">
        <v>10</v>
      </c>
      <c r="BR14" s="198">
        <v>12</v>
      </c>
      <c r="BS14" s="199">
        <v>12</v>
      </c>
      <c r="BT14" s="194">
        <v>0</v>
      </c>
      <c r="BU14" s="195">
        <v>0</v>
      </c>
      <c r="BV14" s="195">
        <v>0</v>
      </c>
      <c r="BW14" s="196">
        <v>0</v>
      </c>
      <c r="BX14" s="197">
        <v>0</v>
      </c>
      <c r="BY14" s="197">
        <v>0</v>
      </c>
      <c r="BZ14" s="197">
        <v>2</v>
      </c>
      <c r="CA14" s="195">
        <v>10</v>
      </c>
      <c r="CB14" s="198">
        <v>12</v>
      </c>
      <c r="CC14" s="200">
        <v>12</v>
      </c>
      <c r="CD14" s="201">
        <v>0</v>
      </c>
      <c r="CE14" s="195">
        <v>0</v>
      </c>
      <c r="CF14" s="195">
        <v>0</v>
      </c>
      <c r="CG14" s="196">
        <v>0</v>
      </c>
      <c r="CH14" s="197">
        <v>0</v>
      </c>
      <c r="CI14" s="197">
        <v>0</v>
      </c>
      <c r="CJ14" s="197">
        <v>0</v>
      </c>
      <c r="CK14" s="195">
        <v>0</v>
      </c>
      <c r="CL14" s="198">
        <v>0</v>
      </c>
      <c r="CM14" s="200">
        <v>0</v>
      </c>
      <c r="CN14" s="201">
        <v>0</v>
      </c>
      <c r="CO14" s="195">
        <v>0</v>
      </c>
      <c r="CP14" s="195">
        <v>0</v>
      </c>
      <c r="CQ14" s="196">
        <v>1</v>
      </c>
      <c r="CR14" s="197">
        <v>0</v>
      </c>
      <c r="CS14" s="197">
        <v>3</v>
      </c>
      <c r="CT14" s="197">
        <v>3</v>
      </c>
      <c r="CU14" s="195">
        <v>29</v>
      </c>
      <c r="CV14" s="198">
        <v>36</v>
      </c>
      <c r="CW14" s="199">
        <v>36</v>
      </c>
      <c r="CX14" s="194">
        <v>0</v>
      </c>
      <c r="CY14" s="195">
        <v>0</v>
      </c>
      <c r="CZ14" s="195">
        <v>0</v>
      </c>
      <c r="DA14" s="196">
        <v>1</v>
      </c>
      <c r="DB14" s="197">
        <v>0</v>
      </c>
      <c r="DC14" s="197">
        <v>3</v>
      </c>
      <c r="DD14" s="197">
        <v>3</v>
      </c>
      <c r="DE14" s="195">
        <v>29</v>
      </c>
      <c r="DF14" s="198">
        <v>36</v>
      </c>
      <c r="DG14" s="200">
        <v>36</v>
      </c>
      <c r="DH14" s="201">
        <v>0</v>
      </c>
      <c r="DI14" s="195">
        <v>0</v>
      </c>
      <c r="DJ14" s="195">
        <v>0</v>
      </c>
      <c r="DK14" s="196">
        <v>0</v>
      </c>
      <c r="DL14" s="197">
        <v>0</v>
      </c>
      <c r="DM14" s="197">
        <v>0</v>
      </c>
      <c r="DN14" s="197">
        <v>0</v>
      </c>
      <c r="DO14" s="195">
        <v>0</v>
      </c>
      <c r="DP14" s="198">
        <v>0</v>
      </c>
      <c r="DQ14" s="200">
        <v>0</v>
      </c>
      <c r="DR14" s="201">
        <v>0</v>
      </c>
      <c r="DS14" s="195">
        <v>0</v>
      </c>
      <c r="DT14" s="195">
        <v>0</v>
      </c>
      <c r="DU14" s="196">
        <v>120</v>
      </c>
      <c r="DV14" s="197">
        <v>181</v>
      </c>
      <c r="DW14" s="197">
        <v>536</v>
      </c>
      <c r="DX14" s="197">
        <v>691</v>
      </c>
      <c r="DY14" s="195">
        <v>600</v>
      </c>
      <c r="DZ14" s="198">
        <v>2128</v>
      </c>
      <c r="EA14" s="200">
        <v>2128</v>
      </c>
      <c r="EB14" s="37"/>
    </row>
    <row r="15" spans="1:132" ht="20.25" customHeight="1" x14ac:dyDescent="0.2">
      <c r="A15" s="62" t="s">
        <v>11</v>
      </c>
      <c r="B15" s="194">
        <v>0</v>
      </c>
      <c r="C15" s="195">
        <v>0</v>
      </c>
      <c r="D15" s="195">
        <v>0</v>
      </c>
      <c r="E15" s="196">
        <v>2</v>
      </c>
      <c r="F15" s="197">
        <v>7</v>
      </c>
      <c r="G15" s="197">
        <v>218</v>
      </c>
      <c r="H15" s="197">
        <v>347</v>
      </c>
      <c r="I15" s="195">
        <v>181</v>
      </c>
      <c r="J15" s="198">
        <v>755</v>
      </c>
      <c r="K15" s="199">
        <v>755</v>
      </c>
      <c r="L15" s="194">
        <v>0</v>
      </c>
      <c r="M15" s="195">
        <v>0</v>
      </c>
      <c r="N15" s="198">
        <v>0</v>
      </c>
      <c r="O15" s="196">
        <v>2</v>
      </c>
      <c r="P15" s="197">
        <v>7</v>
      </c>
      <c r="Q15" s="197">
        <v>218</v>
      </c>
      <c r="R15" s="197">
        <v>345</v>
      </c>
      <c r="S15" s="195">
        <v>180</v>
      </c>
      <c r="T15" s="198">
        <v>752</v>
      </c>
      <c r="U15" s="200">
        <v>752</v>
      </c>
      <c r="V15" s="201">
        <v>0</v>
      </c>
      <c r="W15" s="195">
        <v>0</v>
      </c>
      <c r="X15" s="198">
        <v>0</v>
      </c>
      <c r="Y15" s="201">
        <v>0</v>
      </c>
      <c r="Z15" s="197">
        <v>0</v>
      </c>
      <c r="AA15" s="197">
        <v>0</v>
      </c>
      <c r="AB15" s="197">
        <v>2</v>
      </c>
      <c r="AC15" s="195">
        <v>1</v>
      </c>
      <c r="AD15" s="198">
        <v>3</v>
      </c>
      <c r="AE15" s="202">
        <v>3</v>
      </c>
      <c r="AF15" s="201">
        <v>0</v>
      </c>
      <c r="AG15" s="195">
        <v>0</v>
      </c>
      <c r="AH15" s="198">
        <v>0</v>
      </c>
      <c r="AI15" s="201">
        <v>81</v>
      </c>
      <c r="AJ15" s="197">
        <v>93</v>
      </c>
      <c r="AK15" s="197">
        <v>134</v>
      </c>
      <c r="AL15" s="197">
        <v>152</v>
      </c>
      <c r="AM15" s="195">
        <v>63</v>
      </c>
      <c r="AN15" s="198">
        <v>523</v>
      </c>
      <c r="AO15" s="202">
        <v>523</v>
      </c>
      <c r="AP15" s="201">
        <v>0</v>
      </c>
      <c r="AQ15" s="195">
        <v>0</v>
      </c>
      <c r="AR15" s="198">
        <v>0</v>
      </c>
      <c r="AS15" s="196">
        <v>78</v>
      </c>
      <c r="AT15" s="197">
        <v>91</v>
      </c>
      <c r="AU15" s="197">
        <v>132</v>
      </c>
      <c r="AV15" s="197">
        <v>150</v>
      </c>
      <c r="AW15" s="195">
        <v>63</v>
      </c>
      <c r="AX15" s="198">
        <v>514</v>
      </c>
      <c r="AY15" s="199">
        <v>514</v>
      </c>
      <c r="AZ15" s="194">
        <v>0</v>
      </c>
      <c r="BA15" s="195">
        <v>0</v>
      </c>
      <c r="BB15" s="195">
        <v>0</v>
      </c>
      <c r="BC15" s="196">
        <v>3</v>
      </c>
      <c r="BD15" s="197">
        <v>2</v>
      </c>
      <c r="BE15" s="197">
        <v>2</v>
      </c>
      <c r="BF15" s="197">
        <v>2</v>
      </c>
      <c r="BG15" s="195">
        <v>0</v>
      </c>
      <c r="BH15" s="198">
        <v>9</v>
      </c>
      <c r="BI15" s="200">
        <v>9</v>
      </c>
      <c r="BJ15" s="201">
        <v>0</v>
      </c>
      <c r="BK15" s="195">
        <v>0</v>
      </c>
      <c r="BL15" s="195">
        <v>0</v>
      </c>
      <c r="BM15" s="196">
        <v>0</v>
      </c>
      <c r="BN15" s="197">
        <v>0</v>
      </c>
      <c r="BO15" s="197">
        <v>0</v>
      </c>
      <c r="BP15" s="197">
        <v>0</v>
      </c>
      <c r="BQ15" s="195">
        <v>1</v>
      </c>
      <c r="BR15" s="198">
        <v>1</v>
      </c>
      <c r="BS15" s="199">
        <v>1</v>
      </c>
      <c r="BT15" s="194">
        <v>0</v>
      </c>
      <c r="BU15" s="195">
        <v>0</v>
      </c>
      <c r="BV15" s="195">
        <v>0</v>
      </c>
      <c r="BW15" s="196">
        <v>0</v>
      </c>
      <c r="BX15" s="197">
        <v>0</v>
      </c>
      <c r="BY15" s="197">
        <v>0</v>
      </c>
      <c r="BZ15" s="197">
        <v>0</v>
      </c>
      <c r="CA15" s="195">
        <v>1</v>
      </c>
      <c r="CB15" s="198">
        <v>1</v>
      </c>
      <c r="CC15" s="200">
        <v>1</v>
      </c>
      <c r="CD15" s="201">
        <v>0</v>
      </c>
      <c r="CE15" s="195">
        <v>0</v>
      </c>
      <c r="CF15" s="195">
        <v>0</v>
      </c>
      <c r="CG15" s="196">
        <v>0</v>
      </c>
      <c r="CH15" s="197">
        <v>0</v>
      </c>
      <c r="CI15" s="197">
        <v>0</v>
      </c>
      <c r="CJ15" s="197">
        <v>0</v>
      </c>
      <c r="CK15" s="195">
        <v>0</v>
      </c>
      <c r="CL15" s="198">
        <v>0</v>
      </c>
      <c r="CM15" s="200">
        <v>0</v>
      </c>
      <c r="CN15" s="201">
        <v>0</v>
      </c>
      <c r="CO15" s="195">
        <v>0</v>
      </c>
      <c r="CP15" s="195">
        <v>0</v>
      </c>
      <c r="CQ15" s="196">
        <v>4</v>
      </c>
      <c r="CR15" s="197">
        <v>5</v>
      </c>
      <c r="CS15" s="197">
        <v>4</v>
      </c>
      <c r="CT15" s="197">
        <v>11</v>
      </c>
      <c r="CU15" s="195">
        <v>20</v>
      </c>
      <c r="CV15" s="198">
        <v>44</v>
      </c>
      <c r="CW15" s="199">
        <v>44</v>
      </c>
      <c r="CX15" s="194">
        <v>0</v>
      </c>
      <c r="CY15" s="195">
        <v>0</v>
      </c>
      <c r="CZ15" s="195">
        <v>0</v>
      </c>
      <c r="DA15" s="196">
        <v>3</v>
      </c>
      <c r="DB15" s="197">
        <v>5</v>
      </c>
      <c r="DC15" s="197">
        <v>4</v>
      </c>
      <c r="DD15" s="197">
        <v>11</v>
      </c>
      <c r="DE15" s="195">
        <v>17</v>
      </c>
      <c r="DF15" s="198">
        <v>40</v>
      </c>
      <c r="DG15" s="200">
        <v>40</v>
      </c>
      <c r="DH15" s="201">
        <v>0</v>
      </c>
      <c r="DI15" s="195">
        <v>0</v>
      </c>
      <c r="DJ15" s="195">
        <v>0</v>
      </c>
      <c r="DK15" s="196">
        <v>1</v>
      </c>
      <c r="DL15" s="197">
        <v>0</v>
      </c>
      <c r="DM15" s="197">
        <v>0</v>
      </c>
      <c r="DN15" s="197">
        <v>0</v>
      </c>
      <c r="DO15" s="195">
        <v>3</v>
      </c>
      <c r="DP15" s="198">
        <v>4</v>
      </c>
      <c r="DQ15" s="200">
        <v>4</v>
      </c>
      <c r="DR15" s="201">
        <v>0</v>
      </c>
      <c r="DS15" s="195">
        <v>0</v>
      </c>
      <c r="DT15" s="195">
        <v>0</v>
      </c>
      <c r="DU15" s="196">
        <v>87</v>
      </c>
      <c r="DV15" s="197">
        <v>105</v>
      </c>
      <c r="DW15" s="197">
        <v>356</v>
      </c>
      <c r="DX15" s="197">
        <v>508</v>
      </c>
      <c r="DY15" s="195">
        <v>265</v>
      </c>
      <c r="DZ15" s="198">
        <v>1321</v>
      </c>
      <c r="EA15" s="200">
        <v>1321</v>
      </c>
      <c r="EB15" s="37"/>
    </row>
    <row r="16" spans="1:132" ht="20.25" customHeight="1" x14ac:dyDescent="0.2">
      <c r="A16" s="62" t="s">
        <v>12</v>
      </c>
      <c r="B16" s="194">
        <v>0</v>
      </c>
      <c r="C16" s="195">
        <v>0</v>
      </c>
      <c r="D16" s="195">
        <v>0</v>
      </c>
      <c r="E16" s="196">
        <v>2</v>
      </c>
      <c r="F16" s="197">
        <v>20</v>
      </c>
      <c r="G16" s="197">
        <v>176</v>
      </c>
      <c r="H16" s="197">
        <v>298</v>
      </c>
      <c r="I16" s="195">
        <v>229</v>
      </c>
      <c r="J16" s="198">
        <v>725</v>
      </c>
      <c r="K16" s="199">
        <v>725</v>
      </c>
      <c r="L16" s="194">
        <v>0</v>
      </c>
      <c r="M16" s="195">
        <v>0</v>
      </c>
      <c r="N16" s="198">
        <v>0</v>
      </c>
      <c r="O16" s="196">
        <v>2</v>
      </c>
      <c r="P16" s="197">
        <v>20</v>
      </c>
      <c r="Q16" s="197">
        <v>176</v>
      </c>
      <c r="R16" s="197">
        <v>298</v>
      </c>
      <c r="S16" s="195">
        <v>223</v>
      </c>
      <c r="T16" s="198">
        <v>719</v>
      </c>
      <c r="U16" s="200">
        <v>719</v>
      </c>
      <c r="V16" s="201">
        <v>0</v>
      </c>
      <c r="W16" s="195">
        <v>0</v>
      </c>
      <c r="X16" s="198">
        <v>0</v>
      </c>
      <c r="Y16" s="201">
        <v>0</v>
      </c>
      <c r="Z16" s="197">
        <v>0</v>
      </c>
      <c r="AA16" s="197">
        <v>0</v>
      </c>
      <c r="AB16" s="197">
        <v>0</v>
      </c>
      <c r="AC16" s="195">
        <v>6</v>
      </c>
      <c r="AD16" s="198">
        <v>6</v>
      </c>
      <c r="AE16" s="202">
        <v>6</v>
      </c>
      <c r="AF16" s="201">
        <v>0</v>
      </c>
      <c r="AG16" s="195">
        <v>0</v>
      </c>
      <c r="AH16" s="198">
        <v>0</v>
      </c>
      <c r="AI16" s="201">
        <v>44</v>
      </c>
      <c r="AJ16" s="197">
        <v>79</v>
      </c>
      <c r="AK16" s="197">
        <v>160</v>
      </c>
      <c r="AL16" s="197">
        <v>175</v>
      </c>
      <c r="AM16" s="195">
        <v>69</v>
      </c>
      <c r="AN16" s="198">
        <v>527</v>
      </c>
      <c r="AO16" s="202">
        <v>527</v>
      </c>
      <c r="AP16" s="201">
        <v>0</v>
      </c>
      <c r="AQ16" s="195">
        <v>0</v>
      </c>
      <c r="AR16" s="198">
        <v>0</v>
      </c>
      <c r="AS16" s="196">
        <v>43</v>
      </c>
      <c r="AT16" s="197">
        <v>78</v>
      </c>
      <c r="AU16" s="197">
        <v>158</v>
      </c>
      <c r="AV16" s="197">
        <v>173</v>
      </c>
      <c r="AW16" s="195">
        <v>69</v>
      </c>
      <c r="AX16" s="198">
        <v>521</v>
      </c>
      <c r="AY16" s="199">
        <v>521</v>
      </c>
      <c r="AZ16" s="194">
        <v>0</v>
      </c>
      <c r="BA16" s="195">
        <v>0</v>
      </c>
      <c r="BB16" s="195">
        <v>0</v>
      </c>
      <c r="BC16" s="196">
        <v>1</v>
      </c>
      <c r="BD16" s="197">
        <v>1</v>
      </c>
      <c r="BE16" s="197">
        <v>2</v>
      </c>
      <c r="BF16" s="197">
        <v>2</v>
      </c>
      <c r="BG16" s="195">
        <v>0</v>
      </c>
      <c r="BH16" s="198">
        <v>6</v>
      </c>
      <c r="BI16" s="200">
        <v>6</v>
      </c>
      <c r="BJ16" s="201">
        <v>0</v>
      </c>
      <c r="BK16" s="195">
        <v>0</v>
      </c>
      <c r="BL16" s="195">
        <v>0</v>
      </c>
      <c r="BM16" s="196">
        <v>0</v>
      </c>
      <c r="BN16" s="197">
        <v>0</v>
      </c>
      <c r="BO16" s="197">
        <v>0</v>
      </c>
      <c r="BP16" s="197">
        <v>9</v>
      </c>
      <c r="BQ16" s="195">
        <v>8</v>
      </c>
      <c r="BR16" s="198">
        <v>17</v>
      </c>
      <c r="BS16" s="199">
        <v>17</v>
      </c>
      <c r="BT16" s="194">
        <v>0</v>
      </c>
      <c r="BU16" s="195">
        <v>0</v>
      </c>
      <c r="BV16" s="195">
        <v>0</v>
      </c>
      <c r="BW16" s="196">
        <v>0</v>
      </c>
      <c r="BX16" s="197">
        <v>0</v>
      </c>
      <c r="BY16" s="197">
        <v>0</v>
      </c>
      <c r="BZ16" s="197">
        <v>9</v>
      </c>
      <c r="CA16" s="195">
        <v>8</v>
      </c>
      <c r="CB16" s="198">
        <v>17</v>
      </c>
      <c r="CC16" s="200">
        <v>17</v>
      </c>
      <c r="CD16" s="201">
        <v>0</v>
      </c>
      <c r="CE16" s="195">
        <v>0</v>
      </c>
      <c r="CF16" s="195">
        <v>0</v>
      </c>
      <c r="CG16" s="196">
        <v>0</v>
      </c>
      <c r="CH16" s="197">
        <v>0</v>
      </c>
      <c r="CI16" s="197">
        <v>0</v>
      </c>
      <c r="CJ16" s="197">
        <v>0</v>
      </c>
      <c r="CK16" s="195">
        <v>0</v>
      </c>
      <c r="CL16" s="198">
        <v>0</v>
      </c>
      <c r="CM16" s="200">
        <v>0</v>
      </c>
      <c r="CN16" s="201">
        <v>0</v>
      </c>
      <c r="CO16" s="195">
        <v>0</v>
      </c>
      <c r="CP16" s="195">
        <v>0</v>
      </c>
      <c r="CQ16" s="196">
        <v>0</v>
      </c>
      <c r="CR16" s="197">
        <v>1</v>
      </c>
      <c r="CS16" s="197">
        <v>3</v>
      </c>
      <c r="CT16" s="197">
        <v>2</v>
      </c>
      <c r="CU16" s="195">
        <v>5</v>
      </c>
      <c r="CV16" s="198">
        <v>11</v>
      </c>
      <c r="CW16" s="199">
        <v>11</v>
      </c>
      <c r="CX16" s="194">
        <v>0</v>
      </c>
      <c r="CY16" s="195">
        <v>0</v>
      </c>
      <c r="CZ16" s="195">
        <v>0</v>
      </c>
      <c r="DA16" s="196">
        <v>0</v>
      </c>
      <c r="DB16" s="197">
        <v>1</v>
      </c>
      <c r="DC16" s="197">
        <v>3</v>
      </c>
      <c r="DD16" s="197">
        <v>2</v>
      </c>
      <c r="DE16" s="195">
        <v>5</v>
      </c>
      <c r="DF16" s="198">
        <v>11</v>
      </c>
      <c r="DG16" s="200">
        <v>11</v>
      </c>
      <c r="DH16" s="201">
        <v>0</v>
      </c>
      <c r="DI16" s="195">
        <v>0</v>
      </c>
      <c r="DJ16" s="195">
        <v>0</v>
      </c>
      <c r="DK16" s="196">
        <v>0</v>
      </c>
      <c r="DL16" s="197">
        <v>0</v>
      </c>
      <c r="DM16" s="197">
        <v>0</v>
      </c>
      <c r="DN16" s="197">
        <v>0</v>
      </c>
      <c r="DO16" s="195">
        <v>0</v>
      </c>
      <c r="DP16" s="198">
        <v>0</v>
      </c>
      <c r="DQ16" s="200">
        <v>0</v>
      </c>
      <c r="DR16" s="201">
        <v>0</v>
      </c>
      <c r="DS16" s="195">
        <v>0</v>
      </c>
      <c r="DT16" s="195">
        <v>0</v>
      </c>
      <c r="DU16" s="196">
        <v>46</v>
      </c>
      <c r="DV16" s="197">
        <v>100</v>
      </c>
      <c r="DW16" s="197">
        <v>338</v>
      </c>
      <c r="DX16" s="197">
        <v>478</v>
      </c>
      <c r="DY16" s="195">
        <v>310</v>
      </c>
      <c r="DZ16" s="198">
        <v>1272</v>
      </c>
      <c r="EA16" s="200">
        <v>1272</v>
      </c>
      <c r="EB16" s="37"/>
    </row>
    <row r="17" spans="1:132" ht="20.25" customHeight="1" x14ac:dyDescent="0.2">
      <c r="A17" s="62" t="s">
        <v>13</v>
      </c>
      <c r="B17" s="194">
        <v>0</v>
      </c>
      <c r="C17" s="195">
        <v>0</v>
      </c>
      <c r="D17" s="195">
        <v>0</v>
      </c>
      <c r="E17" s="196">
        <v>3</v>
      </c>
      <c r="F17" s="197">
        <v>1</v>
      </c>
      <c r="G17" s="197">
        <v>71</v>
      </c>
      <c r="H17" s="197">
        <v>143</v>
      </c>
      <c r="I17" s="195">
        <v>109</v>
      </c>
      <c r="J17" s="198">
        <v>327</v>
      </c>
      <c r="K17" s="199">
        <v>327</v>
      </c>
      <c r="L17" s="194">
        <v>0</v>
      </c>
      <c r="M17" s="195">
        <v>0</v>
      </c>
      <c r="N17" s="198">
        <v>0</v>
      </c>
      <c r="O17" s="196">
        <v>3</v>
      </c>
      <c r="P17" s="197">
        <v>1</v>
      </c>
      <c r="Q17" s="197">
        <v>70</v>
      </c>
      <c r="R17" s="197">
        <v>143</v>
      </c>
      <c r="S17" s="195">
        <v>109</v>
      </c>
      <c r="T17" s="198">
        <v>326</v>
      </c>
      <c r="U17" s="200">
        <v>326</v>
      </c>
      <c r="V17" s="201">
        <v>0</v>
      </c>
      <c r="W17" s="195">
        <v>0</v>
      </c>
      <c r="X17" s="198">
        <v>0</v>
      </c>
      <c r="Y17" s="201">
        <v>0</v>
      </c>
      <c r="Z17" s="197">
        <v>0</v>
      </c>
      <c r="AA17" s="197">
        <v>1</v>
      </c>
      <c r="AB17" s="197">
        <v>0</v>
      </c>
      <c r="AC17" s="195">
        <v>0</v>
      </c>
      <c r="AD17" s="198">
        <v>1</v>
      </c>
      <c r="AE17" s="202">
        <v>1</v>
      </c>
      <c r="AF17" s="201">
        <v>0</v>
      </c>
      <c r="AG17" s="195">
        <v>0</v>
      </c>
      <c r="AH17" s="198">
        <v>0</v>
      </c>
      <c r="AI17" s="201">
        <v>13</v>
      </c>
      <c r="AJ17" s="197">
        <v>25</v>
      </c>
      <c r="AK17" s="197">
        <v>38</v>
      </c>
      <c r="AL17" s="197">
        <v>29</v>
      </c>
      <c r="AM17" s="195">
        <v>20</v>
      </c>
      <c r="AN17" s="198">
        <v>125</v>
      </c>
      <c r="AO17" s="202">
        <v>125</v>
      </c>
      <c r="AP17" s="201">
        <v>0</v>
      </c>
      <c r="AQ17" s="195">
        <v>0</v>
      </c>
      <c r="AR17" s="198">
        <v>0</v>
      </c>
      <c r="AS17" s="196">
        <v>13</v>
      </c>
      <c r="AT17" s="197">
        <v>25</v>
      </c>
      <c r="AU17" s="197">
        <v>35</v>
      </c>
      <c r="AV17" s="197">
        <v>29</v>
      </c>
      <c r="AW17" s="195">
        <v>19</v>
      </c>
      <c r="AX17" s="198">
        <v>121</v>
      </c>
      <c r="AY17" s="199">
        <v>121</v>
      </c>
      <c r="AZ17" s="194">
        <v>0</v>
      </c>
      <c r="BA17" s="195">
        <v>0</v>
      </c>
      <c r="BB17" s="195">
        <v>0</v>
      </c>
      <c r="BC17" s="196">
        <v>0</v>
      </c>
      <c r="BD17" s="197">
        <v>0</v>
      </c>
      <c r="BE17" s="197">
        <v>3</v>
      </c>
      <c r="BF17" s="197">
        <v>0</v>
      </c>
      <c r="BG17" s="195">
        <v>1</v>
      </c>
      <c r="BH17" s="198">
        <v>4</v>
      </c>
      <c r="BI17" s="200">
        <v>4</v>
      </c>
      <c r="BJ17" s="201">
        <v>0</v>
      </c>
      <c r="BK17" s="195">
        <v>0</v>
      </c>
      <c r="BL17" s="195">
        <v>0</v>
      </c>
      <c r="BM17" s="196">
        <v>0</v>
      </c>
      <c r="BN17" s="197">
        <v>0</v>
      </c>
      <c r="BO17" s="197">
        <v>0</v>
      </c>
      <c r="BP17" s="197">
        <v>0</v>
      </c>
      <c r="BQ17" s="195">
        <v>0</v>
      </c>
      <c r="BR17" s="198">
        <v>0</v>
      </c>
      <c r="BS17" s="199">
        <v>0</v>
      </c>
      <c r="BT17" s="194">
        <v>0</v>
      </c>
      <c r="BU17" s="195">
        <v>0</v>
      </c>
      <c r="BV17" s="195">
        <v>0</v>
      </c>
      <c r="BW17" s="196">
        <v>0</v>
      </c>
      <c r="BX17" s="197">
        <v>0</v>
      </c>
      <c r="BY17" s="197">
        <v>0</v>
      </c>
      <c r="BZ17" s="197">
        <v>0</v>
      </c>
      <c r="CA17" s="195">
        <v>0</v>
      </c>
      <c r="CB17" s="198">
        <v>0</v>
      </c>
      <c r="CC17" s="200">
        <v>0</v>
      </c>
      <c r="CD17" s="201">
        <v>0</v>
      </c>
      <c r="CE17" s="195">
        <v>0</v>
      </c>
      <c r="CF17" s="195">
        <v>0</v>
      </c>
      <c r="CG17" s="196">
        <v>0</v>
      </c>
      <c r="CH17" s="197">
        <v>0</v>
      </c>
      <c r="CI17" s="197">
        <v>0</v>
      </c>
      <c r="CJ17" s="197">
        <v>0</v>
      </c>
      <c r="CK17" s="195">
        <v>0</v>
      </c>
      <c r="CL17" s="198">
        <v>0</v>
      </c>
      <c r="CM17" s="200">
        <v>0</v>
      </c>
      <c r="CN17" s="201">
        <v>0</v>
      </c>
      <c r="CO17" s="195">
        <v>0</v>
      </c>
      <c r="CP17" s="195">
        <v>0</v>
      </c>
      <c r="CQ17" s="196">
        <v>0</v>
      </c>
      <c r="CR17" s="197">
        <v>0</v>
      </c>
      <c r="CS17" s="197">
        <v>0</v>
      </c>
      <c r="CT17" s="197">
        <v>0</v>
      </c>
      <c r="CU17" s="195">
        <v>0</v>
      </c>
      <c r="CV17" s="198">
        <v>0</v>
      </c>
      <c r="CW17" s="199">
        <v>0</v>
      </c>
      <c r="CX17" s="194">
        <v>0</v>
      </c>
      <c r="CY17" s="195">
        <v>0</v>
      </c>
      <c r="CZ17" s="195">
        <v>0</v>
      </c>
      <c r="DA17" s="196">
        <v>0</v>
      </c>
      <c r="DB17" s="197">
        <v>0</v>
      </c>
      <c r="DC17" s="197">
        <v>0</v>
      </c>
      <c r="DD17" s="197">
        <v>0</v>
      </c>
      <c r="DE17" s="195">
        <v>0</v>
      </c>
      <c r="DF17" s="198">
        <v>0</v>
      </c>
      <c r="DG17" s="200">
        <v>0</v>
      </c>
      <c r="DH17" s="201">
        <v>0</v>
      </c>
      <c r="DI17" s="195">
        <v>0</v>
      </c>
      <c r="DJ17" s="195">
        <v>0</v>
      </c>
      <c r="DK17" s="196">
        <v>0</v>
      </c>
      <c r="DL17" s="197">
        <v>0</v>
      </c>
      <c r="DM17" s="197">
        <v>0</v>
      </c>
      <c r="DN17" s="197">
        <v>0</v>
      </c>
      <c r="DO17" s="195">
        <v>0</v>
      </c>
      <c r="DP17" s="198">
        <v>0</v>
      </c>
      <c r="DQ17" s="200">
        <v>0</v>
      </c>
      <c r="DR17" s="201">
        <v>0</v>
      </c>
      <c r="DS17" s="195">
        <v>0</v>
      </c>
      <c r="DT17" s="195">
        <v>0</v>
      </c>
      <c r="DU17" s="196">
        <v>16</v>
      </c>
      <c r="DV17" s="197">
        <v>26</v>
      </c>
      <c r="DW17" s="197">
        <v>109</v>
      </c>
      <c r="DX17" s="197">
        <v>172</v>
      </c>
      <c r="DY17" s="195">
        <v>129</v>
      </c>
      <c r="DZ17" s="198">
        <v>452</v>
      </c>
      <c r="EA17" s="200">
        <v>452</v>
      </c>
      <c r="EB17" s="37"/>
    </row>
    <row r="18" spans="1:132" ht="20.25" customHeight="1" x14ac:dyDescent="0.2">
      <c r="A18" s="62" t="s">
        <v>15</v>
      </c>
      <c r="B18" s="194">
        <v>0</v>
      </c>
      <c r="C18" s="195">
        <v>0</v>
      </c>
      <c r="D18" s="195">
        <v>0</v>
      </c>
      <c r="E18" s="196">
        <v>0</v>
      </c>
      <c r="F18" s="197">
        <v>2</v>
      </c>
      <c r="G18" s="197">
        <v>82</v>
      </c>
      <c r="H18" s="197">
        <v>123</v>
      </c>
      <c r="I18" s="195">
        <v>75</v>
      </c>
      <c r="J18" s="198">
        <v>282</v>
      </c>
      <c r="K18" s="199">
        <v>282</v>
      </c>
      <c r="L18" s="194">
        <v>0</v>
      </c>
      <c r="M18" s="195">
        <v>0</v>
      </c>
      <c r="N18" s="198">
        <v>0</v>
      </c>
      <c r="O18" s="196">
        <v>0</v>
      </c>
      <c r="P18" s="197">
        <v>2</v>
      </c>
      <c r="Q18" s="197">
        <v>82</v>
      </c>
      <c r="R18" s="197">
        <v>122</v>
      </c>
      <c r="S18" s="195">
        <v>74</v>
      </c>
      <c r="T18" s="198">
        <v>280</v>
      </c>
      <c r="U18" s="200">
        <v>280</v>
      </c>
      <c r="V18" s="201">
        <v>0</v>
      </c>
      <c r="W18" s="195">
        <v>0</v>
      </c>
      <c r="X18" s="198">
        <v>0</v>
      </c>
      <c r="Y18" s="201">
        <v>0</v>
      </c>
      <c r="Z18" s="197">
        <v>0</v>
      </c>
      <c r="AA18" s="197">
        <v>0</v>
      </c>
      <c r="AB18" s="197">
        <v>1</v>
      </c>
      <c r="AC18" s="195">
        <v>1</v>
      </c>
      <c r="AD18" s="198">
        <v>2</v>
      </c>
      <c r="AE18" s="202">
        <v>2</v>
      </c>
      <c r="AF18" s="201">
        <v>0</v>
      </c>
      <c r="AG18" s="195">
        <v>0</v>
      </c>
      <c r="AH18" s="198">
        <v>0</v>
      </c>
      <c r="AI18" s="201">
        <v>27</v>
      </c>
      <c r="AJ18" s="197">
        <v>35</v>
      </c>
      <c r="AK18" s="197">
        <v>40</v>
      </c>
      <c r="AL18" s="197">
        <v>45</v>
      </c>
      <c r="AM18" s="195">
        <v>27</v>
      </c>
      <c r="AN18" s="198">
        <v>174</v>
      </c>
      <c r="AO18" s="202">
        <v>174</v>
      </c>
      <c r="AP18" s="201">
        <v>0</v>
      </c>
      <c r="AQ18" s="195">
        <v>0</v>
      </c>
      <c r="AR18" s="198">
        <v>0</v>
      </c>
      <c r="AS18" s="196">
        <v>26</v>
      </c>
      <c r="AT18" s="197">
        <v>35</v>
      </c>
      <c r="AU18" s="197">
        <v>40</v>
      </c>
      <c r="AV18" s="197">
        <v>43</v>
      </c>
      <c r="AW18" s="195">
        <v>26</v>
      </c>
      <c r="AX18" s="198">
        <v>170</v>
      </c>
      <c r="AY18" s="199">
        <v>170</v>
      </c>
      <c r="AZ18" s="194">
        <v>0</v>
      </c>
      <c r="BA18" s="195">
        <v>0</v>
      </c>
      <c r="BB18" s="195">
        <v>0</v>
      </c>
      <c r="BC18" s="196">
        <v>1</v>
      </c>
      <c r="BD18" s="197">
        <v>0</v>
      </c>
      <c r="BE18" s="197">
        <v>0</v>
      </c>
      <c r="BF18" s="197">
        <v>2</v>
      </c>
      <c r="BG18" s="195">
        <v>1</v>
      </c>
      <c r="BH18" s="198">
        <v>4</v>
      </c>
      <c r="BI18" s="200">
        <v>4</v>
      </c>
      <c r="BJ18" s="201">
        <v>0</v>
      </c>
      <c r="BK18" s="195">
        <v>0</v>
      </c>
      <c r="BL18" s="195">
        <v>0</v>
      </c>
      <c r="BM18" s="196">
        <v>0</v>
      </c>
      <c r="BN18" s="197">
        <v>0</v>
      </c>
      <c r="BO18" s="197">
        <v>0</v>
      </c>
      <c r="BP18" s="197">
        <v>0</v>
      </c>
      <c r="BQ18" s="195">
        <v>1</v>
      </c>
      <c r="BR18" s="198">
        <v>1</v>
      </c>
      <c r="BS18" s="199">
        <v>1</v>
      </c>
      <c r="BT18" s="194">
        <v>0</v>
      </c>
      <c r="BU18" s="195">
        <v>0</v>
      </c>
      <c r="BV18" s="195">
        <v>0</v>
      </c>
      <c r="BW18" s="196">
        <v>0</v>
      </c>
      <c r="BX18" s="197">
        <v>0</v>
      </c>
      <c r="BY18" s="197">
        <v>0</v>
      </c>
      <c r="BZ18" s="197">
        <v>0</v>
      </c>
      <c r="CA18" s="195">
        <v>1</v>
      </c>
      <c r="CB18" s="198">
        <v>1</v>
      </c>
      <c r="CC18" s="200">
        <v>1</v>
      </c>
      <c r="CD18" s="201">
        <v>0</v>
      </c>
      <c r="CE18" s="195">
        <v>0</v>
      </c>
      <c r="CF18" s="195">
        <v>0</v>
      </c>
      <c r="CG18" s="196">
        <v>0</v>
      </c>
      <c r="CH18" s="197">
        <v>0</v>
      </c>
      <c r="CI18" s="197">
        <v>0</v>
      </c>
      <c r="CJ18" s="197">
        <v>0</v>
      </c>
      <c r="CK18" s="195">
        <v>0</v>
      </c>
      <c r="CL18" s="198">
        <v>0</v>
      </c>
      <c r="CM18" s="200">
        <v>0</v>
      </c>
      <c r="CN18" s="201">
        <v>0</v>
      </c>
      <c r="CO18" s="195">
        <v>0</v>
      </c>
      <c r="CP18" s="195">
        <v>0</v>
      </c>
      <c r="CQ18" s="196">
        <v>0</v>
      </c>
      <c r="CR18" s="197">
        <v>0</v>
      </c>
      <c r="CS18" s="197">
        <v>0</v>
      </c>
      <c r="CT18" s="197">
        <v>0</v>
      </c>
      <c r="CU18" s="195">
        <v>0</v>
      </c>
      <c r="CV18" s="198">
        <v>0</v>
      </c>
      <c r="CW18" s="199">
        <v>0</v>
      </c>
      <c r="CX18" s="194">
        <v>0</v>
      </c>
      <c r="CY18" s="195">
        <v>0</v>
      </c>
      <c r="CZ18" s="195">
        <v>0</v>
      </c>
      <c r="DA18" s="196">
        <v>0</v>
      </c>
      <c r="DB18" s="197">
        <v>0</v>
      </c>
      <c r="DC18" s="197">
        <v>0</v>
      </c>
      <c r="DD18" s="197">
        <v>0</v>
      </c>
      <c r="DE18" s="195">
        <v>0</v>
      </c>
      <c r="DF18" s="198">
        <v>0</v>
      </c>
      <c r="DG18" s="200">
        <v>0</v>
      </c>
      <c r="DH18" s="201">
        <v>0</v>
      </c>
      <c r="DI18" s="195">
        <v>0</v>
      </c>
      <c r="DJ18" s="195">
        <v>0</v>
      </c>
      <c r="DK18" s="196">
        <v>0</v>
      </c>
      <c r="DL18" s="197">
        <v>0</v>
      </c>
      <c r="DM18" s="197">
        <v>0</v>
      </c>
      <c r="DN18" s="197">
        <v>0</v>
      </c>
      <c r="DO18" s="195">
        <v>0</v>
      </c>
      <c r="DP18" s="198">
        <v>0</v>
      </c>
      <c r="DQ18" s="200">
        <v>0</v>
      </c>
      <c r="DR18" s="201">
        <v>0</v>
      </c>
      <c r="DS18" s="195">
        <v>0</v>
      </c>
      <c r="DT18" s="195">
        <v>0</v>
      </c>
      <c r="DU18" s="196">
        <v>27</v>
      </c>
      <c r="DV18" s="197">
        <v>37</v>
      </c>
      <c r="DW18" s="197">
        <v>122</v>
      </c>
      <c r="DX18" s="197">
        <v>168</v>
      </c>
      <c r="DY18" s="195">
        <v>103</v>
      </c>
      <c r="DZ18" s="198">
        <v>457</v>
      </c>
      <c r="EA18" s="200">
        <v>457</v>
      </c>
      <c r="EB18" s="37"/>
    </row>
    <row r="19" spans="1:132" ht="20.25" customHeight="1" x14ac:dyDescent="0.2">
      <c r="A19" s="62" t="s">
        <v>16</v>
      </c>
      <c r="B19" s="194">
        <v>0</v>
      </c>
      <c r="C19" s="195">
        <v>0</v>
      </c>
      <c r="D19" s="195">
        <v>0</v>
      </c>
      <c r="E19" s="196">
        <v>7</v>
      </c>
      <c r="F19" s="197">
        <v>25</v>
      </c>
      <c r="G19" s="197">
        <v>189</v>
      </c>
      <c r="H19" s="197">
        <v>275</v>
      </c>
      <c r="I19" s="195">
        <v>204</v>
      </c>
      <c r="J19" s="198">
        <v>700</v>
      </c>
      <c r="K19" s="199">
        <v>700</v>
      </c>
      <c r="L19" s="194">
        <v>0</v>
      </c>
      <c r="M19" s="195">
        <v>0</v>
      </c>
      <c r="N19" s="198">
        <v>0</v>
      </c>
      <c r="O19" s="196">
        <v>7</v>
      </c>
      <c r="P19" s="197">
        <v>25</v>
      </c>
      <c r="Q19" s="197">
        <v>189</v>
      </c>
      <c r="R19" s="197">
        <v>273</v>
      </c>
      <c r="S19" s="195">
        <v>199</v>
      </c>
      <c r="T19" s="198">
        <v>693</v>
      </c>
      <c r="U19" s="200">
        <v>693</v>
      </c>
      <c r="V19" s="201">
        <v>0</v>
      </c>
      <c r="W19" s="195">
        <v>0</v>
      </c>
      <c r="X19" s="198">
        <v>0</v>
      </c>
      <c r="Y19" s="201">
        <v>0</v>
      </c>
      <c r="Z19" s="197">
        <v>0</v>
      </c>
      <c r="AA19" s="197">
        <v>0</v>
      </c>
      <c r="AB19" s="197">
        <v>2</v>
      </c>
      <c r="AC19" s="195">
        <v>5</v>
      </c>
      <c r="AD19" s="198">
        <v>7</v>
      </c>
      <c r="AE19" s="202">
        <v>7</v>
      </c>
      <c r="AF19" s="201">
        <v>0</v>
      </c>
      <c r="AG19" s="195">
        <v>0</v>
      </c>
      <c r="AH19" s="198">
        <v>0</v>
      </c>
      <c r="AI19" s="201">
        <v>74</v>
      </c>
      <c r="AJ19" s="197">
        <v>94</v>
      </c>
      <c r="AK19" s="197">
        <v>134</v>
      </c>
      <c r="AL19" s="197">
        <v>130</v>
      </c>
      <c r="AM19" s="195">
        <v>58</v>
      </c>
      <c r="AN19" s="198">
        <v>490</v>
      </c>
      <c r="AO19" s="202">
        <v>490</v>
      </c>
      <c r="AP19" s="201">
        <v>0</v>
      </c>
      <c r="AQ19" s="195">
        <v>0</v>
      </c>
      <c r="AR19" s="198">
        <v>0</v>
      </c>
      <c r="AS19" s="196">
        <v>73</v>
      </c>
      <c r="AT19" s="197">
        <v>94</v>
      </c>
      <c r="AU19" s="197">
        <v>133</v>
      </c>
      <c r="AV19" s="197">
        <v>129</v>
      </c>
      <c r="AW19" s="195">
        <v>57</v>
      </c>
      <c r="AX19" s="198">
        <v>486</v>
      </c>
      <c r="AY19" s="199">
        <v>486</v>
      </c>
      <c r="AZ19" s="194">
        <v>0</v>
      </c>
      <c r="BA19" s="195">
        <v>0</v>
      </c>
      <c r="BB19" s="195">
        <v>0</v>
      </c>
      <c r="BC19" s="196">
        <v>1</v>
      </c>
      <c r="BD19" s="197">
        <v>0</v>
      </c>
      <c r="BE19" s="197">
        <v>1</v>
      </c>
      <c r="BF19" s="197">
        <v>1</v>
      </c>
      <c r="BG19" s="195">
        <v>1</v>
      </c>
      <c r="BH19" s="198">
        <v>4</v>
      </c>
      <c r="BI19" s="200">
        <v>4</v>
      </c>
      <c r="BJ19" s="201">
        <v>0</v>
      </c>
      <c r="BK19" s="195">
        <v>0</v>
      </c>
      <c r="BL19" s="195">
        <v>0</v>
      </c>
      <c r="BM19" s="196">
        <v>0</v>
      </c>
      <c r="BN19" s="197">
        <v>0</v>
      </c>
      <c r="BO19" s="197">
        <v>0</v>
      </c>
      <c r="BP19" s="197">
        <v>0</v>
      </c>
      <c r="BQ19" s="195">
        <v>2</v>
      </c>
      <c r="BR19" s="198">
        <v>2</v>
      </c>
      <c r="BS19" s="199">
        <v>2</v>
      </c>
      <c r="BT19" s="194">
        <v>0</v>
      </c>
      <c r="BU19" s="195">
        <v>0</v>
      </c>
      <c r="BV19" s="195">
        <v>0</v>
      </c>
      <c r="BW19" s="196">
        <v>0</v>
      </c>
      <c r="BX19" s="197">
        <v>0</v>
      </c>
      <c r="BY19" s="197">
        <v>0</v>
      </c>
      <c r="BZ19" s="197">
        <v>0</v>
      </c>
      <c r="CA19" s="195">
        <v>2</v>
      </c>
      <c r="CB19" s="198">
        <v>2</v>
      </c>
      <c r="CC19" s="200">
        <v>2</v>
      </c>
      <c r="CD19" s="201">
        <v>0</v>
      </c>
      <c r="CE19" s="195">
        <v>0</v>
      </c>
      <c r="CF19" s="195">
        <v>0</v>
      </c>
      <c r="CG19" s="196">
        <v>0</v>
      </c>
      <c r="CH19" s="197">
        <v>0</v>
      </c>
      <c r="CI19" s="197">
        <v>0</v>
      </c>
      <c r="CJ19" s="197">
        <v>0</v>
      </c>
      <c r="CK19" s="195">
        <v>0</v>
      </c>
      <c r="CL19" s="198">
        <v>0</v>
      </c>
      <c r="CM19" s="200">
        <v>0</v>
      </c>
      <c r="CN19" s="201">
        <v>0</v>
      </c>
      <c r="CO19" s="195">
        <v>0</v>
      </c>
      <c r="CP19" s="195">
        <v>0</v>
      </c>
      <c r="CQ19" s="196">
        <v>1</v>
      </c>
      <c r="CR19" s="197">
        <v>0</v>
      </c>
      <c r="CS19" s="197">
        <v>9</v>
      </c>
      <c r="CT19" s="197">
        <v>25</v>
      </c>
      <c r="CU19" s="195">
        <v>16</v>
      </c>
      <c r="CV19" s="198">
        <v>51</v>
      </c>
      <c r="CW19" s="199">
        <v>51</v>
      </c>
      <c r="CX19" s="194">
        <v>0</v>
      </c>
      <c r="CY19" s="195">
        <v>0</v>
      </c>
      <c r="CZ19" s="195">
        <v>0</v>
      </c>
      <c r="DA19" s="196">
        <v>1</v>
      </c>
      <c r="DB19" s="197">
        <v>0</v>
      </c>
      <c r="DC19" s="197">
        <v>9</v>
      </c>
      <c r="DD19" s="197">
        <v>25</v>
      </c>
      <c r="DE19" s="195">
        <v>16</v>
      </c>
      <c r="DF19" s="198">
        <v>51</v>
      </c>
      <c r="DG19" s="200">
        <v>51</v>
      </c>
      <c r="DH19" s="201">
        <v>0</v>
      </c>
      <c r="DI19" s="195">
        <v>0</v>
      </c>
      <c r="DJ19" s="195">
        <v>0</v>
      </c>
      <c r="DK19" s="196">
        <v>0</v>
      </c>
      <c r="DL19" s="197">
        <v>0</v>
      </c>
      <c r="DM19" s="197">
        <v>0</v>
      </c>
      <c r="DN19" s="197">
        <v>0</v>
      </c>
      <c r="DO19" s="195">
        <v>0</v>
      </c>
      <c r="DP19" s="198">
        <v>0</v>
      </c>
      <c r="DQ19" s="200">
        <v>0</v>
      </c>
      <c r="DR19" s="201">
        <v>0</v>
      </c>
      <c r="DS19" s="195">
        <v>0</v>
      </c>
      <c r="DT19" s="195">
        <v>0</v>
      </c>
      <c r="DU19" s="196">
        <v>82</v>
      </c>
      <c r="DV19" s="197">
        <v>119</v>
      </c>
      <c r="DW19" s="197">
        <v>327</v>
      </c>
      <c r="DX19" s="197">
        <v>426</v>
      </c>
      <c r="DY19" s="195">
        <v>277</v>
      </c>
      <c r="DZ19" s="198">
        <v>1231</v>
      </c>
      <c r="EA19" s="200">
        <v>1231</v>
      </c>
      <c r="EB19" s="37"/>
    </row>
    <row r="20" spans="1:132" ht="20.25" customHeight="1" x14ac:dyDescent="0.2">
      <c r="A20" s="62" t="s">
        <v>17</v>
      </c>
      <c r="B20" s="194">
        <v>0</v>
      </c>
      <c r="C20" s="195">
        <v>0</v>
      </c>
      <c r="D20" s="195">
        <v>0</v>
      </c>
      <c r="E20" s="196">
        <v>5</v>
      </c>
      <c r="F20" s="197">
        <v>23</v>
      </c>
      <c r="G20" s="197">
        <v>198</v>
      </c>
      <c r="H20" s="197">
        <v>276</v>
      </c>
      <c r="I20" s="195">
        <v>188</v>
      </c>
      <c r="J20" s="198">
        <v>690</v>
      </c>
      <c r="K20" s="199">
        <v>690</v>
      </c>
      <c r="L20" s="194">
        <v>0</v>
      </c>
      <c r="M20" s="195">
        <v>0</v>
      </c>
      <c r="N20" s="198">
        <v>0</v>
      </c>
      <c r="O20" s="196">
        <v>5</v>
      </c>
      <c r="P20" s="197">
        <v>23</v>
      </c>
      <c r="Q20" s="197">
        <v>197</v>
      </c>
      <c r="R20" s="197">
        <v>274</v>
      </c>
      <c r="S20" s="195">
        <v>186</v>
      </c>
      <c r="T20" s="198">
        <v>685</v>
      </c>
      <c r="U20" s="200">
        <v>685</v>
      </c>
      <c r="V20" s="201">
        <v>0</v>
      </c>
      <c r="W20" s="195">
        <v>0</v>
      </c>
      <c r="X20" s="198">
        <v>0</v>
      </c>
      <c r="Y20" s="201">
        <v>0</v>
      </c>
      <c r="Z20" s="197">
        <v>0</v>
      </c>
      <c r="AA20" s="197">
        <v>1</v>
      </c>
      <c r="AB20" s="197">
        <v>2</v>
      </c>
      <c r="AC20" s="195">
        <v>2</v>
      </c>
      <c r="AD20" s="198">
        <v>5</v>
      </c>
      <c r="AE20" s="202">
        <v>5</v>
      </c>
      <c r="AF20" s="201">
        <v>0</v>
      </c>
      <c r="AG20" s="195">
        <v>0</v>
      </c>
      <c r="AH20" s="198">
        <v>0</v>
      </c>
      <c r="AI20" s="201">
        <v>37</v>
      </c>
      <c r="AJ20" s="197">
        <v>97</v>
      </c>
      <c r="AK20" s="197">
        <v>137</v>
      </c>
      <c r="AL20" s="197">
        <v>108</v>
      </c>
      <c r="AM20" s="195">
        <v>64</v>
      </c>
      <c r="AN20" s="198">
        <v>443</v>
      </c>
      <c r="AO20" s="202">
        <v>443</v>
      </c>
      <c r="AP20" s="201">
        <v>0</v>
      </c>
      <c r="AQ20" s="195">
        <v>0</v>
      </c>
      <c r="AR20" s="198">
        <v>0</v>
      </c>
      <c r="AS20" s="196">
        <v>36</v>
      </c>
      <c r="AT20" s="197">
        <v>96</v>
      </c>
      <c r="AU20" s="197">
        <v>135</v>
      </c>
      <c r="AV20" s="197">
        <v>105</v>
      </c>
      <c r="AW20" s="195">
        <v>64</v>
      </c>
      <c r="AX20" s="198">
        <v>436</v>
      </c>
      <c r="AY20" s="199">
        <v>436</v>
      </c>
      <c r="AZ20" s="194">
        <v>0</v>
      </c>
      <c r="BA20" s="195">
        <v>0</v>
      </c>
      <c r="BB20" s="195">
        <v>0</v>
      </c>
      <c r="BC20" s="196">
        <v>1</v>
      </c>
      <c r="BD20" s="197">
        <v>1</v>
      </c>
      <c r="BE20" s="197">
        <v>2</v>
      </c>
      <c r="BF20" s="197">
        <v>3</v>
      </c>
      <c r="BG20" s="195">
        <v>0</v>
      </c>
      <c r="BH20" s="198">
        <v>7</v>
      </c>
      <c r="BI20" s="200">
        <v>7</v>
      </c>
      <c r="BJ20" s="201">
        <v>0</v>
      </c>
      <c r="BK20" s="195">
        <v>0</v>
      </c>
      <c r="BL20" s="195">
        <v>0</v>
      </c>
      <c r="BM20" s="196">
        <v>0</v>
      </c>
      <c r="BN20" s="197">
        <v>0</v>
      </c>
      <c r="BO20" s="197">
        <v>1</v>
      </c>
      <c r="BP20" s="197">
        <v>0</v>
      </c>
      <c r="BQ20" s="195">
        <v>3</v>
      </c>
      <c r="BR20" s="198">
        <v>4</v>
      </c>
      <c r="BS20" s="199">
        <v>4</v>
      </c>
      <c r="BT20" s="194">
        <v>0</v>
      </c>
      <c r="BU20" s="195">
        <v>0</v>
      </c>
      <c r="BV20" s="195">
        <v>0</v>
      </c>
      <c r="BW20" s="196">
        <v>0</v>
      </c>
      <c r="BX20" s="197">
        <v>0</v>
      </c>
      <c r="BY20" s="197">
        <v>1</v>
      </c>
      <c r="BZ20" s="197">
        <v>0</v>
      </c>
      <c r="CA20" s="195">
        <v>3</v>
      </c>
      <c r="CB20" s="198">
        <v>4</v>
      </c>
      <c r="CC20" s="200">
        <v>4</v>
      </c>
      <c r="CD20" s="201">
        <v>0</v>
      </c>
      <c r="CE20" s="195">
        <v>0</v>
      </c>
      <c r="CF20" s="195">
        <v>0</v>
      </c>
      <c r="CG20" s="196">
        <v>0</v>
      </c>
      <c r="CH20" s="197">
        <v>0</v>
      </c>
      <c r="CI20" s="197">
        <v>0</v>
      </c>
      <c r="CJ20" s="197">
        <v>0</v>
      </c>
      <c r="CK20" s="195">
        <v>0</v>
      </c>
      <c r="CL20" s="198">
        <v>0</v>
      </c>
      <c r="CM20" s="200">
        <v>0</v>
      </c>
      <c r="CN20" s="201">
        <v>0</v>
      </c>
      <c r="CO20" s="195">
        <v>0</v>
      </c>
      <c r="CP20" s="195">
        <v>0</v>
      </c>
      <c r="CQ20" s="196">
        <v>0</v>
      </c>
      <c r="CR20" s="197">
        <v>0</v>
      </c>
      <c r="CS20" s="197">
        <v>0</v>
      </c>
      <c r="CT20" s="197">
        <v>4</v>
      </c>
      <c r="CU20" s="195">
        <v>12</v>
      </c>
      <c r="CV20" s="198">
        <v>16</v>
      </c>
      <c r="CW20" s="199">
        <v>16</v>
      </c>
      <c r="CX20" s="194">
        <v>0</v>
      </c>
      <c r="CY20" s="195">
        <v>0</v>
      </c>
      <c r="CZ20" s="195">
        <v>0</v>
      </c>
      <c r="DA20" s="196">
        <v>0</v>
      </c>
      <c r="DB20" s="197">
        <v>0</v>
      </c>
      <c r="DC20" s="197">
        <v>0</v>
      </c>
      <c r="DD20" s="197">
        <v>4</v>
      </c>
      <c r="DE20" s="195">
        <v>12</v>
      </c>
      <c r="DF20" s="198">
        <v>16</v>
      </c>
      <c r="DG20" s="200">
        <v>16</v>
      </c>
      <c r="DH20" s="201">
        <v>0</v>
      </c>
      <c r="DI20" s="195">
        <v>0</v>
      </c>
      <c r="DJ20" s="195">
        <v>0</v>
      </c>
      <c r="DK20" s="196">
        <v>0</v>
      </c>
      <c r="DL20" s="197">
        <v>0</v>
      </c>
      <c r="DM20" s="197">
        <v>0</v>
      </c>
      <c r="DN20" s="197">
        <v>0</v>
      </c>
      <c r="DO20" s="195">
        <v>0</v>
      </c>
      <c r="DP20" s="198">
        <v>0</v>
      </c>
      <c r="DQ20" s="200">
        <v>0</v>
      </c>
      <c r="DR20" s="201">
        <v>0</v>
      </c>
      <c r="DS20" s="195">
        <v>0</v>
      </c>
      <c r="DT20" s="195">
        <v>0</v>
      </c>
      <c r="DU20" s="196">
        <v>42</v>
      </c>
      <c r="DV20" s="197">
        <v>120</v>
      </c>
      <c r="DW20" s="197">
        <v>336</v>
      </c>
      <c r="DX20" s="197">
        <v>388</v>
      </c>
      <c r="DY20" s="195">
        <v>267</v>
      </c>
      <c r="DZ20" s="198">
        <v>1153</v>
      </c>
      <c r="EA20" s="200">
        <v>1153</v>
      </c>
      <c r="EB20" s="37"/>
    </row>
    <row r="21" spans="1:132" ht="20.25" customHeight="1" x14ac:dyDescent="0.2">
      <c r="A21" s="62" t="s">
        <v>18</v>
      </c>
      <c r="B21" s="194">
        <v>0</v>
      </c>
      <c r="C21" s="195">
        <v>0</v>
      </c>
      <c r="D21" s="195">
        <v>0</v>
      </c>
      <c r="E21" s="196">
        <v>6</v>
      </c>
      <c r="F21" s="197">
        <v>14</v>
      </c>
      <c r="G21" s="197">
        <v>185</v>
      </c>
      <c r="H21" s="197">
        <v>380</v>
      </c>
      <c r="I21" s="195">
        <v>262</v>
      </c>
      <c r="J21" s="198">
        <v>847</v>
      </c>
      <c r="K21" s="199">
        <v>847</v>
      </c>
      <c r="L21" s="194">
        <v>0</v>
      </c>
      <c r="M21" s="195">
        <v>0</v>
      </c>
      <c r="N21" s="198">
        <v>0</v>
      </c>
      <c r="O21" s="196">
        <v>6</v>
      </c>
      <c r="P21" s="197">
        <v>14</v>
      </c>
      <c r="Q21" s="197">
        <v>182</v>
      </c>
      <c r="R21" s="197">
        <v>378</v>
      </c>
      <c r="S21" s="195">
        <v>258</v>
      </c>
      <c r="T21" s="198">
        <v>838</v>
      </c>
      <c r="U21" s="200">
        <v>838</v>
      </c>
      <c r="V21" s="201">
        <v>0</v>
      </c>
      <c r="W21" s="195">
        <v>0</v>
      </c>
      <c r="X21" s="198">
        <v>0</v>
      </c>
      <c r="Y21" s="201">
        <v>0</v>
      </c>
      <c r="Z21" s="197">
        <v>0</v>
      </c>
      <c r="AA21" s="197">
        <v>3</v>
      </c>
      <c r="AB21" s="197">
        <v>2</v>
      </c>
      <c r="AC21" s="195">
        <v>4</v>
      </c>
      <c r="AD21" s="198">
        <v>9</v>
      </c>
      <c r="AE21" s="202">
        <v>9</v>
      </c>
      <c r="AF21" s="201">
        <v>0</v>
      </c>
      <c r="AG21" s="195">
        <v>0</v>
      </c>
      <c r="AH21" s="198">
        <v>0</v>
      </c>
      <c r="AI21" s="201">
        <v>37</v>
      </c>
      <c r="AJ21" s="197">
        <v>65</v>
      </c>
      <c r="AK21" s="197">
        <v>106</v>
      </c>
      <c r="AL21" s="197">
        <v>134</v>
      </c>
      <c r="AM21" s="195">
        <v>80</v>
      </c>
      <c r="AN21" s="198">
        <v>422</v>
      </c>
      <c r="AO21" s="202">
        <v>422</v>
      </c>
      <c r="AP21" s="201">
        <v>0</v>
      </c>
      <c r="AQ21" s="195">
        <v>0</v>
      </c>
      <c r="AR21" s="198">
        <v>0</v>
      </c>
      <c r="AS21" s="196">
        <v>36</v>
      </c>
      <c r="AT21" s="197">
        <v>63</v>
      </c>
      <c r="AU21" s="197">
        <v>103</v>
      </c>
      <c r="AV21" s="197">
        <v>132</v>
      </c>
      <c r="AW21" s="195">
        <v>78</v>
      </c>
      <c r="AX21" s="198">
        <v>412</v>
      </c>
      <c r="AY21" s="199">
        <v>412</v>
      </c>
      <c r="AZ21" s="194">
        <v>0</v>
      </c>
      <c r="BA21" s="195">
        <v>0</v>
      </c>
      <c r="BB21" s="195">
        <v>0</v>
      </c>
      <c r="BC21" s="196">
        <v>1</v>
      </c>
      <c r="BD21" s="197">
        <v>2</v>
      </c>
      <c r="BE21" s="197">
        <v>3</v>
      </c>
      <c r="BF21" s="197">
        <v>2</v>
      </c>
      <c r="BG21" s="195">
        <v>2</v>
      </c>
      <c r="BH21" s="198">
        <v>10</v>
      </c>
      <c r="BI21" s="200">
        <v>10</v>
      </c>
      <c r="BJ21" s="201">
        <v>0</v>
      </c>
      <c r="BK21" s="195">
        <v>0</v>
      </c>
      <c r="BL21" s="195">
        <v>0</v>
      </c>
      <c r="BM21" s="196">
        <v>0</v>
      </c>
      <c r="BN21" s="197">
        <v>0</v>
      </c>
      <c r="BO21" s="197">
        <v>0</v>
      </c>
      <c r="BP21" s="197">
        <v>2</v>
      </c>
      <c r="BQ21" s="195">
        <v>8</v>
      </c>
      <c r="BR21" s="198">
        <v>10</v>
      </c>
      <c r="BS21" s="199">
        <v>10</v>
      </c>
      <c r="BT21" s="194">
        <v>0</v>
      </c>
      <c r="BU21" s="195">
        <v>0</v>
      </c>
      <c r="BV21" s="195">
        <v>0</v>
      </c>
      <c r="BW21" s="196">
        <v>0</v>
      </c>
      <c r="BX21" s="197">
        <v>0</v>
      </c>
      <c r="BY21" s="197">
        <v>0</v>
      </c>
      <c r="BZ21" s="197">
        <v>2</v>
      </c>
      <c r="CA21" s="195">
        <v>8</v>
      </c>
      <c r="CB21" s="198">
        <v>10</v>
      </c>
      <c r="CC21" s="200">
        <v>10</v>
      </c>
      <c r="CD21" s="201">
        <v>0</v>
      </c>
      <c r="CE21" s="195">
        <v>0</v>
      </c>
      <c r="CF21" s="195">
        <v>0</v>
      </c>
      <c r="CG21" s="196">
        <v>0</v>
      </c>
      <c r="CH21" s="197">
        <v>0</v>
      </c>
      <c r="CI21" s="197">
        <v>0</v>
      </c>
      <c r="CJ21" s="197">
        <v>0</v>
      </c>
      <c r="CK21" s="195">
        <v>0</v>
      </c>
      <c r="CL21" s="198">
        <v>0</v>
      </c>
      <c r="CM21" s="200">
        <v>0</v>
      </c>
      <c r="CN21" s="201">
        <v>0</v>
      </c>
      <c r="CO21" s="195">
        <v>0</v>
      </c>
      <c r="CP21" s="195">
        <v>0</v>
      </c>
      <c r="CQ21" s="196">
        <v>0</v>
      </c>
      <c r="CR21" s="197">
        <v>0</v>
      </c>
      <c r="CS21" s="197">
        <v>2</v>
      </c>
      <c r="CT21" s="197">
        <v>12</v>
      </c>
      <c r="CU21" s="195">
        <v>18</v>
      </c>
      <c r="CV21" s="198">
        <v>32</v>
      </c>
      <c r="CW21" s="199">
        <v>32</v>
      </c>
      <c r="CX21" s="194">
        <v>0</v>
      </c>
      <c r="CY21" s="195">
        <v>0</v>
      </c>
      <c r="CZ21" s="195">
        <v>0</v>
      </c>
      <c r="DA21" s="196">
        <v>0</v>
      </c>
      <c r="DB21" s="197">
        <v>0</v>
      </c>
      <c r="DC21" s="197">
        <v>2</v>
      </c>
      <c r="DD21" s="197">
        <v>12</v>
      </c>
      <c r="DE21" s="195">
        <v>18</v>
      </c>
      <c r="DF21" s="198">
        <v>32</v>
      </c>
      <c r="DG21" s="200">
        <v>32</v>
      </c>
      <c r="DH21" s="201">
        <v>0</v>
      </c>
      <c r="DI21" s="195">
        <v>0</v>
      </c>
      <c r="DJ21" s="195">
        <v>0</v>
      </c>
      <c r="DK21" s="196">
        <v>0</v>
      </c>
      <c r="DL21" s="197">
        <v>0</v>
      </c>
      <c r="DM21" s="197">
        <v>0</v>
      </c>
      <c r="DN21" s="197">
        <v>0</v>
      </c>
      <c r="DO21" s="195">
        <v>0</v>
      </c>
      <c r="DP21" s="198">
        <v>0</v>
      </c>
      <c r="DQ21" s="200">
        <v>0</v>
      </c>
      <c r="DR21" s="201">
        <v>0</v>
      </c>
      <c r="DS21" s="195">
        <v>0</v>
      </c>
      <c r="DT21" s="195">
        <v>0</v>
      </c>
      <c r="DU21" s="196">
        <v>43</v>
      </c>
      <c r="DV21" s="197">
        <v>79</v>
      </c>
      <c r="DW21" s="197">
        <v>292</v>
      </c>
      <c r="DX21" s="197">
        <v>525</v>
      </c>
      <c r="DY21" s="195">
        <v>364</v>
      </c>
      <c r="DZ21" s="198">
        <v>1303</v>
      </c>
      <c r="EA21" s="200">
        <v>1303</v>
      </c>
      <c r="EB21" s="37"/>
    </row>
    <row r="22" spans="1:132" ht="20.25" customHeight="1" x14ac:dyDescent="0.2">
      <c r="A22" s="62" t="s">
        <v>19</v>
      </c>
      <c r="B22" s="194">
        <v>0</v>
      </c>
      <c r="C22" s="195">
        <v>0</v>
      </c>
      <c r="D22" s="195">
        <v>0</v>
      </c>
      <c r="E22" s="196">
        <v>0</v>
      </c>
      <c r="F22" s="197">
        <v>8</v>
      </c>
      <c r="G22" s="197">
        <v>118</v>
      </c>
      <c r="H22" s="197">
        <v>131</v>
      </c>
      <c r="I22" s="195">
        <v>90</v>
      </c>
      <c r="J22" s="198">
        <v>347</v>
      </c>
      <c r="K22" s="199">
        <v>347</v>
      </c>
      <c r="L22" s="194">
        <v>0</v>
      </c>
      <c r="M22" s="195">
        <v>0</v>
      </c>
      <c r="N22" s="198">
        <v>0</v>
      </c>
      <c r="O22" s="196">
        <v>0</v>
      </c>
      <c r="P22" s="197">
        <v>8</v>
      </c>
      <c r="Q22" s="197">
        <v>117</v>
      </c>
      <c r="R22" s="197">
        <v>131</v>
      </c>
      <c r="S22" s="195">
        <v>90</v>
      </c>
      <c r="T22" s="198">
        <v>346</v>
      </c>
      <c r="U22" s="200">
        <v>346</v>
      </c>
      <c r="V22" s="201">
        <v>0</v>
      </c>
      <c r="W22" s="195">
        <v>0</v>
      </c>
      <c r="X22" s="198">
        <v>0</v>
      </c>
      <c r="Y22" s="201">
        <v>0</v>
      </c>
      <c r="Z22" s="197">
        <v>0</v>
      </c>
      <c r="AA22" s="197">
        <v>1</v>
      </c>
      <c r="AB22" s="197">
        <v>0</v>
      </c>
      <c r="AC22" s="195">
        <v>0</v>
      </c>
      <c r="AD22" s="198">
        <v>1</v>
      </c>
      <c r="AE22" s="202">
        <v>1</v>
      </c>
      <c r="AF22" s="201">
        <v>0</v>
      </c>
      <c r="AG22" s="195">
        <v>0</v>
      </c>
      <c r="AH22" s="198">
        <v>0</v>
      </c>
      <c r="AI22" s="201">
        <v>21</v>
      </c>
      <c r="AJ22" s="197">
        <v>49</v>
      </c>
      <c r="AK22" s="197">
        <v>67</v>
      </c>
      <c r="AL22" s="197">
        <v>62</v>
      </c>
      <c r="AM22" s="195">
        <v>29</v>
      </c>
      <c r="AN22" s="198">
        <v>228</v>
      </c>
      <c r="AO22" s="202">
        <v>228</v>
      </c>
      <c r="AP22" s="201">
        <v>0</v>
      </c>
      <c r="AQ22" s="195">
        <v>0</v>
      </c>
      <c r="AR22" s="198">
        <v>0</v>
      </c>
      <c r="AS22" s="196">
        <v>21</v>
      </c>
      <c r="AT22" s="197">
        <v>49</v>
      </c>
      <c r="AU22" s="197">
        <v>65</v>
      </c>
      <c r="AV22" s="197">
        <v>61</v>
      </c>
      <c r="AW22" s="195">
        <v>29</v>
      </c>
      <c r="AX22" s="198">
        <v>225</v>
      </c>
      <c r="AY22" s="199">
        <v>225</v>
      </c>
      <c r="AZ22" s="194">
        <v>0</v>
      </c>
      <c r="BA22" s="195">
        <v>0</v>
      </c>
      <c r="BB22" s="195">
        <v>0</v>
      </c>
      <c r="BC22" s="196">
        <v>0</v>
      </c>
      <c r="BD22" s="197">
        <v>0</v>
      </c>
      <c r="BE22" s="197">
        <v>2</v>
      </c>
      <c r="BF22" s="197">
        <v>1</v>
      </c>
      <c r="BG22" s="195">
        <v>0</v>
      </c>
      <c r="BH22" s="198">
        <v>3</v>
      </c>
      <c r="BI22" s="200">
        <v>3</v>
      </c>
      <c r="BJ22" s="201">
        <v>0</v>
      </c>
      <c r="BK22" s="195">
        <v>0</v>
      </c>
      <c r="BL22" s="195">
        <v>0</v>
      </c>
      <c r="BM22" s="196">
        <v>0</v>
      </c>
      <c r="BN22" s="197">
        <v>0</v>
      </c>
      <c r="BO22" s="197">
        <v>0</v>
      </c>
      <c r="BP22" s="197">
        <v>0</v>
      </c>
      <c r="BQ22" s="195">
        <v>0</v>
      </c>
      <c r="BR22" s="198">
        <v>0</v>
      </c>
      <c r="BS22" s="199">
        <v>0</v>
      </c>
      <c r="BT22" s="194">
        <v>0</v>
      </c>
      <c r="BU22" s="195">
        <v>0</v>
      </c>
      <c r="BV22" s="195">
        <v>0</v>
      </c>
      <c r="BW22" s="196">
        <v>0</v>
      </c>
      <c r="BX22" s="197">
        <v>0</v>
      </c>
      <c r="BY22" s="197">
        <v>0</v>
      </c>
      <c r="BZ22" s="197">
        <v>0</v>
      </c>
      <c r="CA22" s="195">
        <v>0</v>
      </c>
      <c r="CB22" s="198">
        <v>0</v>
      </c>
      <c r="CC22" s="200">
        <v>0</v>
      </c>
      <c r="CD22" s="201">
        <v>0</v>
      </c>
      <c r="CE22" s="195">
        <v>0</v>
      </c>
      <c r="CF22" s="195">
        <v>0</v>
      </c>
      <c r="CG22" s="196">
        <v>0</v>
      </c>
      <c r="CH22" s="197">
        <v>0</v>
      </c>
      <c r="CI22" s="197">
        <v>0</v>
      </c>
      <c r="CJ22" s="197">
        <v>0</v>
      </c>
      <c r="CK22" s="195">
        <v>0</v>
      </c>
      <c r="CL22" s="198">
        <v>0</v>
      </c>
      <c r="CM22" s="200">
        <v>0</v>
      </c>
      <c r="CN22" s="201">
        <v>0</v>
      </c>
      <c r="CO22" s="195">
        <v>0</v>
      </c>
      <c r="CP22" s="195">
        <v>0</v>
      </c>
      <c r="CQ22" s="196">
        <v>0</v>
      </c>
      <c r="CR22" s="197">
        <v>0</v>
      </c>
      <c r="CS22" s="197">
        <v>0</v>
      </c>
      <c r="CT22" s="197">
        <v>3</v>
      </c>
      <c r="CU22" s="195">
        <v>6</v>
      </c>
      <c r="CV22" s="198">
        <v>9</v>
      </c>
      <c r="CW22" s="199">
        <v>9</v>
      </c>
      <c r="CX22" s="194">
        <v>0</v>
      </c>
      <c r="CY22" s="195">
        <v>0</v>
      </c>
      <c r="CZ22" s="195">
        <v>0</v>
      </c>
      <c r="DA22" s="196">
        <v>0</v>
      </c>
      <c r="DB22" s="197">
        <v>0</v>
      </c>
      <c r="DC22" s="197">
        <v>0</v>
      </c>
      <c r="DD22" s="197">
        <v>3</v>
      </c>
      <c r="DE22" s="195">
        <v>5</v>
      </c>
      <c r="DF22" s="198">
        <v>8</v>
      </c>
      <c r="DG22" s="200">
        <v>8</v>
      </c>
      <c r="DH22" s="201">
        <v>0</v>
      </c>
      <c r="DI22" s="195">
        <v>0</v>
      </c>
      <c r="DJ22" s="195">
        <v>0</v>
      </c>
      <c r="DK22" s="196">
        <v>0</v>
      </c>
      <c r="DL22" s="197">
        <v>0</v>
      </c>
      <c r="DM22" s="197">
        <v>0</v>
      </c>
      <c r="DN22" s="197">
        <v>0</v>
      </c>
      <c r="DO22" s="195">
        <v>1</v>
      </c>
      <c r="DP22" s="198">
        <v>1</v>
      </c>
      <c r="DQ22" s="200">
        <v>1</v>
      </c>
      <c r="DR22" s="201">
        <v>0</v>
      </c>
      <c r="DS22" s="195">
        <v>0</v>
      </c>
      <c r="DT22" s="195">
        <v>0</v>
      </c>
      <c r="DU22" s="196">
        <v>21</v>
      </c>
      <c r="DV22" s="197">
        <v>57</v>
      </c>
      <c r="DW22" s="197">
        <v>183</v>
      </c>
      <c r="DX22" s="197">
        <v>193</v>
      </c>
      <c r="DY22" s="195">
        <v>125</v>
      </c>
      <c r="DZ22" s="198">
        <v>579</v>
      </c>
      <c r="EA22" s="200">
        <v>579</v>
      </c>
      <c r="EB22" s="37"/>
    </row>
    <row r="23" spans="1:132" ht="20.25" customHeight="1" x14ac:dyDescent="0.2">
      <c r="A23" s="62" t="s">
        <v>20</v>
      </c>
      <c r="B23" s="194">
        <v>0</v>
      </c>
      <c r="C23" s="195">
        <v>0</v>
      </c>
      <c r="D23" s="195">
        <v>0</v>
      </c>
      <c r="E23" s="196">
        <v>5</v>
      </c>
      <c r="F23" s="197">
        <v>24</v>
      </c>
      <c r="G23" s="197">
        <v>149</v>
      </c>
      <c r="H23" s="197">
        <v>186</v>
      </c>
      <c r="I23" s="195">
        <v>110</v>
      </c>
      <c r="J23" s="198">
        <v>474</v>
      </c>
      <c r="K23" s="199">
        <v>474</v>
      </c>
      <c r="L23" s="194">
        <v>0</v>
      </c>
      <c r="M23" s="195">
        <v>0</v>
      </c>
      <c r="N23" s="198">
        <v>0</v>
      </c>
      <c r="O23" s="196">
        <v>5</v>
      </c>
      <c r="P23" s="197">
        <v>24</v>
      </c>
      <c r="Q23" s="197">
        <v>148</v>
      </c>
      <c r="R23" s="197">
        <v>184</v>
      </c>
      <c r="S23" s="195">
        <v>108</v>
      </c>
      <c r="T23" s="198">
        <v>469</v>
      </c>
      <c r="U23" s="200">
        <v>469</v>
      </c>
      <c r="V23" s="201">
        <v>0</v>
      </c>
      <c r="W23" s="195">
        <v>0</v>
      </c>
      <c r="X23" s="198">
        <v>0</v>
      </c>
      <c r="Y23" s="201">
        <v>0</v>
      </c>
      <c r="Z23" s="197">
        <v>0</v>
      </c>
      <c r="AA23" s="197">
        <v>1</v>
      </c>
      <c r="AB23" s="197">
        <v>2</v>
      </c>
      <c r="AC23" s="195">
        <v>2</v>
      </c>
      <c r="AD23" s="198">
        <v>5</v>
      </c>
      <c r="AE23" s="202">
        <v>5</v>
      </c>
      <c r="AF23" s="201">
        <v>0</v>
      </c>
      <c r="AG23" s="195">
        <v>0</v>
      </c>
      <c r="AH23" s="198">
        <v>0</v>
      </c>
      <c r="AI23" s="201">
        <v>22</v>
      </c>
      <c r="AJ23" s="197">
        <v>37</v>
      </c>
      <c r="AK23" s="197">
        <v>42</v>
      </c>
      <c r="AL23" s="197">
        <v>43</v>
      </c>
      <c r="AM23" s="195">
        <v>21</v>
      </c>
      <c r="AN23" s="198">
        <v>165</v>
      </c>
      <c r="AO23" s="202">
        <v>165</v>
      </c>
      <c r="AP23" s="201">
        <v>0</v>
      </c>
      <c r="AQ23" s="195">
        <v>0</v>
      </c>
      <c r="AR23" s="198">
        <v>0</v>
      </c>
      <c r="AS23" s="196">
        <v>22</v>
      </c>
      <c r="AT23" s="197">
        <v>37</v>
      </c>
      <c r="AU23" s="197">
        <v>42</v>
      </c>
      <c r="AV23" s="197">
        <v>40</v>
      </c>
      <c r="AW23" s="195">
        <v>21</v>
      </c>
      <c r="AX23" s="198">
        <v>162</v>
      </c>
      <c r="AY23" s="199">
        <v>162</v>
      </c>
      <c r="AZ23" s="194">
        <v>0</v>
      </c>
      <c r="BA23" s="195">
        <v>0</v>
      </c>
      <c r="BB23" s="195">
        <v>0</v>
      </c>
      <c r="BC23" s="196">
        <v>0</v>
      </c>
      <c r="BD23" s="197">
        <v>0</v>
      </c>
      <c r="BE23" s="197">
        <v>0</v>
      </c>
      <c r="BF23" s="197">
        <v>3</v>
      </c>
      <c r="BG23" s="195">
        <v>0</v>
      </c>
      <c r="BH23" s="198">
        <v>3</v>
      </c>
      <c r="BI23" s="200">
        <v>3</v>
      </c>
      <c r="BJ23" s="201">
        <v>0</v>
      </c>
      <c r="BK23" s="195">
        <v>0</v>
      </c>
      <c r="BL23" s="195">
        <v>0</v>
      </c>
      <c r="BM23" s="196">
        <v>0</v>
      </c>
      <c r="BN23" s="197">
        <v>0</v>
      </c>
      <c r="BO23" s="197">
        <v>0</v>
      </c>
      <c r="BP23" s="197">
        <v>0</v>
      </c>
      <c r="BQ23" s="195">
        <v>2</v>
      </c>
      <c r="BR23" s="198">
        <v>2</v>
      </c>
      <c r="BS23" s="199">
        <v>2</v>
      </c>
      <c r="BT23" s="194">
        <v>0</v>
      </c>
      <c r="BU23" s="195">
        <v>0</v>
      </c>
      <c r="BV23" s="195">
        <v>0</v>
      </c>
      <c r="BW23" s="196">
        <v>0</v>
      </c>
      <c r="BX23" s="197">
        <v>0</v>
      </c>
      <c r="BY23" s="197">
        <v>0</v>
      </c>
      <c r="BZ23" s="197">
        <v>0</v>
      </c>
      <c r="CA23" s="195">
        <v>2</v>
      </c>
      <c r="CB23" s="198">
        <v>2</v>
      </c>
      <c r="CC23" s="200">
        <v>2</v>
      </c>
      <c r="CD23" s="201">
        <v>0</v>
      </c>
      <c r="CE23" s="195">
        <v>0</v>
      </c>
      <c r="CF23" s="195">
        <v>0</v>
      </c>
      <c r="CG23" s="196">
        <v>0</v>
      </c>
      <c r="CH23" s="197">
        <v>0</v>
      </c>
      <c r="CI23" s="197">
        <v>0</v>
      </c>
      <c r="CJ23" s="197">
        <v>0</v>
      </c>
      <c r="CK23" s="195">
        <v>0</v>
      </c>
      <c r="CL23" s="198">
        <v>0</v>
      </c>
      <c r="CM23" s="200">
        <v>0</v>
      </c>
      <c r="CN23" s="201">
        <v>0</v>
      </c>
      <c r="CO23" s="195">
        <v>0</v>
      </c>
      <c r="CP23" s="195">
        <v>0</v>
      </c>
      <c r="CQ23" s="196">
        <v>0</v>
      </c>
      <c r="CR23" s="197">
        <v>0</v>
      </c>
      <c r="CS23" s="197">
        <v>1</v>
      </c>
      <c r="CT23" s="197">
        <v>0</v>
      </c>
      <c r="CU23" s="195">
        <v>6</v>
      </c>
      <c r="CV23" s="198">
        <v>7</v>
      </c>
      <c r="CW23" s="199">
        <v>7</v>
      </c>
      <c r="CX23" s="194">
        <v>0</v>
      </c>
      <c r="CY23" s="195">
        <v>0</v>
      </c>
      <c r="CZ23" s="195">
        <v>0</v>
      </c>
      <c r="DA23" s="196">
        <v>0</v>
      </c>
      <c r="DB23" s="197">
        <v>0</v>
      </c>
      <c r="DC23" s="197">
        <v>1</v>
      </c>
      <c r="DD23" s="197">
        <v>0</v>
      </c>
      <c r="DE23" s="195">
        <v>6</v>
      </c>
      <c r="DF23" s="198">
        <v>7</v>
      </c>
      <c r="DG23" s="200">
        <v>7</v>
      </c>
      <c r="DH23" s="201">
        <v>0</v>
      </c>
      <c r="DI23" s="195">
        <v>0</v>
      </c>
      <c r="DJ23" s="195">
        <v>0</v>
      </c>
      <c r="DK23" s="196">
        <v>0</v>
      </c>
      <c r="DL23" s="197">
        <v>0</v>
      </c>
      <c r="DM23" s="197">
        <v>0</v>
      </c>
      <c r="DN23" s="197">
        <v>0</v>
      </c>
      <c r="DO23" s="195">
        <v>0</v>
      </c>
      <c r="DP23" s="198">
        <v>0</v>
      </c>
      <c r="DQ23" s="200">
        <v>0</v>
      </c>
      <c r="DR23" s="201">
        <v>0</v>
      </c>
      <c r="DS23" s="195">
        <v>0</v>
      </c>
      <c r="DT23" s="195">
        <v>0</v>
      </c>
      <c r="DU23" s="196">
        <v>27</v>
      </c>
      <c r="DV23" s="197">
        <v>61</v>
      </c>
      <c r="DW23" s="197">
        <v>192</v>
      </c>
      <c r="DX23" s="197">
        <v>229</v>
      </c>
      <c r="DY23" s="195">
        <v>138</v>
      </c>
      <c r="DZ23" s="198">
        <v>647</v>
      </c>
      <c r="EA23" s="200">
        <v>647</v>
      </c>
      <c r="EB23" s="37"/>
    </row>
    <row r="24" spans="1:132" ht="20.25" customHeight="1" x14ac:dyDescent="0.2">
      <c r="A24" s="62" t="s">
        <v>21</v>
      </c>
      <c r="B24" s="194">
        <v>0</v>
      </c>
      <c r="C24" s="195">
        <v>0</v>
      </c>
      <c r="D24" s="195">
        <v>0</v>
      </c>
      <c r="E24" s="196">
        <v>3</v>
      </c>
      <c r="F24" s="197">
        <v>14</v>
      </c>
      <c r="G24" s="197">
        <v>170</v>
      </c>
      <c r="H24" s="197">
        <v>184</v>
      </c>
      <c r="I24" s="195">
        <v>138</v>
      </c>
      <c r="J24" s="198">
        <v>509</v>
      </c>
      <c r="K24" s="199">
        <v>509</v>
      </c>
      <c r="L24" s="194">
        <v>0</v>
      </c>
      <c r="M24" s="195">
        <v>0</v>
      </c>
      <c r="N24" s="198">
        <v>0</v>
      </c>
      <c r="O24" s="196">
        <v>3</v>
      </c>
      <c r="P24" s="197">
        <v>14</v>
      </c>
      <c r="Q24" s="197">
        <v>169</v>
      </c>
      <c r="R24" s="197">
        <v>184</v>
      </c>
      <c r="S24" s="195">
        <v>135</v>
      </c>
      <c r="T24" s="198">
        <v>505</v>
      </c>
      <c r="U24" s="200">
        <v>505</v>
      </c>
      <c r="V24" s="201">
        <v>0</v>
      </c>
      <c r="W24" s="195">
        <v>0</v>
      </c>
      <c r="X24" s="198">
        <v>0</v>
      </c>
      <c r="Y24" s="201">
        <v>0</v>
      </c>
      <c r="Z24" s="197">
        <v>0</v>
      </c>
      <c r="AA24" s="197">
        <v>1</v>
      </c>
      <c r="AB24" s="197">
        <v>0</v>
      </c>
      <c r="AC24" s="195">
        <v>3</v>
      </c>
      <c r="AD24" s="198">
        <v>4</v>
      </c>
      <c r="AE24" s="202">
        <v>4</v>
      </c>
      <c r="AF24" s="201">
        <v>0</v>
      </c>
      <c r="AG24" s="195">
        <v>0</v>
      </c>
      <c r="AH24" s="198">
        <v>0</v>
      </c>
      <c r="AI24" s="201">
        <v>19</v>
      </c>
      <c r="AJ24" s="197">
        <v>32</v>
      </c>
      <c r="AK24" s="197">
        <v>38</v>
      </c>
      <c r="AL24" s="197">
        <v>49</v>
      </c>
      <c r="AM24" s="195">
        <v>25</v>
      </c>
      <c r="AN24" s="198">
        <v>163</v>
      </c>
      <c r="AO24" s="202">
        <v>163</v>
      </c>
      <c r="AP24" s="201">
        <v>0</v>
      </c>
      <c r="AQ24" s="195">
        <v>0</v>
      </c>
      <c r="AR24" s="198">
        <v>0</v>
      </c>
      <c r="AS24" s="196">
        <v>19</v>
      </c>
      <c r="AT24" s="197">
        <v>32</v>
      </c>
      <c r="AU24" s="197">
        <v>38</v>
      </c>
      <c r="AV24" s="197">
        <v>46</v>
      </c>
      <c r="AW24" s="195">
        <v>21</v>
      </c>
      <c r="AX24" s="198">
        <v>156</v>
      </c>
      <c r="AY24" s="199">
        <v>156</v>
      </c>
      <c r="AZ24" s="194">
        <v>0</v>
      </c>
      <c r="BA24" s="195">
        <v>0</v>
      </c>
      <c r="BB24" s="195">
        <v>0</v>
      </c>
      <c r="BC24" s="196">
        <v>0</v>
      </c>
      <c r="BD24" s="197">
        <v>0</v>
      </c>
      <c r="BE24" s="197">
        <v>0</v>
      </c>
      <c r="BF24" s="197">
        <v>3</v>
      </c>
      <c r="BG24" s="195">
        <v>4</v>
      </c>
      <c r="BH24" s="198">
        <v>7</v>
      </c>
      <c r="BI24" s="200">
        <v>7</v>
      </c>
      <c r="BJ24" s="201">
        <v>0</v>
      </c>
      <c r="BK24" s="195">
        <v>0</v>
      </c>
      <c r="BL24" s="195">
        <v>0</v>
      </c>
      <c r="BM24" s="196">
        <v>0</v>
      </c>
      <c r="BN24" s="197">
        <v>0</v>
      </c>
      <c r="BO24" s="197">
        <v>1</v>
      </c>
      <c r="BP24" s="197">
        <v>1</v>
      </c>
      <c r="BQ24" s="195">
        <v>3</v>
      </c>
      <c r="BR24" s="198">
        <v>5</v>
      </c>
      <c r="BS24" s="199">
        <v>5</v>
      </c>
      <c r="BT24" s="194">
        <v>0</v>
      </c>
      <c r="BU24" s="195">
        <v>0</v>
      </c>
      <c r="BV24" s="195">
        <v>0</v>
      </c>
      <c r="BW24" s="196">
        <v>0</v>
      </c>
      <c r="BX24" s="197">
        <v>0</v>
      </c>
      <c r="BY24" s="197">
        <v>1</v>
      </c>
      <c r="BZ24" s="197">
        <v>1</v>
      </c>
      <c r="CA24" s="195">
        <v>3</v>
      </c>
      <c r="CB24" s="198">
        <v>5</v>
      </c>
      <c r="CC24" s="200">
        <v>5</v>
      </c>
      <c r="CD24" s="201">
        <v>0</v>
      </c>
      <c r="CE24" s="195">
        <v>0</v>
      </c>
      <c r="CF24" s="195">
        <v>0</v>
      </c>
      <c r="CG24" s="196">
        <v>0</v>
      </c>
      <c r="CH24" s="197">
        <v>0</v>
      </c>
      <c r="CI24" s="197">
        <v>0</v>
      </c>
      <c r="CJ24" s="197">
        <v>0</v>
      </c>
      <c r="CK24" s="195">
        <v>0</v>
      </c>
      <c r="CL24" s="198">
        <v>0</v>
      </c>
      <c r="CM24" s="200">
        <v>0</v>
      </c>
      <c r="CN24" s="201">
        <v>0</v>
      </c>
      <c r="CO24" s="195">
        <v>0</v>
      </c>
      <c r="CP24" s="195">
        <v>0</v>
      </c>
      <c r="CQ24" s="196">
        <v>0</v>
      </c>
      <c r="CR24" s="197">
        <v>0</v>
      </c>
      <c r="CS24" s="197">
        <v>1</v>
      </c>
      <c r="CT24" s="197">
        <v>8</v>
      </c>
      <c r="CU24" s="195">
        <v>5</v>
      </c>
      <c r="CV24" s="198">
        <v>14</v>
      </c>
      <c r="CW24" s="199">
        <v>14</v>
      </c>
      <c r="CX24" s="194">
        <v>0</v>
      </c>
      <c r="CY24" s="195">
        <v>0</v>
      </c>
      <c r="CZ24" s="195">
        <v>0</v>
      </c>
      <c r="DA24" s="196">
        <v>0</v>
      </c>
      <c r="DB24" s="197">
        <v>0</v>
      </c>
      <c r="DC24" s="197">
        <v>1</v>
      </c>
      <c r="DD24" s="197">
        <v>8</v>
      </c>
      <c r="DE24" s="195">
        <v>4</v>
      </c>
      <c r="DF24" s="198">
        <v>13</v>
      </c>
      <c r="DG24" s="200">
        <v>13</v>
      </c>
      <c r="DH24" s="201">
        <v>0</v>
      </c>
      <c r="DI24" s="195">
        <v>0</v>
      </c>
      <c r="DJ24" s="195">
        <v>0</v>
      </c>
      <c r="DK24" s="196">
        <v>0</v>
      </c>
      <c r="DL24" s="197">
        <v>0</v>
      </c>
      <c r="DM24" s="197">
        <v>0</v>
      </c>
      <c r="DN24" s="197">
        <v>0</v>
      </c>
      <c r="DO24" s="195">
        <v>1</v>
      </c>
      <c r="DP24" s="198">
        <v>1</v>
      </c>
      <c r="DQ24" s="200">
        <v>1</v>
      </c>
      <c r="DR24" s="201">
        <v>0</v>
      </c>
      <c r="DS24" s="195">
        <v>0</v>
      </c>
      <c r="DT24" s="195">
        <v>0</v>
      </c>
      <c r="DU24" s="196">
        <v>22</v>
      </c>
      <c r="DV24" s="197">
        <v>46</v>
      </c>
      <c r="DW24" s="197">
        <v>210</v>
      </c>
      <c r="DX24" s="197">
        <v>242</v>
      </c>
      <c r="DY24" s="195">
        <v>170</v>
      </c>
      <c r="DZ24" s="198">
        <v>690</v>
      </c>
      <c r="EA24" s="200">
        <v>690</v>
      </c>
      <c r="EB24" s="37"/>
    </row>
    <row r="25" spans="1:132" ht="20.25" customHeight="1" x14ac:dyDescent="0.2">
      <c r="A25" s="62" t="s">
        <v>22</v>
      </c>
      <c r="B25" s="194">
        <v>0</v>
      </c>
      <c r="C25" s="195">
        <v>0</v>
      </c>
      <c r="D25" s="195">
        <v>0</v>
      </c>
      <c r="E25" s="196">
        <v>2</v>
      </c>
      <c r="F25" s="197">
        <v>6</v>
      </c>
      <c r="G25" s="197">
        <v>43</v>
      </c>
      <c r="H25" s="197">
        <v>58</v>
      </c>
      <c r="I25" s="195">
        <v>34</v>
      </c>
      <c r="J25" s="198">
        <v>143</v>
      </c>
      <c r="K25" s="199">
        <v>143</v>
      </c>
      <c r="L25" s="194">
        <v>0</v>
      </c>
      <c r="M25" s="195">
        <v>0</v>
      </c>
      <c r="N25" s="198">
        <v>0</v>
      </c>
      <c r="O25" s="196">
        <v>2</v>
      </c>
      <c r="P25" s="197">
        <v>6</v>
      </c>
      <c r="Q25" s="197">
        <v>43</v>
      </c>
      <c r="R25" s="197">
        <v>58</v>
      </c>
      <c r="S25" s="195">
        <v>32</v>
      </c>
      <c r="T25" s="198">
        <v>141</v>
      </c>
      <c r="U25" s="200">
        <v>141</v>
      </c>
      <c r="V25" s="201">
        <v>0</v>
      </c>
      <c r="W25" s="195">
        <v>0</v>
      </c>
      <c r="X25" s="198">
        <v>0</v>
      </c>
      <c r="Y25" s="201">
        <v>0</v>
      </c>
      <c r="Z25" s="197">
        <v>0</v>
      </c>
      <c r="AA25" s="197">
        <v>0</v>
      </c>
      <c r="AB25" s="197">
        <v>0</v>
      </c>
      <c r="AC25" s="195">
        <v>2</v>
      </c>
      <c r="AD25" s="198">
        <v>2</v>
      </c>
      <c r="AE25" s="202">
        <v>2</v>
      </c>
      <c r="AF25" s="201">
        <v>0</v>
      </c>
      <c r="AG25" s="195">
        <v>0</v>
      </c>
      <c r="AH25" s="198">
        <v>0</v>
      </c>
      <c r="AI25" s="201">
        <v>11</v>
      </c>
      <c r="AJ25" s="197">
        <v>24</v>
      </c>
      <c r="AK25" s="197">
        <v>32</v>
      </c>
      <c r="AL25" s="197">
        <v>37</v>
      </c>
      <c r="AM25" s="195">
        <v>18</v>
      </c>
      <c r="AN25" s="198">
        <v>122</v>
      </c>
      <c r="AO25" s="202">
        <v>122</v>
      </c>
      <c r="AP25" s="201">
        <v>0</v>
      </c>
      <c r="AQ25" s="195">
        <v>0</v>
      </c>
      <c r="AR25" s="198">
        <v>0</v>
      </c>
      <c r="AS25" s="196">
        <v>11</v>
      </c>
      <c r="AT25" s="197">
        <v>24</v>
      </c>
      <c r="AU25" s="197">
        <v>32</v>
      </c>
      <c r="AV25" s="197">
        <v>36</v>
      </c>
      <c r="AW25" s="195">
        <v>18</v>
      </c>
      <c r="AX25" s="198">
        <v>121</v>
      </c>
      <c r="AY25" s="199">
        <v>121</v>
      </c>
      <c r="AZ25" s="194">
        <v>0</v>
      </c>
      <c r="BA25" s="195">
        <v>0</v>
      </c>
      <c r="BB25" s="195">
        <v>0</v>
      </c>
      <c r="BC25" s="196">
        <v>0</v>
      </c>
      <c r="BD25" s="197">
        <v>0</v>
      </c>
      <c r="BE25" s="197">
        <v>0</v>
      </c>
      <c r="BF25" s="197">
        <v>1</v>
      </c>
      <c r="BG25" s="195">
        <v>0</v>
      </c>
      <c r="BH25" s="198">
        <v>1</v>
      </c>
      <c r="BI25" s="200">
        <v>1</v>
      </c>
      <c r="BJ25" s="201">
        <v>0</v>
      </c>
      <c r="BK25" s="195">
        <v>0</v>
      </c>
      <c r="BL25" s="195">
        <v>0</v>
      </c>
      <c r="BM25" s="196">
        <v>0</v>
      </c>
      <c r="BN25" s="197">
        <v>0</v>
      </c>
      <c r="BO25" s="197">
        <v>0</v>
      </c>
      <c r="BP25" s="197">
        <v>0</v>
      </c>
      <c r="BQ25" s="195">
        <v>4</v>
      </c>
      <c r="BR25" s="198">
        <v>4</v>
      </c>
      <c r="BS25" s="199">
        <v>4</v>
      </c>
      <c r="BT25" s="194">
        <v>0</v>
      </c>
      <c r="BU25" s="195">
        <v>0</v>
      </c>
      <c r="BV25" s="195">
        <v>0</v>
      </c>
      <c r="BW25" s="196">
        <v>0</v>
      </c>
      <c r="BX25" s="197">
        <v>0</v>
      </c>
      <c r="BY25" s="197">
        <v>0</v>
      </c>
      <c r="BZ25" s="197">
        <v>0</v>
      </c>
      <c r="CA25" s="195">
        <v>4</v>
      </c>
      <c r="CB25" s="198">
        <v>4</v>
      </c>
      <c r="CC25" s="200">
        <v>4</v>
      </c>
      <c r="CD25" s="201">
        <v>0</v>
      </c>
      <c r="CE25" s="195">
        <v>0</v>
      </c>
      <c r="CF25" s="195">
        <v>0</v>
      </c>
      <c r="CG25" s="196">
        <v>0</v>
      </c>
      <c r="CH25" s="197">
        <v>0</v>
      </c>
      <c r="CI25" s="197">
        <v>0</v>
      </c>
      <c r="CJ25" s="197">
        <v>0</v>
      </c>
      <c r="CK25" s="195">
        <v>0</v>
      </c>
      <c r="CL25" s="198">
        <v>0</v>
      </c>
      <c r="CM25" s="200">
        <v>0</v>
      </c>
      <c r="CN25" s="201">
        <v>0</v>
      </c>
      <c r="CO25" s="195">
        <v>0</v>
      </c>
      <c r="CP25" s="195">
        <v>0</v>
      </c>
      <c r="CQ25" s="196">
        <v>0</v>
      </c>
      <c r="CR25" s="197">
        <v>0</v>
      </c>
      <c r="CS25" s="197">
        <v>1</v>
      </c>
      <c r="CT25" s="197">
        <v>2</v>
      </c>
      <c r="CU25" s="195">
        <v>3</v>
      </c>
      <c r="CV25" s="198">
        <v>6</v>
      </c>
      <c r="CW25" s="199">
        <v>6</v>
      </c>
      <c r="CX25" s="194">
        <v>0</v>
      </c>
      <c r="CY25" s="195">
        <v>0</v>
      </c>
      <c r="CZ25" s="195">
        <v>0</v>
      </c>
      <c r="DA25" s="196">
        <v>0</v>
      </c>
      <c r="DB25" s="197">
        <v>0</v>
      </c>
      <c r="DC25" s="197">
        <v>1</v>
      </c>
      <c r="DD25" s="197">
        <v>2</v>
      </c>
      <c r="DE25" s="195">
        <v>3</v>
      </c>
      <c r="DF25" s="198">
        <v>6</v>
      </c>
      <c r="DG25" s="200">
        <v>6</v>
      </c>
      <c r="DH25" s="201">
        <v>0</v>
      </c>
      <c r="DI25" s="195">
        <v>0</v>
      </c>
      <c r="DJ25" s="195">
        <v>0</v>
      </c>
      <c r="DK25" s="196">
        <v>0</v>
      </c>
      <c r="DL25" s="197">
        <v>0</v>
      </c>
      <c r="DM25" s="197">
        <v>0</v>
      </c>
      <c r="DN25" s="197">
        <v>0</v>
      </c>
      <c r="DO25" s="195">
        <v>0</v>
      </c>
      <c r="DP25" s="198">
        <v>0</v>
      </c>
      <c r="DQ25" s="200">
        <v>0</v>
      </c>
      <c r="DR25" s="201">
        <v>0</v>
      </c>
      <c r="DS25" s="195">
        <v>0</v>
      </c>
      <c r="DT25" s="195">
        <v>0</v>
      </c>
      <c r="DU25" s="196">
        <v>13</v>
      </c>
      <c r="DV25" s="197">
        <v>30</v>
      </c>
      <c r="DW25" s="197">
        <v>76</v>
      </c>
      <c r="DX25" s="197">
        <v>96</v>
      </c>
      <c r="DY25" s="195">
        <v>59</v>
      </c>
      <c r="DZ25" s="198">
        <v>274</v>
      </c>
      <c r="EA25" s="200">
        <v>274</v>
      </c>
      <c r="EB25" s="37"/>
    </row>
    <row r="26" spans="1:132" ht="20.25" customHeight="1" x14ac:dyDescent="0.2">
      <c r="A26" s="62" t="s">
        <v>23</v>
      </c>
      <c r="B26" s="194">
        <v>0</v>
      </c>
      <c r="C26" s="195">
        <v>0</v>
      </c>
      <c r="D26" s="195">
        <v>0</v>
      </c>
      <c r="E26" s="196">
        <v>4</v>
      </c>
      <c r="F26" s="197">
        <v>16</v>
      </c>
      <c r="G26" s="197">
        <v>72</v>
      </c>
      <c r="H26" s="197">
        <v>132</v>
      </c>
      <c r="I26" s="195">
        <v>105</v>
      </c>
      <c r="J26" s="198">
        <v>329</v>
      </c>
      <c r="K26" s="199">
        <v>329</v>
      </c>
      <c r="L26" s="194">
        <v>0</v>
      </c>
      <c r="M26" s="195">
        <v>0</v>
      </c>
      <c r="N26" s="198">
        <v>0</v>
      </c>
      <c r="O26" s="196">
        <v>4</v>
      </c>
      <c r="P26" s="197">
        <v>16</v>
      </c>
      <c r="Q26" s="197">
        <v>72</v>
      </c>
      <c r="R26" s="197">
        <v>132</v>
      </c>
      <c r="S26" s="195">
        <v>103</v>
      </c>
      <c r="T26" s="198">
        <v>327</v>
      </c>
      <c r="U26" s="200">
        <v>327</v>
      </c>
      <c r="V26" s="201">
        <v>0</v>
      </c>
      <c r="W26" s="195">
        <v>0</v>
      </c>
      <c r="X26" s="198">
        <v>0</v>
      </c>
      <c r="Y26" s="201">
        <v>0</v>
      </c>
      <c r="Z26" s="197">
        <v>0</v>
      </c>
      <c r="AA26" s="197">
        <v>0</v>
      </c>
      <c r="AB26" s="197">
        <v>0</v>
      </c>
      <c r="AC26" s="195">
        <v>2</v>
      </c>
      <c r="AD26" s="198">
        <v>2</v>
      </c>
      <c r="AE26" s="202">
        <v>2</v>
      </c>
      <c r="AF26" s="201">
        <v>0</v>
      </c>
      <c r="AG26" s="195">
        <v>0</v>
      </c>
      <c r="AH26" s="198">
        <v>0</v>
      </c>
      <c r="AI26" s="201">
        <v>17</v>
      </c>
      <c r="AJ26" s="197">
        <v>37</v>
      </c>
      <c r="AK26" s="197">
        <v>39</v>
      </c>
      <c r="AL26" s="197">
        <v>59</v>
      </c>
      <c r="AM26" s="195">
        <v>25</v>
      </c>
      <c r="AN26" s="198">
        <v>177</v>
      </c>
      <c r="AO26" s="202">
        <v>177</v>
      </c>
      <c r="AP26" s="201">
        <v>0</v>
      </c>
      <c r="AQ26" s="195">
        <v>0</v>
      </c>
      <c r="AR26" s="198">
        <v>0</v>
      </c>
      <c r="AS26" s="196">
        <v>17</v>
      </c>
      <c r="AT26" s="197">
        <v>37</v>
      </c>
      <c r="AU26" s="197">
        <v>39</v>
      </c>
      <c r="AV26" s="197">
        <v>59</v>
      </c>
      <c r="AW26" s="195">
        <v>23</v>
      </c>
      <c r="AX26" s="198">
        <v>175</v>
      </c>
      <c r="AY26" s="199">
        <v>175</v>
      </c>
      <c r="AZ26" s="194">
        <v>0</v>
      </c>
      <c r="BA26" s="195">
        <v>0</v>
      </c>
      <c r="BB26" s="195">
        <v>0</v>
      </c>
      <c r="BC26" s="196">
        <v>0</v>
      </c>
      <c r="BD26" s="197">
        <v>0</v>
      </c>
      <c r="BE26" s="197">
        <v>0</v>
      </c>
      <c r="BF26" s="197">
        <v>0</v>
      </c>
      <c r="BG26" s="195">
        <v>2</v>
      </c>
      <c r="BH26" s="198">
        <v>2</v>
      </c>
      <c r="BI26" s="200">
        <v>2</v>
      </c>
      <c r="BJ26" s="201">
        <v>0</v>
      </c>
      <c r="BK26" s="195">
        <v>0</v>
      </c>
      <c r="BL26" s="195">
        <v>0</v>
      </c>
      <c r="BM26" s="196">
        <v>0</v>
      </c>
      <c r="BN26" s="197">
        <v>0</v>
      </c>
      <c r="BO26" s="197">
        <v>0</v>
      </c>
      <c r="BP26" s="197">
        <v>2</v>
      </c>
      <c r="BQ26" s="195">
        <v>3</v>
      </c>
      <c r="BR26" s="198">
        <v>5</v>
      </c>
      <c r="BS26" s="199">
        <v>5</v>
      </c>
      <c r="BT26" s="194">
        <v>0</v>
      </c>
      <c r="BU26" s="195">
        <v>0</v>
      </c>
      <c r="BV26" s="195">
        <v>0</v>
      </c>
      <c r="BW26" s="196">
        <v>0</v>
      </c>
      <c r="BX26" s="197">
        <v>0</v>
      </c>
      <c r="BY26" s="197">
        <v>0</v>
      </c>
      <c r="BZ26" s="197">
        <v>2</v>
      </c>
      <c r="CA26" s="195">
        <v>3</v>
      </c>
      <c r="CB26" s="198">
        <v>5</v>
      </c>
      <c r="CC26" s="200">
        <v>5</v>
      </c>
      <c r="CD26" s="201">
        <v>0</v>
      </c>
      <c r="CE26" s="195">
        <v>0</v>
      </c>
      <c r="CF26" s="195">
        <v>0</v>
      </c>
      <c r="CG26" s="196">
        <v>0</v>
      </c>
      <c r="CH26" s="197">
        <v>0</v>
      </c>
      <c r="CI26" s="197">
        <v>0</v>
      </c>
      <c r="CJ26" s="197">
        <v>0</v>
      </c>
      <c r="CK26" s="195">
        <v>0</v>
      </c>
      <c r="CL26" s="198">
        <v>0</v>
      </c>
      <c r="CM26" s="200">
        <v>0</v>
      </c>
      <c r="CN26" s="201">
        <v>0</v>
      </c>
      <c r="CO26" s="195">
        <v>0</v>
      </c>
      <c r="CP26" s="195">
        <v>0</v>
      </c>
      <c r="CQ26" s="196">
        <v>0</v>
      </c>
      <c r="CR26" s="197">
        <v>0</v>
      </c>
      <c r="CS26" s="197">
        <v>1</v>
      </c>
      <c r="CT26" s="197">
        <v>1</v>
      </c>
      <c r="CU26" s="195">
        <v>3</v>
      </c>
      <c r="CV26" s="198">
        <v>5</v>
      </c>
      <c r="CW26" s="199">
        <v>5</v>
      </c>
      <c r="CX26" s="194">
        <v>0</v>
      </c>
      <c r="CY26" s="195">
        <v>0</v>
      </c>
      <c r="CZ26" s="195">
        <v>0</v>
      </c>
      <c r="DA26" s="196">
        <v>0</v>
      </c>
      <c r="DB26" s="197">
        <v>0</v>
      </c>
      <c r="DC26" s="197">
        <v>1</v>
      </c>
      <c r="DD26" s="197">
        <v>1</v>
      </c>
      <c r="DE26" s="195">
        <v>3</v>
      </c>
      <c r="DF26" s="198">
        <v>5</v>
      </c>
      <c r="DG26" s="200">
        <v>5</v>
      </c>
      <c r="DH26" s="201">
        <v>0</v>
      </c>
      <c r="DI26" s="195">
        <v>0</v>
      </c>
      <c r="DJ26" s="195">
        <v>0</v>
      </c>
      <c r="DK26" s="196">
        <v>0</v>
      </c>
      <c r="DL26" s="197">
        <v>0</v>
      </c>
      <c r="DM26" s="197">
        <v>0</v>
      </c>
      <c r="DN26" s="197">
        <v>0</v>
      </c>
      <c r="DO26" s="195">
        <v>0</v>
      </c>
      <c r="DP26" s="198">
        <v>0</v>
      </c>
      <c r="DQ26" s="200">
        <v>0</v>
      </c>
      <c r="DR26" s="201">
        <v>0</v>
      </c>
      <c r="DS26" s="195">
        <v>0</v>
      </c>
      <c r="DT26" s="195">
        <v>0</v>
      </c>
      <c r="DU26" s="196">
        <v>21</v>
      </c>
      <c r="DV26" s="197">
        <v>53</v>
      </c>
      <c r="DW26" s="197">
        <v>111</v>
      </c>
      <c r="DX26" s="197">
        <v>194</v>
      </c>
      <c r="DY26" s="195">
        <v>136</v>
      </c>
      <c r="DZ26" s="198">
        <v>515</v>
      </c>
      <c r="EA26" s="200">
        <v>515</v>
      </c>
      <c r="EB26" s="37"/>
    </row>
    <row r="27" spans="1:132" ht="20.25" customHeight="1" x14ac:dyDescent="0.2">
      <c r="A27" s="62" t="s">
        <v>24</v>
      </c>
      <c r="B27" s="194">
        <v>0</v>
      </c>
      <c r="C27" s="195">
        <v>0</v>
      </c>
      <c r="D27" s="195">
        <v>0</v>
      </c>
      <c r="E27" s="196">
        <v>0</v>
      </c>
      <c r="F27" s="197">
        <v>0</v>
      </c>
      <c r="G27" s="197">
        <v>34</v>
      </c>
      <c r="H27" s="197">
        <v>69</v>
      </c>
      <c r="I27" s="195">
        <v>61</v>
      </c>
      <c r="J27" s="198">
        <v>164</v>
      </c>
      <c r="K27" s="199">
        <v>164</v>
      </c>
      <c r="L27" s="194">
        <v>0</v>
      </c>
      <c r="M27" s="195">
        <v>0</v>
      </c>
      <c r="N27" s="198">
        <v>0</v>
      </c>
      <c r="O27" s="196">
        <v>0</v>
      </c>
      <c r="P27" s="197">
        <v>0</v>
      </c>
      <c r="Q27" s="197">
        <v>34</v>
      </c>
      <c r="R27" s="197">
        <v>69</v>
      </c>
      <c r="S27" s="195">
        <v>61</v>
      </c>
      <c r="T27" s="198">
        <v>164</v>
      </c>
      <c r="U27" s="200">
        <v>164</v>
      </c>
      <c r="V27" s="201">
        <v>0</v>
      </c>
      <c r="W27" s="195">
        <v>0</v>
      </c>
      <c r="X27" s="198">
        <v>0</v>
      </c>
      <c r="Y27" s="201">
        <v>0</v>
      </c>
      <c r="Z27" s="197">
        <v>0</v>
      </c>
      <c r="AA27" s="197">
        <v>0</v>
      </c>
      <c r="AB27" s="197">
        <v>0</v>
      </c>
      <c r="AC27" s="195">
        <v>0</v>
      </c>
      <c r="AD27" s="198">
        <v>0</v>
      </c>
      <c r="AE27" s="202">
        <v>0</v>
      </c>
      <c r="AF27" s="201">
        <v>0</v>
      </c>
      <c r="AG27" s="195">
        <v>0</v>
      </c>
      <c r="AH27" s="198">
        <v>0</v>
      </c>
      <c r="AI27" s="201">
        <v>13</v>
      </c>
      <c r="AJ27" s="197">
        <v>22</v>
      </c>
      <c r="AK27" s="197">
        <v>18</v>
      </c>
      <c r="AL27" s="197">
        <v>29</v>
      </c>
      <c r="AM27" s="195">
        <v>8</v>
      </c>
      <c r="AN27" s="198">
        <v>90</v>
      </c>
      <c r="AO27" s="202">
        <v>90</v>
      </c>
      <c r="AP27" s="201">
        <v>0</v>
      </c>
      <c r="AQ27" s="195">
        <v>0</v>
      </c>
      <c r="AR27" s="198">
        <v>0</v>
      </c>
      <c r="AS27" s="196">
        <v>13</v>
      </c>
      <c r="AT27" s="197">
        <v>22</v>
      </c>
      <c r="AU27" s="197">
        <v>18</v>
      </c>
      <c r="AV27" s="197">
        <v>28</v>
      </c>
      <c r="AW27" s="195">
        <v>8</v>
      </c>
      <c r="AX27" s="198">
        <v>89</v>
      </c>
      <c r="AY27" s="199">
        <v>89</v>
      </c>
      <c r="AZ27" s="194">
        <v>0</v>
      </c>
      <c r="BA27" s="195">
        <v>0</v>
      </c>
      <c r="BB27" s="195">
        <v>0</v>
      </c>
      <c r="BC27" s="196">
        <v>0</v>
      </c>
      <c r="BD27" s="197">
        <v>0</v>
      </c>
      <c r="BE27" s="197">
        <v>0</v>
      </c>
      <c r="BF27" s="197">
        <v>1</v>
      </c>
      <c r="BG27" s="195">
        <v>0</v>
      </c>
      <c r="BH27" s="198">
        <v>1</v>
      </c>
      <c r="BI27" s="200">
        <v>1</v>
      </c>
      <c r="BJ27" s="201">
        <v>0</v>
      </c>
      <c r="BK27" s="195">
        <v>0</v>
      </c>
      <c r="BL27" s="195">
        <v>0</v>
      </c>
      <c r="BM27" s="196">
        <v>0</v>
      </c>
      <c r="BN27" s="197">
        <v>0</v>
      </c>
      <c r="BO27" s="197">
        <v>0</v>
      </c>
      <c r="BP27" s="197">
        <v>0</v>
      </c>
      <c r="BQ27" s="195">
        <v>0</v>
      </c>
      <c r="BR27" s="198">
        <v>0</v>
      </c>
      <c r="BS27" s="199">
        <v>0</v>
      </c>
      <c r="BT27" s="194">
        <v>0</v>
      </c>
      <c r="BU27" s="195">
        <v>0</v>
      </c>
      <c r="BV27" s="195">
        <v>0</v>
      </c>
      <c r="BW27" s="196">
        <v>0</v>
      </c>
      <c r="BX27" s="197">
        <v>0</v>
      </c>
      <c r="BY27" s="197">
        <v>0</v>
      </c>
      <c r="BZ27" s="197">
        <v>0</v>
      </c>
      <c r="CA27" s="195">
        <v>0</v>
      </c>
      <c r="CB27" s="198">
        <v>0</v>
      </c>
      <c r="CC27" s="200">
        <v>0</v>
      </c>
      <c r="CD27" s="201">
        <v>0</v>
      </c>
      <c r="CE27" s="195">
        <v>0</v>
      </c>
      <c r="CF27" s="195">
        <v>0</v>
      </c>
      <c r="CG27" s="196">
        <v>0</v>
      </c>
      <c r="CH27" s="197">
        <v>0</v>
      </c>
      <c r="CI27" s="197">
        <v>0</v>
      </c>
      <c r="CJ27" s="197">
        <v>0</v>
      </c>
      <c r="CK27" s="195">
        <v>0</v>
      </c>
      <c r="CL27" s="198">
        <v>0</v>
      </c>
      <c r="CM27" s="200">
        <v>0</v>
      </c>
      <c r="CN27" s="201">
        <v>0</v>
      </c>
      <c r="CO27" s="195">
        <v>0</v>
      </c>
      <c r="CP27" s="195">
        <v>0</v>
      </c>
      <c r="CQ27" s="196">
        <v>0</v>
      </c>
      <c r="CR27" s="197">
        <v>0</v>
      </c>
      <c r="CS27" s="197">
        <v>0</v>
      </c>
      <c r="CT27" s="197">
        <v>0</v>
      </c>
      <c r="CU27" s="195">
        <v>0</v>
      </c>
      <c r="CV27" s="198">
        <v>0</v>
      </c>
      <c r="CW27" s="199">
        <v>0</v>
      </c>
      <c r="CX27" s="194">
        <v>0</v>
      </c>
      <c r="CY27" s="195">
        <v>0</v>
      </c>
      <c r="CZ27" s="195">
        <v>0</v>
      </c>
      <c r="DA27" s="196">
        <v>0</v>
      </c>
      <c r="DB27" s="197">
        <v>0</v>
      </c>
      <c r="DC27" s="197">
        <v>0</v>
      </c>
      <c r="DD27" s="197">
        <v>0</v>
      </c>
      <c r="DE27" s="195">
        <v>0</v>
      </c>
      <c r="DF27" s="198">
        <v>0</v>
      </c>
      <c r="DG27" s="200">
        <v>0</v>
      </c>
      <c r="DH27" s="201">
        <v>0</v>
      </c>
      <c r="DI27" s="195">
        <v>0</v>
      </c>
      <c r="DJ27" s="195">
        <v>0</v>
      </c>
      <c r="DK27" s="196">
        <v>0</v>
      </c>
      <c r="DL27" s="197">
        <v>0</v>
      </c>
      <c r="DM27" s="197">
        <v>0</v>
      </c>
      <c r="DN27" s="197">
        <v>0</v>
      </c>
      <c r="DO27" s="195">
        <v>0</v>
      </c>
      <c r="DP27" s="198">
        <v>0</v>
      </c>
      <c r="DQ27" s="200">
        <v>0</v>
      </c>
      <c r="DR27" s="201">
        <v>0</v>
      </c>
      <c r="DS27" s="195">
        <v>0</v>
      </c>
      <c r="DT27" s="195">
        <v>0</v>
      </c>
      <c r="DU27" s="196">
        <v>13</v>
      </c>
      <c r="DV27" s="197">
        <v>22</v>
      </c>
      <c r="DW27" s="197">
        <v>52</v>
      </c>
      <c r="DX27" s="197">
        <v>97</v>
      </c>
      <c r="DY27" s="195">
        <v>69</v>
      </c>
      <c r="DZ27" s="198">
        <v>253</v>
      </c>
      <c r="EA27" s="200">
        <v>253</v>
      </c>
      <c r="EB27" s="37"/>
    </row>
    <row r="28" spans="1:132" ht="20.25" customHeight="1" x14ac:dyDescent="0.2">
      <c r="A28" s="62" t="s">
        <v>25</v>
      </c>
      <c r="B28" s="194">
        <v>0</v>
      </c>
      <c r="C28" s="195">
        <v>0</v>
      </c>
      <c r="D28" s="195">
        <v>0</v>
      </c>
      <c r="E28" s="196">
        <v>4</v>
      </c>
      <c r="F28" s="197">
        <v>10</v>
      </c>
      <c r="G28" s="197">
        <v>67</v>
      </c>
      <c r="H28" s="197">
        <v>69</v>
      </c>
      <c r="I28" s="195">
        <v>52</v>
      </c>
      <c r="J28" s="198">
        <v>202</v>
      </c>
      <c r="K28" s="199">
        <v>202</v>
      </c>
      <c r="L28" s="194">
        <v>0</v>
      </c>
      <c r="M28" s="195">
        <v>0</v>
      </c>
      <c r="N28" s="198">
        <v>0</v>
      </c>
      <c r="O28" s="196">
        <v>4</v>
      </c>
      <c r="P28" s="197">
        <v>10</v>
      </c>
      <c r="Q28" s="197">
        <v>67</v>
      </c>
      <c r="R28" s="197">
        <v>68</v>
      </c>
      <c r="S28" s="195">
        <v>48</v>
      </c>
      <c r="T28" s="198">
        <v>197</v>
      </c>
      <c r="U28" s="200">
        <v>197</v>
      </c>
      <c r="V28" s="201">
        <v>0</v>
      </c>
      <c r="W28" s="195">
        <v>0</v>
      </c>
      <c r="X28" s="198">
        <v>0</v>
      </c>
      <c r="Y28" s="201">
        <v>0</v>
      </c>
      <c r="Z28" s="197">
        <v>0</v>
      </c>
      <c r="AA28" s="197">
        <v>0</v>
      </c>
      <c r="AB28" s="197">
        <v>1</v>
      </c>
      <c r="AC28" s="195">
        <v>4</v>
      </c>
      <c r="AD28" s="198">
        <v>5</v>
      </c>
      <c r="AE28" s="202">
        <v>5</v>
      </c>
      <c r="AF28" s="201">
        <v>0</v>
      </c>
      <c r="AG28" s="195">
        <v>0</v>
      </c>
      <c r="AH28" s="198">
        <v>0</v>
      </c>
      <c r="AI28" s="201">
        <v>14</v>
      </c>
      <c r="AJ28" s="197">
        <v>19</v>
      </c>
      <c r="AK28" s="197">
        <v>24</v>
      </c>
      <c r="AL28" s="197">
        <v>57</v>
      </c>
      <c r="AM28" s="195">
        <v>18</v>
      </c>
      <c r="AN28" s="198">
        <v>132</v>
      </c>
      <c r="AO28" s="202">
        <v>132</v>
      </c>
      <c r="AP28" s="201">
        <v>0</v>
      </c>
      <c r="AQ28" s="195">
        <v>0</v>
      </c>
      <c r="AR28" s="198">
        <v>0</v>
      </c>
      <c r="AS28" s="196">
        <v>14</v>
      </c>
      <c r="AT28" s="197">
        <v>19</v>
      </c>
      <c r="AU28" s="197">
        <v>24</v>
      </c>
      <c r="AV28" s="197">
        <v>56</v>
      </c>
      <c r="AW28" s="195">
        <v>18</v>
      </c>
      <c r="AX28" s="198">
        <v>131</v>
      </c>
      <c r="AY28" s="199">
        <v>131</v>
      </c>
      <c r="AZ28" s="194">
        <v>0</v>
      </c>
      <c r="BA28" s="195">
        <v>0</v>
      </c>
      <c r="BB28" s="195">
        <v>0</v>
      </c>
      <c r="BC28" s="196">
        <v>0</v>
      </c>
      <c r="BD28" s="197">
        <v>0</v>
      </c>
      <c r="BE28" s="197">
        <v>0</v>
      </c>
      <c r="BF28" s="197">
        <v>1</v>
      </c>
      <c r="BG28" s="195">
        <v>0</v>
      </c>
      <c r="BH28" s="198">
        <v>1</v>
      </c>
      <c r="BI28" s="200">
        <v>1</v>
      </c>
      <c r="BJ28" s="201">
        <v>0</v>
      </c>
      <c r="BK28" s="195">
        <v>0</v>
      </c>
      <c r="BL28" s="195">
        <v>0</v>
      </c>
      <c r="BM28" s="196">
        <v>0</v>
      </c>
      <c r="BN28" s="197">
        <v>0</v>
      </c>
      <c r="BO28" s="197">
        <v>0</v>
      </c>
      <c r="BP28" s="197">
        <v>0</v>
      </c>
      <c r="BQ28" s="195">
        <v>1</v>
      </c>
      <c r="BR28" s="198">
        <v>1</v>
      </c>
      <c r="BS28" s="199">
        <v>1</v>
      </c>
      <c r="BT28" s="194">
        <v>0</v>
      </c>
      <c r="BU28" s="195">
        <v>0</v>
      </c>
      <c r="BV28" s="195">
        <v>0</v>
      </c>
      <c r="BW28" s="196">
        <v>0</v>
      </c>
      <c r="BX28" s="197">
        <v>0</v>
      </c>
      <c r="BY28" s="197">
        <v>0</v>
      </c>
      <c r="BZ28" s="197">
        <v>0</v>
      </c>
      <c r="CA28" s="195">
        <v>1</v>
      </c>
      <c r="CB28" s="198">
        <v>1</v>
      </c>
      <c r="CC28" s="200">
        <v>1</v>
      </c>
      <c r="CD28" s="201">
        <v>0</v>
      </c>
      <c r="CE28" s="195">
        <v>0</v>
      </c>
      <c r="CF28" s="195">
        <v>0</v>
      </c>
      <c r="CG28" s="196">
        <v>0</v>
      </c>
      <c r="CH28" s="197">
        <v>0</v>
      </c>
      <c r="CI28" s="197">
        <v>0</v>
      </c>
      <c r="CJ28" s="197">
        <v>0</v>
      </c>
      <c r="CK28" s="195">
        <v>0</v>
      </c>
      <c r="CL28" s="198">
        <v>0</v>
      </c>
      <c r="CM28" s="200">
        <v>0</v>
      </c>
      <c r="CN28" s="201">
        <v>0</v>
      </c>
      <c r="CO28" s="195">
        <v>0</v>
      </c>
      <c r="CP28" s="195">
        <v>0</v>
      </c>
      <c r="CQ28" s="196">
        <v>0</v>
      </c>
      <c r="CR28" s="197">
        <v>0</v>
      </c>
      <c r="CS28" s="197">
        <v>0</v>
      </c>
      <c r="CT28" s="197">
        <v>1</v>
      </c>
      <c r="CU28" s="195">
        <v>0</v>
      </c>
      <c r="CV28" s="198">
        <v>1</v>
      </c>
      <c r="CW28" s="199">
        <v>1</v>
      </c>
      <c r="CX28" s="194">
        <v>0</v>
      </c>
      <c r="CY28" s="195">
        <v>0</v>
      </c>
      <c r="CZ28" s="195">
        <v>0</v>
      </c>
      <c r="DA28" s="196">
        <v>0</v>
      </c>
      <c r="DB28" s="197">
        <v>0</v>
      </c>
      <c r="DC28" s="197">
        <v>0</v>
      </c>
      <c r="DD28" s="197">
        <v>1</v>
      </c>
      <c r="DE28" s="195">
        <v>0</v>
      </c>
      <c r="DF28" s="198">
        <v>1</v>
      </c>
      <c r="DG28" s="200">
        <v>1</v>
      </c>
      <c r="DH28" s="201">
        <v>0</v>
      </c>
      <c r="DI28" s="195">
        <v>0</v>
      </c>
      <c r="DJ28" s="195">
        <v>0</v>
      </c>
      <c r="DK28" s="196">
        <v>0</v>
      </c>
      <c r="DL28" s="197">
        <v>0</v>
      </c>
      <c r="DM28" s="197">
        <v>0</v>
      </c>
      <c r="DN28" s="197">
        <v>0</v>
      </c>
      <c r="DO28" s="195">
        <v>0</v>
      </c>
      <c r="DP28" s="198">
        <v>0</v>
      </c>
      <c r="DQ28" s="200">
        <v>0</v>
      </c>
      <c r="DR28" s="201">
        <v>0</v>
      </c>
      <c r="DS28" s="195">
        <v>0</v>
      </c>
      <c r="DT28" s="195">
        <v>0</v>
      </c>
      <c r="DU28" s="196">
        <v>18</v>
      </c>
      <c r="DV28" s="197">
        <v>29</v>
      </c>
      <c r="DW28" s="197">
        <v>91</v>
      </c>
      <c r="DX28" s="197">
        <v>127</v>
      </c>
      <c r="DY28" s="195">
        <v>71</v>
      </c>
      <c r="DZ28" s="198">
        <v>336</v>
      </c>
      <c r="EA28" s="200">
        <v>336</v>
      </c>
      <c r="EB28" s="37"/>
    </row>
    <row r="29" spans="1:132" ht="20.25" customHeight="1" x14ac:dyDescent="0.2">
      <c r="A29" s="62" t="s">
        <v>26</v>
      </c>
      <c r="B29" s="194">
        <v>0</v>
      </c>
      <c r="C29" s="195">
        <v>0</v>
      </c>
      <c r="D29" s="195">
        <v>0</v>
      </c>
      <c r="E29" s="196">
        <v>1</v>
      </c>
      <c r="F29" s="197">
        <v>5</v>
      </c>
      <c r="G29" s="197">
        <v>39</v>
      </c>
      <c r="H29" s="197">
        <v>72</v>
      </c>
      <c r="I29" s="195">
        <v>60</v>
      </c>
      <c r="J29" s="198">
        <v>177</v>
      </c>
      <c r="K29" s="199">
        <v>177</v>
      </c>
      <c r="L29" s="194">
        <v>0</v>
      </c>
      <c r="M29" s="195">
        <v>0</v>
      </c>
      <c r="N29" s="198">
        <v>0</v>
      </c>
      <c r="O29" s="196">
        <v>1</v>
      </c>
      <c r="P29" s="197">
        <v>5</v>
      </c>
      <c r="Q29" s="197">
        <v>38</v>
      </c>
      <c r="R29" s="197">
        <v>71</v>
      </c>
      <c r="S29" s="195">
        <v>59</v>
      </c>
      <c r="T29" s="198">
        <v>174</v>
      </c>
      <c r="U29" s="200">
        <v>174</v>
      </c>
      <c r="V29" s="201">
        <v>0</v>
      </c>
      <c r="W29" s="195">
        <v>0</v>
      </c>
      <c r="X29" s="198">
        <v>0</v>
      </c>
      <c r="Y29" s="201">
        <v>0</v>
      </c>
      <c r="Z29" s="197">
        <v>0</v>
      </c>
      <c r="AA29" s="197">
        <v>1</v>
      </c>
      <c r="AB29" s="197">
        <v>1</v>
      </c>
      <c r="AC29" s="195">
        <v>1</v>
      </c>
      <c r="AD29" s="198">
        <v>3</v>
      </c>
      <c r="AE29" s="202">
        <v>3</v>
      </c>
      <c r="AF29" s="201">
        <v>0</v>
      </c>
      <c r="AG29" s="195">
        <v>0</v>
      </c>
      <c r="AH29" s="198">
        <v>0</v>
      </c>
      <c r="AI29" s="201">
        <v>11</v>
      </c>
      <c r="AJ29" s="197">
        <v>23</v>
      </c>
      <c r="AK29" s="197">
        <v>26</v>
      </c>
      <c r="AL29" s="197">
        <v>19</v>
      </c>
      <c r="AM29" s="195">
        <v>11</v>
      </c>
      <c r="AN29" s="198">
        <v>90</v>
      </c>
      <c r="AO29" s="202">
        <v>90</v>
      </c>
      <c r="AP29" s="201">
        <v>0</v>
      </c>
      <c r="AQ29" s="195">
        <v>0</v>
      </c>
      <c r="AR29" s="198">
        <v>0</v>
      </c>
      <c r="AS29" s="196">
        <v>11</v>
      </c>
      <c r="AT29" s="197">
        <v>23</v>
      </c>
      <c r="AU29" s="197">
        <v>26</v>
      </c>
      <c r="AV29" s="197">
        <v>18</v>
      </c>
      <c r="AW29" s="195">
        <v>11</v>
      </c>
      <c r="AX29" s="198">
        <v>89</v>
      </c>
      <c r="AY29" s="199">
        <v>89</v>
      </c>
      <c r="AZ29" s="194">
        <v>0</v>
      </c>
      <c r="BA29" s="195">
        <v>0</v>
      </c>
      <c r="BB29" s="195">
        <v>0</v>
      </c>
      <c r="BC29" s="196">
        <v>0</v>
      </c>
      <c r="BD29" s="197">
        <v>0</v>
      </c>
      <c r="BE29" s="197">
        <v>0</v>
      </c>
      <c r="BF29" s="197">
        <v>1</v>
      </c>
      <c r="BG29" s="195">
        <v>0</v>
      </c>
      <c r="BH29" s="198">
        <v>1</v>
      </c>
      <c r="BI29" s="200">
        <v>1</v>
      </c>
      <c r="BJ29" s="201">
        <v>0</v>
      </c>
      <c r="BK29" s="195">
        <v>0</v>
      </c>
      <c r="BL29" s="195">
        <v>0</v>
      </c>
      <c r="BM29" s="196">
        <v>0</v>
      </c>
      <c r="BN29" s="197">
        <v>0</v>
      </c>
      <c r="BO29" s="197">
        <v>0</v>
      </c>
      <c r="BP29" s="197">
        <v>0</v>
      </c>
      <c r="BQ29" s="195">
        <v>0</v>
      </c>
      <c r="BR29" s="198">
        <v>0</v>
      </c>
      <c r="BS29" s="199">
        <v>0</v>
      </c>
      <c r="BT29" s="194">
        <v>0</v>
      </c>
      <c r="BU29" s="195">
        <v>0</v>
      </c>
      <c r="BV29" s="195">
        <v>0</v>
      </c>
      <c r="BW29" s="196">
        <v>0</v>
      </c>
      <c r="BX29" s="197">
        <v>0</v>
      </c>
      <c r="BY29" s="197">
        <v>0</v>
      </c>
      <c r="BZ29" s="197">
        <v>0</v>
      </c>
      <c r="CA29" s="195">
        <v>0</v>
      </c>
      <c r="CB29" s="198">
        <v>0</v>
      </c>
      <c r="CC29" s="200">
        <v>0</v>
      </c>
      <c r="CD29" s="201">
        <v>0</v>
      </c>
      <c r="CE29" s="195">
        <v>0</v>
      </c>
      <c r="CF29" s="195">
        <v>0</v>
      </c>
      <c r="CG29" s="196">
        <v>0</v>
      </c>
      <c r="CH29" s="197">
        <v>0</v>
      </c>
      <c r="CI29" s="197">
        <v>0</v>
      </c>
      <c r="CJ29" s="197">
        <v>0</v>
      </c>
      <c r="CK29" s="195">
        <v>0</v>
      </c>
      <c r="CL29" s="198">
        <v>0</v>
      </c>
      <c r="CM29" s="200">
        <v>0</v>
      </c>
      <c r="CN29" s="201">
        <v>0</v>
      </c>
      <c r="CO29" s="195">
        <v>0</v>
      </c>
      <c r="CP29" s="195">
        <v>0</v>
      </c>
      <c r="CQ29" s="196">
        <v>0</v>
      </c>
      <c r="CR29" s="197">
        <v>0</v>
      </c>
      <c r="CS29" s="197">
        <v>0</v>
      </c>
      <c r="CT29" s="197">
        <v>0</v>
      </c>
      <c r="CU29" s="195">
        <v>2</v>
      </c>
      <c r="CV29" s="198">
        <v>2</v>
      </c>
      <c r="CW29" s="199">
        <v>2</v>
      </c>
      <c r="CX29" s="194">
        <v>0</v>
      </c>
      <c r="CY29" s="195">
        <v>0</v>
      </c>
      <c r="CZ29" s="195">
        <v>0</v>
      </c>
      <c r="DA29" s="196">
        <v>0</v>
      </c>
      <c r="DB29" s="197">
        <v>0</v>
      </c>
      <c r="DC29" s="197">
        <v>0</v>
      </c>
      <c r="DD29" s="197">
        <v>0</v>
      </c>
      <c r="DE29" s="195">
        <v>2</v>
      </c>
      <c r="DF29" s="198">
        <v>2</v>
      </c>
      <c r="DG29" s="200">
        <v>2</v>
      </c>
      <c r="DH29" s="201">
        <v>0</v>
      </c>
      <c r="DI29" s="195">
        <v>0</v>
      </c>
      <c r="DJ29" s="195">
        <v>0</v>
      </c>
      <c r="DK29" s="196">
        <v>0</v>
      </c>
      <c r="DL29" s="197">
        <v>0</v>
      </c>
      <c r="DM29" s="197">
        <v>0</v>
      </c>
      <c r="DN29" s="197">
        <v>0</v>
      </c>
      <c r="DO29" s="195">
        <v>0</v>
      </c>
      <c r="DP29" s="198">
        <v>0</v>
      </c>
      <c r="DQ29" s="200">
        <v>0</v>
      </c>
      <c r="DR29" s="201">
        <v>0</v>
      </c>
      <c r="DS29" s="195">
        <v>0</v>
      </c>
      <c r="DT29" s="195">
        <v>0</v>
      </c>
      <c r="DU29" s="196">
        <v>12</v>
      </c>
      <c r="DV29" s="197">
        <v>28</v>
      </c>
      <c r="DW29" s="197">
        <v>65</v>
      </c>
      <c r="DX29" s="197">
        <v>91</v>
      </c>
      <c r="DY29" s="195">
        <v>73</v>
      </c>
      <c r="DZ29" s="198">
        <v>269</v>
      </c>
      <c r="EA29" s="200">
        <v>269</v>
      </c>
      <c r="EB29" s="37"/>
    </row>
    <row r="30" spans="1:132" ht="20.25" customHeight="1" x14ac:dyDescent="0.2">
      <c r="A30" s="62" t="s">
        <v>27</v>
      </c>
      <c r="B30" s="194">
        <v>0</v>
      </c>
      <c r="C30" s="195">
        <v>0</v>
      </c>
      <c r="D30" s="195">
        <v>0</v>
      </c>
      <c r="E30" s="196">
        <v>2</v>
      </c>
      <c r="F30" s="197">
        <v>2</v>
      </c>
      <c r="G30" s="197">
        <v>36</v>
      </c>
      <c r="H30" s="197">
        <v>56</v>
      </c>
      <c r="I30" s="195">
        <v>45</v>
      </c>
      <c r="J30" s="198">
        <v>141</v>
      </c>
      <c r="K30" s="199">
        <v>141</v>
      </c>
      <c r="L30" s="194">
        <v>0</v>
      </c>
      <c r="M30" s="195">
        <v>0</v>
      </c>
      <c r="N30" s="198">
        <v>0</v>
      </c>
      <c r="O30" s="196">
        <v>2</v>
      </c>
      <c r="P30" s="197">
        <v>2</v>
      </c>
      <c r="Q30" s="197">
        <v>34</v>
      </c>
      <c r="R30" s="197">
        <v>56</v>
      </c>
      <c r="S30" s="195">
        <v>45</v>
      </c>
      <c r="T30" s="198">
        <v>139</v>
      </c>
      <c r="U30" s="200">
        <v>139</v>
      </c>
      <c r="V30" s="201">
        <v>0</v>
      </c>
      <c r="W30" s="195">
        <v>0</v>
      </c>
      <c r="X30" s="198">
        <v>0</v>
      </c>
      <c r="Y30" s="201">
        <v>0</v>
      </c>
      <c r="Z30" s="197">
        <v>0</v>
      </c>
      <c r="AA30" s="197">
        <v>2</v>
      </c>
      <c r="AB30" s="197">
        <v>0</v>
      </c>
      <c r="AC30" s="195">
        <v>0</v>
      </c>
      <c r="AD30" s="198">
        <v>2</v>
      </c>
      <c r="AE30" s="202">
        <v>2</v>
      </c>
      <c r="AF30" s="201">
        <v>0</v>
      </c>
      <c r="AG30" s="195">
        <v>0</v>
      </c>
      <c r="AH30" s="198">
        <v>0</v>
      </c>
      <c r="AI30" s="201">
        <v>8</v>
      </c>
      <c r="AJ30" s="197">
        <v>12</v>
      </c>
      <c r="AK30" s="197">
        <v>27</v>
      </c>
      <c r="AL30" s="197">
        <v>17</v>
      </c>
      <c r="AM30" s="195">
        <v>11</v>
      </c>
      <c r="AN30" s="198">
        <v>75</v>
      </c>
      <c r="AO30" s="202">
        <v>75</v>
      </c>
      <c r="AP30" s="201">
        <v>0</v>
      </c>
      <c r="AQ30" s="195">
        <v>0</v>
      </c>
      <c r="AR30" s="198">
        <v>0</v>
      </c>
      <c r="AS30" s="196">
        <v>8</v>
      </c>
      <c r="AT30" s="197">
        <v>12</v>
      </c>
      <c r="AU30" s="197">
        <v>26</v>
      </c>
      <c r="AV30" s="197">
        <v>17</v>
      </c>
      <c r="AW30" s="195">
        <v>11</v>
      </c>
      <c r="AX30" s="198">
        <v>74</v>
      </c>
      <c r="AY30" s="199">
        <v>74</v>
      </c>
      <c r="AZ30" s="194">
        <v>0</v>
      </c>
      <c r="BA30" s="195">
        <v>0</v>
      </c>
      <c r="BB30" s="195">
        <v>0</v>
      </c>
      <c r="BC30" s="196">
        <v>0</v>
      </c>
      <c r="BD30" s="197">
        <v>0</v>
      </c>
      <c r="BE30" s="197">
        <v>1</v>
      </c>
      <c r="BF30" s="197">
        <v>0</v>
      </c>
      <c r="BG30" s="195">
        <v>0</v>
      </c>
      <c r="BH30" s="198">
        <v>1</v>
      </c>
      <c r="BI30" s="200">
        <v>1</v>
      </c>
      <c r="BJ30" s="201">
        <v>0</v>
      </c>
      <c r="BK30" s="195">
        <v>0</v>
      </c>
      <c r="BL30" s="195">
        <v>0</v>
      </c>
      <c r="BM30" s="196">
        <v>0</v>
      </c>
      <c r="BN30" s="197">
        <v>0</v>
      </c>
      <c r="BO30" s="197">
        <v>0</v>
      </c>
      <c r="BP30" s="197">
        <v>0</v>
      </c>
      <c r="BQ30" s="195">
        <v>0</v>
      </c>
      <c r="BR30" s="198">
        <v>0</v>
      </c>
      <c r="BS30" s="199">
        <v>0</v>
      </c>
      <c r="BT30" s="194">
        <v>0</v>
      </c>
      <c r="BU30" s="195">
        <v>0</v>
      </c>
      <c r="BV30" s="195">
        <v>0</v>
      </c>
      <c r="BW30" s="196">
        <v>0</v>
      </c>
      <c r="BX30" s="197">
        <v>0</v>
      </c>
      <c r="BY30" s="197">
        <v>0</v>
      </c>
      <c r="BZ30" s="197">
        <v>0</v>
      </c>
      <c r="CA30" s="195">
        <v>0</v>
      </c>
      <c r="CB30" s="198">
        <v>0</v>
      </c>
      <c r="CC30" s="200">
        <v>0</v>
      </c>
      <c r="CD30" s="201">
        <v>0</v>
      </c>
      <c r="CE30" s="195">
        <v>0</v>
      </c>
      <c r="CF30" s="195">
        <v>0</v>
      </c>
      <c r="CG30" s="196">
        <v>0</v>
      </c>
      <c r="CH30" s="197">
        <v>0</v>
      </c>
      <c r="CI30" s="197">
        <v>0</v>
      </c>
      <c r="CJ30" s="197">
        <v>0</v>
      </c>
      <c r="CK30" s="195">
        <v>0</v>
      </c>
      <c r="CL30" s="198">
        <v>0</v>
      </c>
      <c r="CM30" s="200">
        <v>0</v>
      </c>
      <c r="CN30" s="201">
        <v>0</v>
      </c>
      <c r="CO30" s="195">
        <v>0</v>
      </c>
      <c r="CP30" s="195">
        <v>0</v>
      </c>
      <c r="CQ30" s="196">
        <v>0</v>
      </c>
      <c r="CR30" s="197">
        <v>0</v>
      </c>
      <c r="CS30" s="197">
        <v>0</v>
      </c>
      <c r="CT30" s="197">
        <v>2</v>
      </c>
      <c r="CU30" s="195">
        <v>2</v>
      </c>
      <c r="CV30" s="198">
        <v>4</v>
      </c>
      <c r="CW30" s="199">
        <v>4</v>
      </c>
      <c r="CX30" s="194">
        <v>0</v>
      </c>
      <c r="CY30" s="195">
        <v>0</v>
      </c>
      <c r="CZ30" s="195">
        <v>0</v>
      </c>
      <c r="DA30" s="196">
        <v>0</v>
      </c>
      <c r="DB30" s="197">
        <v>0</v>
      </c>
      <c r="DC30" s="197">
        <v>0</v>
      </c>
      <c r="DD30" s="197">
        <v>2</v>
      </c>
      <c r="DE30" s="195">
        <v>1</v>
      </c>
      <c r="DF30" s="198">
        <v>3</v>
      </c>
      <c r="DG30" s="200">
        <v>3</v>
      </c>
      <c r="DH30" s="201">
        <v>0</v>
      </c>
      <c r="DI30" s="195">
        <v>0</v>
      </c>
      <c r="DJ30" s="195">
        <v>0</v>
      </c>
      <c r="DK30" s="196">
        <v>0</v>
      </c>
      <c r="DL30" s="197">
        <v>0</v>
      </c>
      <c r="DM30" s="197">
        <v>0</v>
      </c>
      <c r="DN30" s="197">
        <v>0</v>
      </c>
      <c r="DO30" s="195">
        <v>1</v>
      </c>
      <c r="DP30" s="198">
        <v>1</v>
      </c>
      <c r="DQ30" s="200">
        <v>1</v>
      </c>
      <c r="DR30" s="201">
        <v>0</v>
      </c>
      <c r="DS30" s="195">
        <v>0</v>
      </c>
      <c r="DT30" s="195">
        <v>0</v>
      </c>
      <c r="DU30" s="196">
        <v>10</v>
      </c>
      <c r="DV30" s="197">
        <v>14</v>
      </c>
      <c r="DW30" s="197">
        <v>63</v>
      </c>
      <c r="DX30" s="197">
        <v>75</v>
      </c>
      <c r="DY30" s="195">
        <v>58</v>
      </c>
      <c r="DZ30" s="198">
        <v>220</v>
      </c>
      <c r="EA30" s="200">
        <v>220</v>
      </c>
      <c r="EB30" s="37"/>
    </row>
    <row r="31" spans="1:132" ht="20.25" customHeight="1" x14ac:dyDescent="0.2">
      <c r="A31" s="62" t="s">
        <v>28</v>
      </c>
      <c r="B31" s="194">
        <v>0</v>
      </c>
      <c r="C31" s="195">
        <v>0</v>
      </c>
      <c r="D31" s="195">
        <v>0</v>
      </c>
      <c r="E31" s="196">
        <v>0</v>
      </c>
      <c r="F31" s="197">
        <v>1</v>
      </c>
      <c r="G31" s="197">
        <v>13</v>
      </c>
      <c r="H31" s="197">
        <v>17</v>
      </c>
      <c r="I31" s="195">
        <v>13</v>
      </c>
      <c r="J31" s="198">
        <v>44</v>
      </c>
      <c r="K31" s="199">
        <v>44</v>
      </c>
      <c r="L31" s="194">
        <v>0</v>
      </c>
      <c r="M31" s="195">
        <v>0</v>
      </c>
      <c r="N31" s="198">
        <v>0</v>
      </c>
      <c r="O31" s="196">
        <v>0</v>
      </c>
      <c r="P31" s="197">
        <v>1</v>
      </c>
      <c r="Q31" s="197">
        <v>13</v>
      </c>
      <c r="R31" s="197">
        <v>17</v>
      </c>
      <c r="S31" s="195">
        <v>13</v>
      </c>
      <c r="T31" s="198">
        <v>44</v>
      </c>
      <c r="U31" s="200">
        <v>44</v>
      </c>
      <c r="V31" s="201">
        <v>0</v>
      </c>
      <c r="W31" s="195">
        <v>0</v>
      </c>
      <c r="X31" s="198">
        <v>0</v>
      </c>
      <c r="Y31" s="201">
        <v>0</v>
      </c>
      <c r="Z31" s="197">
        <v>0</v>
      </c>
      <c r="AA31" s="197">
        <v>0</v>
      </c>
      <c r="AB31" s="197">
        <v>0</v>
      </c>
      <c r="AC31" s="195">
        <v>0</v>
      </c>
      <c r="AD31" s="198">
        <v>0</v>
      </c>
      <c r="AE31" s="202">
        <v>0</v>
      </c>
      <c r="AF31" s="201">
        <v>0</v>
      </c>
      <c r="AG31" s="195">
        <v>0</v>
      </c>
      <c r="AH31" s="198">
        <v>0</v>
      </c>
      <c r="AI31" s="201">
        <v>2</v>
      </c>
      <c r="AJ31" s="197">
        <v>9</v>
      </c>
      <c r="AK31" s="197">
        <v>6</v>
      </c>
      <c r="AL31" s="197">
        <v>13</v>
      </c>
      <c r="AM31" s="195">
        <v>3</v>
      </c>
      <c r="AN31" s="198">
        <v>33</v>
      </c>
      <c r="AO31" s="202">
        <v>33</v>
      </c>
      <c r="AP31" s="201">
        <v>0</v>
      </c>
      <c r="AQ31" s="195">
        <v>0</v>
      </c>
      <c r="AR31" s="198">
        <v>0</v>
      </c>
      <c r="AS31" s="196">
        <v>2</v>
      </c>
      <c r="AT31" s="197">
        <v>9</v>
      </c>
      <c r="AU31" s="197">
        <v>6</v>
      </c>
      <c r="AV31" s="197">
        <v>12</v>
      </c>
      <c r="AW31" s="195">
        <v>3</v>
      </c>
      <c r="AX31" s="198">
        <v>32</v>
      </c>
      <c r="AY31" s="199">
        <v>32</v>
      </c>
      <c r="AZ31" s="194">
        <v>0</v>
      </c>
      <c r="BA31" s="195">
        <v>0</v>
      </c>
      <c r="BB31" s="195">
        <v>0</v>
      </c>
      <c r="BC31" s="196">
        <v>0</v>
      </c>
      <c r="BD31" s="197">
        <v>0</v>
      </c>
      <c r="BE31" s="197">
        <v>0</v>
      </c>
      <c r="BF31" s="197">
        <v>1</v>
      </c>
      <c r="BG31" s="195">
        <v>0</v>
      </c>
      <c r="BH31" s="198">
        <v>1</v>
      </c>
      <c r="BI31" s="200">
        <v>1</v>
      </c>
      <c r="BJ31" s="201">
        <v>0</v>
      </c>
      <c r="BK31" s="195">
        <v>0</v>
      </c>
      <c r="BL31" s="195">
        <v>0</v>
      </c>
      <c r="BM31" s="196">
        <v>0</v>
      </c>
      <c r="BN31" s="197">
        <v>0</v>
      </c>
      <c r="BO31" s="197">
        <v>0</v>
      </c>
      <c r="BP31" s="197">
        <v>0</v>
      </c>
      <c r="BQ31" s="195">
        <v>0</v>
      </c>
      <c r="BR31" s="198">
        <v>0</v>
      </c>
      <c r="BS31" s="199">
        <v>0</v>
      </c>
      <c r="BT31" s="194">
        <v>0</v>
      </c>
      <c r="BU31" s="195">
        <v>0</v>
      </c>
      <c r="BV31" s="195">
        <v>0</v>
      </c>
      <c r="BW31" s="196">
        <v>0</v>
      </c>
      <c r="BX31" s="197">
        <v>0</v>
      </c>
      <c r="BY31" s="197">
        <v>0</v>
      </c>
      <c r="BZ31" s="197">
        <v>0</v>
      </c>
      <c r="CA31" s="195">
        <v>0</v>
      </c>
      <c r="CB31" s="198">
        <v>0</v>
      </c>
      <c r="CC31" s="200">
        <v>0</v>
      </c>
      <c r="CD31" s="201">
        <v>0</v>
      </c>
      <c r="CE31" s="195">
        <v>0</v>
      </c>
      <c r="CF31" s="195">
        <v>0</v>
      </c>
      <c r="CG31" s="196">
        <v>0</v>
      </c>
      <c r="CH31" s="197">
        <v>0</v>
      </c>
      <c r="CI31" s="197">
        <v>0</v>
      </c>
      <c r="CJ31" s="197">
        <v>0</v>
      </c>
      <c r="CK31" s="195">
        <v>0</v>
      </c>
      <c r="CL31" s="198">
        <v>0</v>
      </c>
      <c r="CM31" s="200">
        <v>0</v>
      </c>
      <c r="CN31" s="201">
        <v>0</v>
      </c>
      <c r="CO31" s="195">
        <v>0</v>
      </c>
      <c r="CP31" s="195">
        <v>0</v>
      </c>
      <c r="CQ31" s="196">
        <v>0</v>
      </c>
      <c r="CR31" s="197">
        <v>0</v>
      </c>
      <c r="CS31" s="197">
        <v>0</v>
      </c>
      <c r="CT31" s="197">
        <v>0</v>
      </c>
      <c r="CU31" s="195">
        <v>0</v>
      </c>
      <c r="CV31" s="198">
        <v>0</v>
      </c>
      <c r="CW31" s="199">
        <v>0</v>
      </c>
      <c r="CX31" s="194">
        <v>0</v>
      </c>
      <c r="CY31" s="195">
        <v>0</v>
      </c>
      <c r="CZ31" s="195">
        <v>0</v>
      </c>
      <c r="DA31" s="196">
        <v>0</v>
      </c>
      <c r="DB31" s="197">
        <v>0</v>
      </c>
      <c r="DC31" s="197">
        <v>0</v>
      </c>
      <c r="DD31" s="197">
        <v>0</v>
      </c>
      <c r="DE31" s="195">
        <v>0</v>
      </c>
      <c r="DF31" s="198">
        <v>0</v>
      </c>
      <c r="DG31" s="200">
        <v>0</v>
      </c>
      <c r="DH31" s="201">
        <v>0</v>
      </c>
      <c r="DI31" s="195">
        <v>0</v>
      </c>
      <c r="DJ31" s="195">
        <v>0</v>
      </c>
      <c r="DK31" s="196">
        <v>0</v>
      </c>
      <c r="DL31" s="197">
        <v>0</v>
      </c>
      <c r="DM31" s="197">
        <v>0</v>
      </c>
      <c r="DN31" s="197">
        <v>0</v>
      </c>
      <c r="DO31" s="195">
        <v>0</v>
      </c>
      <c r="DP31" s="198">
        <v>0</v>
      </c>
      <c r="DQ31" s="200">
        <v>0</v>
      </c>
      <c r="DR31" s="201">
        <v>0</v>
      </c>
      <c r="DS31" s="195">
        <v>0</v>
      </c>
      <c r="DT31" s="195">
        <v>0</v>
      </c>
      <c r="DU31" s="196">
        <v>2</v>
      </c>
      <c r="DV31" s="197">
        <v>10</v>
      </c>
      <c r="DW31" s="197">
        <v>19</v>
      </c>
      <c r="DX31" s="197">
        <v>30</v>
      </c>
      <c r="DY31" s="195">
        <v>16</v>
      </c>
      <c r="DZ31" s="198">
        <v>77</v>
      </c>
      <c r="EA31" s="200">
        <v>77</v>
      </c>
      <c r="EB31" s="37"/>
    </row>
    <row r="32" spans="1:132" ht="20.25" customHeight="1" x14ac:dyDescent="0.2">
      <c r="A32" s="62" t="s">
        <v>29</v>
      </c>
      <c r="B32" s="194">
        <v>0</v>
      </c>
      <c r="C32" s="195">
        <v>0</v>
      </c>
      <c r="D32" s="195">
        <v>0</v>
      </c>
      <c r="E32" s="196">
        <v>0</v>
      </c>
      <c r="F32" s="197">
        <v>2</v>
      </c>
      <c r="G32" s="197">
        <v>20</v>
      </c>
      <c r="H32" s="197">
        <v>32</v>
      </c>
      <c r="I32" s="195">
        <v>20</v>
      </c>
      <c r="J32" s="198">
        <v>74</v>
      </c>
      <c r="K32" s="199">
        <v>74</v>
      </c>
      <c r="L32" s="194">
        <v>0</v>
      </c>
      <c r="M32" s="195">
        <v>0</v>
      </c>
      <c r="N32" s="198">
        <v>0</v>
      </c>
      <c r="O32" s="196">
        <v>0</v>
      </c>
      <c r="P32" s="197">
        <v>2</v>
      </c>
      <c r="Q32" s="197">
        <v>20</v>
      </c>
      <c r="R32" s="197">
        <v>32</v>
      </c>
      <c r="S32" s="195">
        <v>20</v>
      </c>
      <c r="T32" s="198">
        <v>74</v>
      </c>
      <c r="U32" s="200">
        <v>74</v>
      </c>
      <c r="V32" s="201">
        <v>0</v>
      </c>
      <c r="W32" s="195">
        <v>0</v>
      </c>
      <c r="X32" s="198">
        <v>0</v>
      </c>
      <c r="Y32" s="201">
        <v>0</v>
      </c>
      <c r="Z32" s="197">
        <v>0</v>
      </c>
      <c r="AA32" s="197">
        <v>0</v>
      </c>
      <c r="AB32" s="197">
        <v>0</v>
      </c>
      <c r="AC32" s="195">
        <v>0</v>
      </c>
      <c r="AD32" s="198">
        <v>0</v>
      </c>
      <c r="AE32" s="202">
        <v>0</v>
      </c>
      <c r="AF32" s="201">
        <v>0</v>
      </c>
      <c r="AG32" s="195">
        <v>0</v>
      </c>
      <c r="AH32" s="198">
        <v>0</v>
      </c>
      <c r="AI32" s="201">
        <v>3</v>
      </c>
      <c r="AJ32" s="197">
        <v>8</v>
      </c>
      <c r="AK32" s="197">
        <v>8</v>
      </c>
      <c r="AL32" s="197">
        <v>14</v>
      </c>
      <c r="AM32" s="195">
        <v>7</v>
      </c>
      <c r="AN32" s="198">
        <v>40</v>
      </c>
      <c r="AO32" s="202">
        <v>40</v>
      </c>
      <c r="AP32" s="201">
        <v>0</v>
      </c>
      <c r="AQ32" s="195">
        <v>0</v>
      </c>
      <c r="AR32" s="198">
        <v>0</v>
      </c>
      <c r="AS32" s="196">
        <v>3</v>
      </c>
      <c r="AT32" s="197">
        <v>7</v>
      </c>
      <c r="AU32" s="197">
        <v>8</v>
      </c>
      <c r="AV32" s="197">
        <v>14</v>
      </c>
      <c r="AW32" s="195">
        <v>6</v>
      </c>
      <c r="AX32" s="198">
        <v>38</v>
      </c>
      <c r="AY32" s="199">
        <v>38</v>
      </c>
      <c r="AZ32" s="194">
        <v>0</v>
      </c>
      <c r="BA32" s="195">
        <v>0</v>
      </c>
      <c r="BB32" s="195">
        <v>0</v>
      </c>
      <c r="BC32" s="196">
        <v>0</v>
      </c>
      <c r="BD32" s="197">
        <v>1</v>
      </c>
      <c r="BE32" s="197">
        <v>0</v>
      </c>
      <c r="BF32" s="197">
        <v>0</v>
      </c>
      <c r="BG32" s="195">
        <v>1</v>
      </c>
      <c r="BH32" s="198">
        <v>2</v>
      </c>
      <c r="BI32" s="200">
        <v>2</v>
      </c>
      <c r="BJ32" s="201">
        <v>0</v>
      </c>
      <c r="BK32" s="195">
        <v>0</v>
      </c>
      <c r="BL32" s="195">
        <v>0</v>
      </c>
      <c r="BM32" s="196">
        <v>0</v>
      </c>
      <c r="BN32" s="197">
        <v>0</v>
      </c>
      <c r="BO32" s="197">
        <v>0</v>
      </c>
      <c r="BP32" s="197">
        <v>0</v>
      </c>
      <c r="BQ32" s="195">
        <v>1</v>
      </c>
      <c r="BR32" s="198">
        <v>1</v>
      </c>
      <c r="BS32" s="199">
        <v>1</v>
      </c>
      <c r="BT32" s="194">
        <v>0</v>
      </c>
      <c r="BU32" s="195">
        <v>0</v>
      </c>
      <c r="BV32" s="195">
        <v>0</v>
      </c>
      <c r="BW32" s="196">
        <v>0</v>
      </c>
      <c r="BX32" s="197">
        <v>0</v>
      </c>
      <c r="BY32" s="197">
        <v>0</v>
      </c>
      <c r="BZ32" s="197">
        <v>0</v>
      </c>
      <c r="CA32" s="195">
        <v>1</v>
      </c>
      <c r="CB32" s="198">
        <v>1</v>
      </c>
      <c r="CC32" s="200">
        <v>1</v>
      </c>
      <c r="CD32" s="201">
        <v>0</v>
      </c>
      <c r="CE32" s="195">
        <v>0</v>
      </c>
      <c r="CF32" s="195">
        <v>0</v>
      </c>
      <c r="CG32" s="196">
        <v>0</v>
      </c>
      <c r="CH32" s="197">
        <v>0</v>
      </c>
      <c r="CI32" s="197">
        <v>0</v>
      </c>
      <c r="CJ32" s="197">
        <v>0</v>
      </c>
      <c r="CK32" s="195">
        <v>0</v>
      </c>
      <c r="CL32" s="198">
        <v>0</v>
      </c>
      <c r="CM32" s="200">
        <v>0</v>
      </c>
      <c r="CN32" s="201">
        <v>0</v>
      </c>
      <c r="CO32" s="195">
        <v>0</v>
      </c>
      <c r="CP32" s="195">
        <v>0</v>
      </c>
      <c r="CQ32" s="196">
        <v>0</v>
      </c>
      <c r="CR32" s="197">
        <v>0</v>
      </c>
      <c r="CS32" s="197">
        <v>0</v>
      </c>
      <c r="CT32" s="197">
        <v>0</v>
      </c>
      <c r="CU32" s="195">
        <v>2</v>
      </c>
      <c r="CV32" s="198">
        <v>2</v>
      </c>
      <c r="CW32" s="199">
        <v>2</v>
      </c>
      <c r="CX32" s="194">
        <v>0</v>
      </c>
      <c r="CY32" s="195">
        <v>0</v>
      </c>
      <c r="CZ32" s="195">
        <v>0</v>
      </c>
      <c r="DA32" s="196">
        <v>0</v>
      </c>
      <c r="DB32" s="197">
        <v>0</v>
      </c>
      <c r="DC32" s="197">
        <v>0</v>
      </c>
      <c r="DD32" s="197">
        <v>0</v>
      </c>
      <c r="DE32" s="195">
        <v>2</v>
      </c>
      <c r="DF32" s="198">
        <v>2</v>
      </c>
      <c r="DG32" s="200">
        <v>2</v>
      </c>
      <c r="DH32" s="201">
        <v>0</v>
      </c>
      <c r="DI32" s="195">
        <v>0</v>
      </c>
      <c r="DJ32" s="195">
        <v>0</v>
      </c>
      <c r="DK32" s="196">
        <v>0</v>
      </c>
      <c r="DL32" s="197">
        <v>0</v>
      </c>
      <c r="DM32" s="197">
        <v>0</v>
      </c>
      <c r="DN32" s="197">
        <v>0</v>
      </c>
      <c r="DO32" s="195">
        <v>0</v>
      </c>
      <c r="DP32" s="198">
        <v>0</v>
      </c>
      <c r="DQ32" s="200">
        <v>0</v>
      </c>
      <c r="DR32" s="201">
        <v>0</v>
      </c>
      <c r="DS32" s="195">
        <v>0</v>
      </c>
      <c r="DT32" s="195">
        <v>0</v>
      </c>
      <c r="DU32" s="196">
        <v>3</v>
      </c>
      <c r="DV32" s="197">
        <v>10</v>
      </c>
      <c r="DW32" s="197">
        <v>28</v>
      </c>
      <c r="DX32" s="197">
        <v>46</v>
      </c>
      <c r="DY32" s="195">
        <v>30</v>
      </c>
      <c r="DZ32" s="198">
        <v>117</v>
      </c>
      <c r="EA32" s="200">
        <v>117</v>
      </c>
      <c r="EB32" s="37"/>
    </row>
    <row r="33" spans="1:132" ht="20.25" customHeight="1" x14ac:dyDescent="0.2">
      <c r="A33" s="62" t="s">
        <v>30</v>
      </c>
      <c r="B33" s="194">
        <v>0</v>
      </c>
      <c r="C33" s="195">
        <v>0</v>
      </c>
      <c r="D33" s="195">
        <v>0</v>
      </c>
      <c r="E33" s="196">
        <v>1</v>
      </c>
      <c r="F33" s="197">
        <v>2</v>
      </c>
      <c r="G33" s="197">
        <v>23</v>
      </c>
      <c r="H33" s="197">
        <v>22</v>
      </c>
      <c r="I33" s="195">
        <v>20</v>
      </c>
      <c r="J33" s="198">
        <v>68</v>
      </c>
      <c r="K33" s="199">
        <v>68</v>
      </c>
      <c r="L33" s="194">
        <v>0</v>
      </c>
      <c r="M33" s="195">
        <v>0</v>
      </c>
      <c r="N33" s="198">
        <v>0</v>
      </c>
      <c r="O33" s="196">
        <v>1</v>
      </c>
      <c r="P33" s="197">
        <v>2</v>
      </c>
      <c r="Q33" s="197">
        <v>23</v>
      </c>
      <c r="R33" s="197">
        <v>22</v>
      </c>
      <c r="S33" s="195">
        <v>20</v>
      </c>
      <c r="T33" s="198">
        <v>68</v>
      </c>
      <c r="U33" s="200">
        <v>68</v>
      </c>
      <c r="V33" s="201">
        <v>0</v>
      </c>
      <c r="W33" s="195">
        <v>0</v>
      </c>
      <c r="X33" s="198">
        <v>0</v>
      </c>
      <c r="Y33" s="201">
        <v>0</v>
      </c>
      <c r="Z33" s="197">
        <v>0</v>
      </c>
      <c r="AA33" s="197">
        <v>0</v>
      </c>
      <c r="AB33" s="197">
        <v>0</v>
      </c>
      <c r="AC33" s="195">
        <v>0</v>
      </c>
      <c r="AD33" s="198">
        <v>0</v>
      </c>
      <c r="AE33" s="202">
        <v>0</v>
      </c>
      <c r="AF33" s="201">
        <v>0</v>
      </c>
      <c r="AG33" s="195">
        <v>0</v>
      </c>
      <c r="AH33" s="198">
        <v>0</v>
      </c>
      <c r="AI33" s="201">
        <v>5</v>
      </c>
      <c r="AJ33" s="197">
        <v>6</v>
      </c>
      <c r="AK33" s="197">
        <v>11</v>
      </c>
      <c r="AL33" s="197">
        <v>20</v>
      </c>
      <c r="AM33" s="195">
        <v>6</v>
      </c>
      <c r="AN33" s="198">
        <v>48</v>
      </c>
      <c r="AO33" s="202">
        <v>48</v>
      </c>
      <c r="AP33" s="201">
        <v>0</v>
      </c>
      <c r="AQ33" s="195">
        <v>0</v>
      </c>
      <c r="AR33" s="198">
        <v>0</v>
      </c>
      <c r="AS33" s="196">
        <v>5</v>
      </c>
      <c r="AT33" s="197">
        <v>6</v>
      </c>
      <c r="AU33" s="197">
        <v>10</v>
      </c>
      <c r="AV33" s="197">
        <v>20</v>
      </c>
      <c r="AW33" s="195">
        <v>6</v>
      </c>
      <c r="AX33" s="198">
        <v>47</v>
      </c>
      <c r="AY33" s="199">
        <v>47</v>
      </c>
      <c r="AZ33" s="194">
        <v>0</v>
      </c>
      <c r="BA33" s="195">
        <v>0</v>
      </c>
      <c r="BB33" s="195">
        <v>0</v>
      </c>
      <c r="BC33" s="196">
        <v>0</v>
      </c>
      <c r="BD33" s="197">
        <v>0</v>
      </c>
      <c r="BE33" s="197">
        <v>1</v>
      </c>
      <c r="BF33" s="197">
        <v>0</v>
      </c>
      <c r="BG33" s="195">
        <v>0</v>
      </c>
      <c r="BH33" s="198">
        <v>1</v>
      </c>
      <c r="BI33" s="200">
        <v>1</v>
      </c>
      <c r="BJ33" s="201">
        <v>0</v>
      </c>
      <c r="BK33" s="195">
        <v>0</v>
      </c>
      <c r="BL33" s="195">
        <v>0</v>
      </c>
      <c r="BM33" s="196">
        <v>0</v>
      </c>
      <c r="BN33" s="197">
        <v>0</v>
      </c>
      <c r="BO33" s="197">
        <v>0</v>
      </c>
      <c r="BP33" s="197">
        <v>0</v>
      </c>
      <c r="BQ33" s="195">
        <v>0</v>
      </c>
      <c r="BR33" s="198">
        <v>0</v>
      </c>
      <c r="BS33" s="199">
        <v>0</v>
      </c>
      <c r="BT33" s="194">
        <v>0</v>
      </c>
      <c r="BU33" s="195">
        <v>0</v>
      </c>
      <c r="BV33" s="195">
        <v>0</v>
      </c>
      <c r="BW33" s="196">
        <v>0</v>
      </c>
      <c r="BX33" s="197">
        <v>0</v>
      </c>
      <c r="BY33" s="197">
        <v>0</v>
      </c>
      <c r="BZ33" s="197">
        <v>0</v>
      </c>
      <c r="CA33" s="195">
        <v>0</v>
      </c>
      <c r="CB33" s="198">
        <v>0</v>
      </c>
      <c r="CC33" s="200">
        <v>0</v>
      </c>
      <c r="CD33" s="201">
        <v>0</v>
      </c>
      <c r="CE33" s="195">
        <v>0</v>
      </c>
      <c r="CF33" s="195">
        <v>0</v>
      </c>
      <c r="CG33" s="196">
        <v>0</v>
      </c>
      <c r="CH33" s="197">
        <v>0</v>
      </c>
      <c r="CI33" s="197">
        <v>0</v>
      </c>
      <c r="CJ33" s="197">
        <v>0</v>
      </c>
      <c r="CK33" s="195">
        <v>0</v>
      </c>
      <c r="CL33" s="198">
        <v>0</v>
      </c>
      <c r="CM33" s="200">
        <v>0</v>
      </c>
      <c r="CN33" s="201">
        <v>0</v>
      </c>
      <c r="CO33" s="195">
        <v>0</v>
      </c>
      <c r="CP33" s="195">
        <v>0</v>
      </c>
      <c r="CQ33" s="196">
        <v>0</v>
      </c>
      <c r="CR33" s="197">
        <v>1</v>
      </c>
      <c r="CS33" s="197">
        <v>0</v>
      </c>
      <c r="CT33" s="197">
        <v>0</v>
      </c>
      <c r="CU33" s="195">
        <v>2</v>
      </c>
      <c r="CV33" s="198">
        <v>3</v>
      </c>
      <c r="CW33" s="199">
        <v>3</v>
      </c>
      <c r="CX33" s="194">
        <v>0</v>
      </c>
      <c r="CY33" s="195">
        <v>0</v>
      </c>
      <c r="CZ33" s="195">
        <v>0</v>
      </c>
      <c r="DA33" s="196">
        <v>0</v>
      </c>
      <c r="DB33" s="197">
        <v>1</v>
      </c>
      <c r="DC33" s="197">
        <v>0</v>
      </c>
      <c r="DD33" s="197">
        <v>0</v>
      </c>
      <c r="DE33" s="195">
        <v>2</v>
      </c>
      <c r="DF33" s="198">
        <v>3</v>
      </c>
      <c r="DG33" s="200">
        <v>3</v>
      </c>
      <c r="DH33" s="201">
        <v>0</v>
      </c>
      <c r="DI33" s="195">
        <v>0</v>
      </c>
      <c r="DJ33" s="195">
        <v>0</v>
      </c>
      <c r="DK33" s="196">
        <v>0</v>
      </c>
      <c r="DL33" s="197">
        <v>0</v>
      </c>
      <c r="DM33" s="197">
        <v>0</v>
      </c>
      <c r="DN33" s="197">
        <v>0</v>
      </c>
      <c r="DO33" s="195">
        <v>0</v>
      </c>
      <c r="DP33" s="198">
        <v>0</v>
      </c>
      <c r="DQ33" s="200">
        <v>0</v>
      </c>
      <c r="DR33" s="201">
        <v>0</v>
      </c>
      <c r="DS33" s="195">
        <v>0</v>
      </c>
      <c r="DT33" s="195">
        <v>0</v>
      </c>
      <c r="DU33" s="196">
        <v>6</v>
      </c>
      <c r="DV33" s="197">
        <v>9</v>
      </c>
      <c r="DW33" s="197">
        <v>34</v>
      </c>
      <c r="DX33" s="197">
        <v>42</v>
      </c>
      <c r="DY33" s="195">
        <v>28</v>
      </c>
      <c r="DZ33" s="198">
        <v>119</v>
      </c>
      <c r="EA33" s="200">
        <v>119</v>
      </c>
      <c r="EB33" s="37"/>
    </row>
    <row r="34" spans="1:132" ht="20.25" customHeight="1" x14ac:dyDescent="0.2">
      <c r="A34" s="62" t="s">
        <v>31</v>
      </c>
      <c r="B34" s="194">
        <v>0</v>
      </c>
      <c r="C34" s="195">
        <v>0</v>
      </c>
      <c r="D34" s="195">
        <v>0</v>
      </c>
      <c r="E34" s="196">
        <v>0</v>
      </c>
      <c r="F34" s="197">
        <v>2</v>
      </c>
      <c r="G34" s="197">
        <v>27</v>
      </c>
      <c r="H34" s="197">
        <v>23</v>
      </c>
      <c r="I34" s="195">
        <v>24</v>
      </c>
      <c r="J34" s="198">
        <v>76</v>
      </c>
      <c r="K34" s="199">
        <v>76</v>
      </c>
      <c r="L34" s="194">
        <v>0</v>
      </c>
      <c r="M34" s="195">
        <v>0</v>
      </c>
      <c r="N34" s="198">
        <v>0</v>
      </c>
      <c r="O34" s="196">
        <v>0</v>
      </c>
      <c r="P34" s="197">
        <v>2</v>
      </c>
      <c r="Q34" s="197">
        <v>26</v>
      </c>
      <c r="R34" s="197">
        <v>23</v>
      </c>
      <c r="S34" s="195">
        <v>24</v>
      </c>
      <c r="T34" s="198">
        <v>75</v>
      </c>
      <c r="U34" s="200">
        <v>75</v>
      </c>
      <c r="V34" s="201">
        <v>0</v>
      </c>
      <c r="W34" s="195">
        <v>0</v>
      </c>
      <c r="X34" s="198">
        <v>0</v>
      </c>
      <c r="Y34" s="201">
        <v>0</v>
      </c>
      <c r="Z34" s="197">
        <v>0</v>
      </c>
      <c r="AA34" s="197">
        <v>1</v>
      </c>
      <c r="AB34" s="197">
        <v>0</v>
      </c>
      <c r="AC34" s="195">
        <v>0</v>
      </c>
      <c r="AD34" s="198">
        <v>1</v>
      </c>
      <c r="AE34" s="202">
        <v>1</v>
      </c>
      <c r="AF34" s="201">
        <v>0</v>
      </c>
      <c r="AG34" s="195">
        <v>0</v>
      </c>
      <c r="AH34" s="198">
        <v>0</v>
      </c>
      <c r="AI34" s="201">
        <v>4</v>
      </c>
      <c r="AJ34" s="197">
        <v>15</v>
      </c>
      <c r="AK34" s="197">
        <v>8</v>
      </c>
      <c r="AL34" s="197">
        <v>7</v>
      </c>
      <c r="AM34" s="195">
        <v>5</v>
      </c>
      <c r="AN34" s="198">
        <v>39</v>
      </c>
      <c r="AO34" s="202">
        <v>39</v>
      </c>
      <c r="AP34" s="201">
        <v>0</v>
      </c>
      <c r="AQ34" s="195">
        <v>0</v>
      </c>
      <c r="AR34" s="198">
        <v>0</v>
      </c>
      <c r="AS34" s="196">
        <v>4</v>
      </c>
      <c r="AT34" s="197">
        <v>15</v>
      </c>
      <c r="AU34" s="197">
        <v>8</v>
      </c>
      <c r="AV34" s="197">
        <v>7</v>
      </c>
      <c r="AW34" s="195">
        <v>5</v>
      </c>
      <c r="AX34" s="198">
        <v>39</v>
      </c>
      <c r="AY34" s="199">
        <v>39</v>
      </c>
      <c r="AZ34" s="194">
        <v>0</v>
      </c>
      <c r="BA34" s="195">
        <v>0</v>
      </c>
      <c r="BB34" s="195">
        <v>0</v>
      </c>
      <c r="BC34" s="196">
        <v>0</v>
      </c>
      <c r="BD34" s="197">
        <v>0</v>
      </c>
      <c r="BE34" s="197">
        <v>0</v>
      </c>
      <c r="BF34" s="197">
        <v>0</v>
      </c>
      <c r="BG34" s="195">
        <v>0</v>
      </c>
      <c r="BH34" s="198">
        <v>0</v>
      </c>
      <c r="BI34" s="200">
        <v>0</v>
      </c>
      <c r="BJ34" s="201">
        <v>0</v>
      </c>
      <c r="BK34" s="195">
        <v>0</v>
      </c>
      <c r="BL34" s="195">
        <v>0</v>
      </c>
      <c r="BM34" s="196">
        <v>0</v>
      </c>
      <c r="BN34" s="197">
        <v>0</v>
      </c>
      <c r="BO34" s="197">
        <v>0</v>
      </c>
      <c r="BP34" s="197">
        <v>1</v>
      </c>
      <c r="BQ34" s="195">
        <v>0</v>
      </c>
      <c r="BR34" s="198">
        <v>1</v>
      </c>
      <c r="BS34" s="199">
        <v>1</v>
      </c>
      <c r="BT34" s="194">
        <v>0</v>
      </c>
      <c r="BU34" s="195">
        <v>0</v>
      </c>
      <c r="BV34" s="195">
        <v>0</v>
      </c>
      <c r="BW34" s="196">
        <v>0</v>
      </c>
      <c r="BX34" s="197">
        <v>0</v>
      </c>
      <c r="BY34" s="197">
        <v>0</v>
      </c>
      <c r="BZ34" s="197">
        <v>1</v>
      </c>
      <c r="CA34" s="195">
        <v>0</v>
      </c>
      <c r="CB34" s="198">
        <v>1</v>
      </c>
      <c r="CC34" s="200">
        <v>1</v>
      </c>
      <c r="CD34" s="201">
        <v>0</v>
      </c>
      <c r="CE34" s="195">
        <v>0</v>
      </c>
      <c r="CF34" s="195">
        <v>0</v>
      </c>
      <c r="CG34" s="196">
        <v>0</v>
      </c>
      <c r="CH34" s="197">
        <v>0</v>
      </c>
      <c r="CI34" s="197">
        <v>0</v>
      </c>
      <c r="CJ34" s="197">
        <v>0</v>
      </c>
      <c r="CK34" s="195">
        <v>0</v>
      </c>
      <c r="CL34" s="198">
        <v>0</v>
      </c>
      <c r="CM34" s="200">
        <v>0</v>
      </c>
      <c r="CN34" s="201">
        <v>0</v>
      </c>
      <c r="CO34" s="195">
        <v>0</v>
      </c>
      <c r="CP34" s="195">
        <v>0</v>
      </c>
      <c r="CQ34" s="196">
        <v>0</v>
      </c>
      <c r="CR34" s="197">
        <v>0</v>
      </c>
      <c r="CS34" s="197">
        <v>0</v>
      </c>
      <c r="CT34" s="197">
        <v>0</v>
      </c>
      <c r="CU34" s="195">
        <v>1</v>
      </c>
      <c r="CV34" s="198">
        <v>1</v>
      </c>
      <c r="CW34" s="199">
        <v>1</v>
      </c>
      <c r="CX34" s="194">
        <v>0</v>
      </c>
      <c r="CY34" s="195">
        <v>0</v>
      </c>
      <c r="CZ34" s="195">
        <v>0</v>
      </c>
      <c r="DA34" s="196">
        <v>0</v>
      </c>
      <c r="DB34" s="197">
        <v>0</v>
      </c>
      <c r="DC34" s="197">
        <v>0</v>
      </c>
      <c r="DD34" s="197">
        <v>0</v>
      </c>
      <c r="DE34" s="195">
        <v>1</v>
      </c>
      <c r="DF34" s="198">
        <v>1</v>
      </c>
      <c r="DG34" s="200">
        <v>1</v>
      </c>
      <c r="DH34" s="201">
        <v>0</v>
      </c>
      <c r="DI34" s="195">
        <v>0</v>
      </c>
      <c r="DJ34" s="195">
        <v>0</v>
      </c>
      <c r="DK34" s="196">
        <v>0</v>
      </c>
      <c r="DL34" s="197">
        <v>0</v>
      </c>
      <c r="DM34" s="197">
        <v>0</v>
      </c>
      <c r="DN34" s="197">
        <v>0</v>
      </c>
      <c r="DO34" s="195">
        <v>0</v>
      </c>
      <c r="DP34" s="198">
        <v>0</v>
      </c>
      <c r="DQ34" s="200">
        <v>0</v>
      </c>
      <c r="DR34" s="201">
        <v>0</v>
      </c>
      <c r="DS34" s="195">
        <v>0</v>
      </c>
      <c r="DT34" s="195">
        <v>0</v>
      </c>
      <c r="DU34" s="196">
        <v>4</v>
      </c>
      <c r="DV34" s="197">
        <v>17</v>
      </c>
      <c r="DW34" s="197">
        <v>35</v>
      </c>
      <c r="DX34" s="197">
        <v>31</v>
      </c>
      <c r="DY34" s="195">
        <v>30</v>
      </c>
      <c r="DZ34" s="198">
        <v>117</v>
      </c>
      <c r="EA34" s="200">
        <v>117</v>
      </c>
      <c r="EB34" s="37"/>
    </row>
    <row r="35" spans="1:132" ht="20.25" customHeight="1" x14ac:dyDescent="0.2">
      <c r="A35" s="62" t="s">
        <v>32</v>
      </c>
      <c r="B35" s="194">
        <v>0</v>
      </c>
      <c r="C35" s="195">
        <v>0</v>
      </c>
      <c r="D35" s="195">
        <v>0</v>
      </c>
      <c r="E35" s="196">
        <v>1</v>
      </c>
      <c r="F35" s="197">
        <v>1</v>
      </c>
      <c r="G35" s="197">
        <v>10</v>
      </c>
      <c r="H35" s="197">
        <v>22</v>
      </c>
      <c r="I35" s="195">
        <v>8</v>
      </c>
      <c r="J35" s="198">
        <v>42</v>
      </c>
      <c r="K35" s="199">
        <v>42</v>
      </c>
      <c r="L35" s="194">
        <v>0</v>
      </c>
      <c r="M35" s="195">
        <v>0</v>
      </c>
      <c r="N35" s="198">
        <v>0</v>
      </c>
      <c r="O35" s="196">
        <v>1</v>
      </c>
      <c r="P35" s="197">
        <v>1</v>
      </c>
      <c r="Q35" s="197">
        <v>10</v>
      </c>
      <c r="R35" s="197">
        <v>22</v>
      </c>
      <c r="S35" s="195">
        <v>7</v>
      </c>
      <c r="T35" s="198">
        <v>41</v>
      </c>
      <c r="U35" s="200">
        <v>41</v>
      </c>
      <c r="V35" s="201">
        <v>0</v>
      </c>
      <c r="W35" s="195">
        <v>0</v>
      </c>
      <c r="X35" s="198">
        <v>0</v>
      </c>
      <c r="Y35" s="201">
        <v>0</v>
      </c>
      <c r="Z35" s="197">
        <v>0</v>
      </c>
      <c r="AA35" s="197">
        <v>0</v>
      </c>
      <c r="AB35" s="197">
        <v>0</v>
      </c>
      <c r="AC35" s="195">
        <v>1</v>
      </c>
      <c r="AD35" s="198">
        <v>1</v>
      </c>
      <c r="AE35" s="202">
        <v>1</v>
      </c>
      <c r="AF35" s="201">
        <v>0</v>
      </c>
      <c r="AG35" s="195">
        <v>0</v>
      </c>
      <c r="AH35" s="198">
        <v>0</v>
      </c>
      <c r="AI35" s="201">
        <v>3</v>
      </c>
      <c r="AJ35" s="197">
        <v>9</v>
      </c>
      <c r="AK35" s="197">
        <v>11</v>
      </c>
      <c r="AL35" s="197">
        <v>14</v>
      </c>
      <c r="AM35" s="195">
        <v>8</v>
      </c>
      <c r="AN35" s="198">
        <v>45</v>
      </c>
      <c r="AO35" s="202">
        <v>45</v>
      </c>
      <c r="AP35" s="201">
        <v>0</v>
      </c>
      <c r="AQ35" s="195">
        <v>0</v>
      </c>
      <c r="AR35" s="198">
        <v>0</v>
      </c>
      <c r="AS35" s="196">
        <v>3</v>
      </c>
      <c r="AT35" s="197">
        <v>9</v>
      </c>
      <c r="AU35" s="197">
        <v>11</v>
      </c>
      <c r="AV35" s="197">
        <v>14</v>
      </c>
      <c r="AW35" s="195">
        <v>8</v>
      </c>
      <c r="AX35" s="198">
        <v>45</v>
      </c>
      <c r="AY35" s="199">
        <v>45</v>
      </c>
      <c r="AZ35" s="194">
        <v>0</v>
      </c>
      <c r="BA35" s="195">
        <v>0</v>
      </c>
      <c r="BB35" s="195">
        <v>0</v>
      </c>
      <c r="BC35" s="196">
        <v>0</v>
      </c>
      <c r="BD35" s="197">
        <v>0</v>
      </c>
      <c r="BE35" s="197">
        <v>0</v>
      </c>
      <c r="BF35" s="197">
        <v>0</v>
      </c>
      <c r="BG35" s="195">
        <v>0</v>
      </c>
      <c r="BH35" s="198">
        <v>0</v>
      </c>
      <c r="BI35" s="200">
        <v>0</v>
      </c>
      <c r="BJ35" s="201">
        <v>0</v>
      </c>
      <c r="BK35" s="195">
        <v>0</v>
      </c>
      <c r="BL35" s="195">
        <v>0</v>
      </c>
      <c r="BM35" s="196">
        <v>0</v>
      </c>
      <c r="BN35" s="197">
        <v>0</v>
      </c>
      <c r="BO35" s="197">
        <v>0</v>
      </c>
      <c r="BP35" s="197">
        <v>0</v>
      </c>
      <c r="BQ35" s="195">
        <v>0</v>
      </c>
      <c r="BR35" s="198">
        <v>0</v>
      </c>
      <c r="BS35" s="199">
        <v>0</v>
      </c>
      <c r="BT35" s="194">
        <v>0</v>
      </c>
      <c r="BU35" s="195">
        <v>0</v>
      </c>
      <c r="BV35" s="195">
        <v>0</v>
      </c>
      <c r="BW35" s="196">
        <v>0</v>
      </c>
      <c r="BX35" s="197">
        <v>0</v>
      </c>
      <c r="BY35" s="197">
        <v>0</v>
      </c>
      <c r="BZ35" s="197">
        <v>0</v>
      </c>
      <c r="CA35" s="195">
        <v>0</v>
      </c>
      <c r="CB35" s="198">
        <v>0</v>
      </c>
      <c r="CC35" s="200">
        <v>0</v>
      </c>
      <c r="CD35" s="201">
        <v>0</v>
      </c>
      <c r="CE35" s="195">
        <v>0</v>
      </c>
      <c r="CF35" s="195">
        <v>0</v>
      </c>
      <c r="CG35" s="196">
        <v>0</v>
      </c>
      <c r="CH35" s="197">
        <v>0</v>
      </c>
      <c r="CI35" s="197">
        <v>0</v>
      </c>
      <c r="CJ35" s="197">
        <v>0</v>
      </c>
      <c r="CK35" s="195">
        <v>0</v>
      </c>
      <c r="CL35" s="198">
        <v>0</v>
      </c>
      <c r="CM35" s="200">
        <v>0</v>
      </c>
      <c r="CN35" s="201">
        <v>0</v>
      </c>
      <c r="CO35" s="195">
        <v>0</v>
      </c>
      <c r="CP35" s="195">
        <v>0</v>
      </c>
      <c r="CQ35" s="196">
        <v>0</v>
      </c>
      <c r="CR35" s="197">
        <v>0</v>
      </c>
      <c r="CS35" s="197">
        <v>0</v>
      </c>
      <c r="CT35" s="197">
        <v>1</v>
      </c>
      <c r="CU35" s="195">
        <v>0</v>
      </c>
      <c r="CV35" s="198">
        <v>1</v>
      </c>
      <c r="CW35" s="199">
        <v>1</v>
      </c>
      <c r="CX35" s="194">
        <v>0</v>
      </c>
      <c r="CY35" s="195">
        <v>0</v>
      </c>
      <c r="CZ35" s="195">
        <v>0</v>
      </c>
      <c r="DA35" s="196">
        <v>0</v>
      </c>
      <c r="DB35" s="197">
        <v>0</v>
      </c>
      <c r="DC35" s="197">
        <v>0</v>
      </c>
      <c r="DD35" s="197">
        <v>1</v>
      </c>
      <c r="DE35" s="195">
        <v>0</v>
      </c>
      <c r="DF35" s="198">
        <v>1</v>
      </c>
      <c r="DG35" s="200">
        <v>1</v>
      </c>
      <c r="DH35" s="201">
        <v>0</v>
      </c>
      <c r="DI35" s="195">
        <v>0</v>
      </c>
      <c r="DJ35" s="195">
        <v>0</v>
      </c>
      <c r="DK35" s="196">
        <v>0</v>
      </c>
      <c r="DL35" s="197">
        <v>0</v>
      </c>
      <c r="DM35" s="197">
        <v>0</v>
      </c>
      <c r="DN35" s="197">
        <v>0</v>
      </c>
      <c r="DO35" s="195">
        <v>0</v>
      </c>
      <c r="DP35" s="198">
        <v>0</v>
      </c>
      <c r="DQ35" s="200">
        <v>0</v>
      </c>
      <c r="DR35" s="201">
        <v>0</v>
      </c>
      <c r="DS35" s="195">
        <v>0</v>
      </c>
      <c r="DT35" s="195">
        <v>0</v>
      </c>
      <c r="DU35" s="196">
        <v>4</v>
      </c>
      <c r="DV35" s="197">
        <v>10</v>
      </c>
      <c r="DW35" s="197">
        <v>21</v>
      </c>
      <c r="DX35" s="197">
        <v>37</v>
      </c>
      <c r="DY35" s="195">
        <v>16</v>
      </c>
      <c r="DZ35" s="198">
        <v>88</v>
      </c>
      <c r="EA35" s="200">
        <v>88</v>
      </c>
      <c r="EB35" s="37"/>
    </row>
    <row r="36" spans="1:132" ht="20.25" customHeight="1" x14ac:dyDescent="0.2">
      <c r="A36" s="62" t="s">
        <v>33</v>
      </c>
      <c r="B36" s="194">
        <v>0</v>
      </c>
      <c r="C36" s="195">
        <v>0</v>
      </c>
      <c r="D36" s="195">
        <v>0</v>
      </c>
      <c r="E36" s="196">
        <v>0</v>
      </c>
      <c r="F36" s="197">
        <v>7</v>
      </c>
      <c r="G36" s="197">
        <v>27</v>
      </c>
      <c r="H36" s="197">
        <v>28</v>
      </c>
      <c r="I36" s="195">
        <v>26</v>
      </c>
      <c r="J36" s="198">
        <v>88</v>
      </c>
      <c r="K36" s="199">
        <v>88</v>
      </c>
      <c r="L36" s="194">
        <v>0</v>
      </c>
      <c r="M36" s="195">
        <v>0</v>
      </c>
      <c r="N36" s="198">
        <v>0</v>
      </c>
      <c r="O36" s="196">
        <v>0</v>
      </c>
      <c r="P36" s="197">
        <v>7</v>
      </c>
      <c r="Q36" s="197">
        <v>27</v>
      </c>
      <c r="R36" s="197">
        <v>28</v>
      </c>
      <c r="S36" s="195">
        <v>26</v>
      </c>
      <c r="T36" s="198">
        <v>88</v>
      </c>
      <c r="U36" s="200">
        <v>88</v>
      </c>
      <c r="V36" s="201">
        <v>0</v>
      </c>
      <c r="W36" s="195">
        <v>0</v>
      </c>
      <c r="X36" s="198">
        <v>0</v>
      </c>
      <c r="Y36" s="201">
        <v>0</v>
      </c>
      <c r="Z36" s="197">
        <v>0</v>
      </c>
      <c r="AA36" s="197">
        <v>0</v>
      </c>
      <c r="AB36" s="197">
        <v>0</v>
      </c>
      <c r="AC36" s="195">
        <v>0</v>
      </c>
      <c r="AD36" s="198">
        <v>0</v>
      </c>
      <c r="AE36" s="202">
        <v>0</v>
      </c>
      <c r="AF36" s="201">
        <v>0</v>
      </c>
      <c r="AG36" s="195">
        <v>0</v>
      </c>
      <c r="AH36" s="198">
        <v>0</v>
      </c>
      <c r="AI36" s="201">
        <v>11</v>
      </c>
      <c r="AJ36" s="197">
        <v>7</v>
      </c>
      <c r="AK36" s="197">
        <v>12</v>
      </c>
      <c r="AL36" s="197">
        <v>16</v>
      </c>
      <c r="AM36" s="195">
        <v>6</v>
      </c>
      <c r="AN36" s="198">
        <v>52</v>
      </c>
      <c r="AO36" s="202">
        <v>52</v>
      </c>
      <c r="AP36" s="201">
        <v>0</v>
      </c>
      <c r="AQ36" s="195">
        <v>0</v>
      </c>
      <c r="AR36" s="198">
        <v>0</v>
      </c>
      <c r="AS36" s="196">
        <v>11</v>
      </c>
      <c r="AT36" s="197">
        <v>7</v>
      </c>
      <c r="AU36" s="197">
        <v>12</v>
      </c>
      <c r="AV36" s="197">
        <v>16</v>
      </c>
      <c r="AW36" s="195">
        <v>6</v>
      </c>
      <c r="AX36" s="198">
        <v>52</v>
      </c>
      <c r="AY36" s="199">
        <v>52</v>
      </c>
      <c r="AZ36" s="194">
        <v>0</v>
      </c>
      <c r="BA36" s="195">
        <v>0</v>
      </c>
      <c r="BB36" s="195">
        <v>0</v>
      </c>
      <c r="BC36" s="196">
        <v>0</v>
      </c>
      <c r="BD36" s="197">
        <v>0</v>
      </c>
      <c r="BE36" s="197">
        <v>0</v>
      </c>
      <c r="BF36" s="197">
        <v>0</v>
      </c>
      <c r="BG36" s="195">
        <v>0</v>
      </c>
      <c r="BH36" s="198">
        <v>0</v>
      </c>
      <c r="BI36" s="200">
        <v>0</v>
      </c>
      <c r="BJ36" s="201">
        <v>0</v>
      </c>
      <c r="BK36" s="195">
        <v>0</v>
      </c>
      <c r="BL36" s="195">
        <v>0</v>
      </c>
      <c r="BM36" s="196">
        <v>0</v>
      </c>
      <c r="BN36" s="197">
        <v>0</v>
      </c>
      <c r="BO36" s="197">
        <v>0</v>
      </c>
      <c r="BP36" s="197">
        <v>0</v>
      </c>
      <c r="BQ36" s="195">
        <v>0</v>
      </c>
      <c r="BR36" s="198">
        <v>0</v>
      </c>
      <c r="BS36" s="199">
        <v>0</v>
      </c>
      <c r="BT36" s="194">
        <v>0</v>
      </c>
      <c r="BU36" s="195">
        <v>0</v>
      </c>
      <c r="BV36" s="195">
        <v>0</v>
      </c>
      <c r="BW36" s="196">
        <v>0</v>
      </c>
      <c r="BX36" s="197">
        <v>0</v>
      </c>
      <c r="BY36" s="197">
        <v>0</v>
      </c>
      <c r="BZ36" s="197">
        <v>0</v>
      </c>
      <c r="CA36" s="195">
        <v>0</v>
      </c>
      <c r="CB36" s="198">
        <v>0</v>
      </c>
      <c r="CC36" s="200">
        <v>0</v>
      </c>
      <c r="CD36" s="201">
        <v>0</v>
      </c>
      <c r="CE36" s="195">
        <v>0</v>
      </c>
      <c r="CF36" s="195">
        <v>0</v>
      </c>
      <c r="CG36" s="196">
        <v>0</v>
      </c>
      <c r="CH36" s="197">
        <v>0</v>
      </c>
      <c r="CI36" s="197">
        <v>0</v>
      </c>
      <c r="CJ36" s="197">
        <v>0</v>
      </c>
      <c r="CK36" s="195">
        <v>0</v>
      </c>
      <c r="CL36" s="198">
        <v>0</v>
      </c>
      <c r="CM36" s="200">
        <v>0</v>
      </c>
      <c r="CN36" s="201">
        <v>0</v>
      </c>
      <c r="CO36" s="195">
        <v>0</v>
      </c>
      <c r="CP36" s="195">
        <v>0</v>
      </c>
      <c r="CQ36" s="196">
        <v>2</v>
      </c>
      <c r="CR36" s="197">
        <v>5</v>
      </c>
      <c r="CS36" s="197">
        <v>7</v>
      </c>
      <c r="CT36" s="197">
        <v>5</v>
      </c>
      <c r="CU36" s="195">
        <v>7</v>
      </c>
      <c r="CV36" s="198">
        <v>26</v>
      </c>
      <c r="CW36" s="199">
        <v>26</v>
      </c>
      <c r="CX36" s="194">
        <v>0</v>
      </c>
      <c r="CY36" s="195">
        <v>0</v>
      </c>
      <c r="CZ36" s="195">
        <v>0</v>
      </c>
      <c r="DA36" s="196">
        <v>2</v>
      </c>
      <c r="DB36" s="197">
        <v>5</v>
      </c>
      <c r="DC36" s="197">
        <v>7</v>
      </c>
      <c r="DD36" s="197">
        <v>5</v>
      </c>
      <c r="DE36" s="195">
        <v>7</v>
      </c>
      <c r="DF36" s="198">
        <v>26</v>
      </c>
      <c r="DG36" s="200">
        <v>26</v>
      </c>
      <c r="DH36" s="201">
        <v>0</v>
      </c>
      <c r="DI36" s="195">
        <v>0</v>
      </c>
      <c r="DJ36" s="195">
        <v>0</v>
      </c>
      <c r="DK36" s="196">
        <v>0</v>
      </c>
      <c r="DL36" s="197">
        <v>0</v>
      </c>
      <c r="DM36" s="197">
        <v>0</v>
      </c>
      <c r="DN36" s="197">
        <v>0</v>
      </c>
      <c r="DO36" s="195">
        <v>0</v>
      </c>
      <c r="DP36" s="198">
        <v>0</v>
      </c>
      <c r="DQ36" s="200">
        <v>0</v>
      </c>
      <c r="DR36" s="201">
        <v>0</v>
      </c>
      <c r="DS36" s="195">
        <v>0</v>
      </c>
      <c r="DT36" s="195">
        <v>0</v>
      </c>
      <c r="DU36" s="196">
        <v>13</v>
      </c>
      <c r="DV36" s="197">
        <v>19</v>
      </c>
      <c r="DW36" s="197">
        <v>46</v>
      </c>
      <c r="DX36" s="197">
        <v>49</v>
      </c>
      <c r="DY36" s="195">
        <v>39</v>
      </c>
      <c r="DZ36" s="198">
        <v>166</v>
      </c>
      <c r="EA36" s="200">
        <v>166</v>
      </c>
      <c r="EB36" s="37"/>
    </row>
    <row r="37" spans="1:132" ht="20.25" customHeight="1" x14ac:dyDescent="0.2">
      <c r="A37" s="62" t="s">
        <v>34</v>
      </c>
      <c r="B37" s="194">
        <v>0</v>
      </c>
      <c r="C37" s="195">
        <v>0</v>
      </c>
      <c r="D37" s="195">
        <v>0</v>
      </c>
      <c r="E37" s="196">
        <v>0</v>
      </c>
      <c r="F37" s="197">
        <v>0</v>
      </c>
      <c r="G37" s="197">
        <v>6</v>
      </c>
      <c r="H37" s="197">
        <v>23</v>
      </c>
      <c r="I37" s="195">
        <v>14</v>
      </c>
      <c r="J37" s="198">
        <v>43</v>
      </c>
      <c r="K37" s="199">
        <v>43</v>
      </c>
      <c r="L37" s="194">
        <v>0</v>
      </c>
      <c r="M37" s="195">
        <v>0</v>
      </c>
      <c r="N37" s="198">
        <v>0</v>
      </c>
      <c r="O37" s="196">
        <v>0</v>
      </c>
      <c r="P37" s="197">
        <v>0</v>
      </c>
      <c r="Q37" s="197">
        <v>6</v>
      </c>
      <c r="R37" s="197">
        <v>23</v>
      </c>
      <c r="S37" s="195">
        <v>14</v>
      </c>
      <c r="T37" s="198">
        <v>43</v>
      </c>
      <c r="U37" s="200">
        <v>43</v>
      </c>
      <c r="V37" s="201">
        <v>0</v>
      </c>
      <c r="W37" s="195">
        <v>0</v>
      </c>
      <c r="X37" s="198">
        <v>0</v>
      </c>
      <c r="Y37" s="201">
        <v>0</v>
      </c>
      <c r="Z37" s="197">
        <v>0</v>
      </c>
      <c r="AA37" s="197">
        <v>0</v>
      </c>
      <c r="AB37" s="197">
        <v>0</v>
      </c>
      <c r="AC37" s="195">
        <v>0</v>
      </c>
      <c r="AD37" s="198">
        <v>0</v>
      </c>
      <c r="AE37" s="202">
        <v>0</v>
      </c>
      <c r="AF37" s="201">
        <v>0</v>
      </c>
      <c r="AG37" s="195">
        <v>0</v>
      </c>
      <c r="AH37" s="198">
        <v>0</v>
      </c>
      <c r="AI37" s="201">
        <v>6</v>
      </c>
      <c r="AJ37" s="197">
        <v>8</v>
      </c>
      <c r="AK37" s="197">
        <v>14</v>
      </c>
      <c r="AL37" s="197">
        <v>10</v>
      </c>
      <c r="AM37" s="195">
        <v>4</v>
      </c>
      <c r="AN37" s="198">
        <v>42</v>
      </c>
      <c r="AO37" s="202">
        <v>42</v>
      </c>
      <c r="AP37" s="201">
        <v>0</v>
      </c>
      <c r="AQ37" s="195">
        <v>0</v>
      </c>
      <c r="AR37" s="198">
        <v>0</v>
      </c>
      <c r="AS37" s="196">
        <v>6</v>
      </c>
      <c r="AT37" s="197">
        <v>8</v>
      </c>
      <c r="AU37" s="197">
        <v>14</v>
      </c>
      <c r="AV37" s="197">
        <v>10</v>
      </c>
      <c r="AW37" s="195">
        <v>4</v>
      </c>
      <c r="AX37" s="198">
        <v>42</v>
      </c>
      <c r="AY37" s="199">
        <v>42</v>
      </c>
      <c r="AZ37" s="194">
        <v>0</v>
      </c>
      <c r="BA37" s="195">
        <v>0</v>
      </c>
      <c r="BB37" s="195">
        <v>0</v>
      </c>
      <c r="BC37" s="196">
        <v>0</v>
      </c>
      <c r="BD37" s="197">
        <v>0</v>
      </c>
      <c r="BE37" s="197">
        <v>0</v>
      </c>
      <c r="BF37" s="197">
        <v>0</v>
      </c>
      <c r="BG37" s="195">
        <v>0</v>
      </c>
      <c r="BH37" s="198">
        <v>0</v>
      </c>
      <c r="BI37" s="200">
        <v>0</v>
      </c>
      <c r="BJ37" s="201">
        <v>0</v>
      </c>
      <c r="BK37" s="195">
        <v>0</v>
      </c>
      <c r="BL37" s="195">
        <v>0</v>
      </c>
      <c r="BM37" s="196">
        <v>0</v>
      </c>
      <c r="BN37" s="197">
        <v>0</v>
      </c>
      <c r="BO37" s="197">
        <v>0</v>
      </c>
      <c r="BP37" s="197">
        <v>0</v>
      </c>
      <c r="BQ37" s="195">
        <v>0</v>
      </c>
      <c r="BR37" s="198">
        <v>0</v>
      </c>
      <c r="BS37" s="199">
        <v>0</v>
      </c>
      <c r="BT37" s="194">
        <v>0</v>
      </c>
      <c r="BU37" s="195">
        <v>0</v>
      </c>
      <c r="BV37" s="195">
        <v>0</v>
      </c>
      <c r="BW37" s="196">
        <v>0</v>
      </c>
      <c r="BX37" s="197">
        <v>0</v>
      </c>
      <c r="BY37" s="197">
        <v>0</v>
      </c>
      <c r="BZ37" s="197">
        <v>0</v>
      </c>
      <c r="CA37" s="195">
        <v>0</v>
      </c>
      <c r="CB37" s="198">
        <v>0</v>
      </c>
      <c r="CC37" s="200">
        <v>0</v>
      </c>
      <c r="CD37" s="201">
        <v>0</v>
      </c>
      <c r="CE37" s="195">
        <v>0</v>
      </c>
      <c r="CF37" s="195">
        <v>0</v>
      </c>
      <c r="CG37" s="196">
        <v>0</v>
      </c>
      <c r="CH37" s="197">
        <v>0</v>
      </c>
      <c r="CI37" s="197">
        <v>0</v>
      </c>
      <c r="CJ37" s="197">
        <v>0</v>
      </c>
      <c r="CK37" s="195">
        <v>0</v>
      </c>
      <c r="CL37" s="198">
        <v>0</v>
      </c>
      <c r="CM37" s="200">
        <v>0</v>
      </c>
      <c r="CN37" s="201">
        <v>0</v>
      </c>
      <c r="CO37" s="195">
        <v>0</v>
      </c>
      <c r="CP37" s="195">
        <v>0</v>
      </c>
      <c r="CQ37" s="196">
        <v>0</v>
      </c>
      <c r="CR37" s="197">
        <v>1</v>
      </c>
      <c r="CS37" s="197">
        <v>0</v>
      </c>
      <c r="CT37" s="197">
        <v>1</v>
      </c>
      <c r="CU37" s="195">
        <v>1</v>
      </c>
      <c r="CV37" s="198">
        <v>3</v>
      </c>
      <c r="CW37" s="199">
        <v>3</v>
      </c>
      <c r="CX37" s="194">
        <v>0</v>
      </c>
      <c r="CY37" s="195">
        <v>0</v>
      </c>
      <c r="CZ37" s="195">
        <v>0</v>
      </c>
      <c r="DA37" s="196">
        <v>0</v>
      </c>
      <c r="DB37" s="197">
        <v>1</v>
      </c>
      <c r="DC37" s="197">
        <v>0</v>
      </c>
      <c r="DD37" s="197">
        <v>1</v>
      </c>
      <c r="DE37" s="195">
        <v>1</v>
      </c>
      <c r="DF37" s="198">
        <v>3</v>
      </c>
      <c r="DG37" s="200">
        <v>3</v>
      </c>
      <c r="DH37" s="201">
        <v>0</v>
      </c>
      <c r="DI37" s="195">
        <v>0</v>
      </c>
      <c r="DJ37" s="195">
        <v>0</v>
      </c>
      <c r="DK37" s="196">
        <v>0</v>
      </c>
      <c r="DL37" s="197">
        <v>0</v>
      </c>
      <c r="DM37" s="197">
        <v>0</v>
      </c>
      <c r="DN37" s="197">
        <v>0</v>
      </c>
      <c r="DO37" s="195">
        <v>0</v>
      </c>
      <c r="DP37" s="198">
        <v>0</v>
      </c>
      <c r="DQ37" s="200">
        <v>0</v>
      </c>
      <c r="DR37" s="201">
        <v>0</v>
      </c>
      <c r="DS37" s="195">
        <v>0</v>
      </c>
      <c r="DT37" s="195">
        <v>0</v>
      </c>
      <c r="DU37" s="196">
        <v>6</v>
      </c>
      <c r="DV37" s="197">
        <v>9</v>
      </c>
      <c r="DW37" s="197">
        <v>20</v>
      </c>
      <c r="DX37" s="197">
        <v>34</v>
      </c>
      <c r="DY37" s="195">
        <v>19</v>
      </c>
      <c r="DZ37" s="198">
        <v>88</v>
      </c>
      <c r="EA37" s="200">
        <v>88</v>
      </c>
      <c r="EB37" s="37"/>
    </row>
    <row r="38" spans="1:132" ht="20.25" customHeight="1" x14ac:dyDescent="0.2">
      <c r="A38" s="62" t="s">
        <v>35</v>
      </c>
      <c r="B38" s="194">
        <v>0</v>
      </c>
      <c r="C38" s="195">
        <v>0</v>
      </c>
      <c r="D38" s="195">
        <v>0</v>
      </c>
      <c r="E38" s="196">
        <v>1</v>
      </c>
      <c r="F38" s="197">
        <v>2</v>
      </c>
      <c r="G38" s="197">
        <v>27</v>
      </c>
      <c r="H38" s="197">
        <v>44</v>
      </c>
      <c r="I38" s="195">
        <v>37</v>
      </c>
      <c r="J38" s="198">
        <v>111</v>
      </c>
      <c r="K38" s="199">
        <v>111</v>
      </c>
      <c r="L38" s="194">
        <v>0</v>
      </c>
      <c r="M38" s="195">
        <v>0</v>
      </c>
      <c r="N38" s="198">
        <v>0</v>
      </c>
      <c r="O38" s="196">
        <v>1</v>
      </c>
      <c r="P38" s="197">
        <v>2</v>
      </c>
      <c r="Q38" s="197">
        <v>27</v>
      </c>
      <c r="R38" s="197">
        <v>44</v>
      </c>
      <c r="S38" s="195">
        <v>37</v>
      </c>
      <c r="T38" s="198">
        <v>111</v>
      </c>
      <c r="U38" s="200">
        <v>111</v>
      </c>
      <c r="V38" s="201">
        <v>0</v>
      </c>
      <c r="W38" s="195">
        <v>0</v>
      </c>
      <c r="X38" s="198">
        <v>0</v>
      </c>
      <c r="Y38" s="201">
        <v>0</v>
      </c>
      <c r="Z38" s="197">
        <v>0</v>
      </c>
      <c r="AA38" s="197">
        <v>0</v>
      </c>
      <c r="AB38" s="197">
        <v>0</v>
      </c>
      <c r="AC38" s="195">
        <v>0</v>
      </c>
      <c r="AD38" s="198">
        <v>0</v>
      </c>
      <c r="AE38" s="202">
        <v>0</v>
      </c>
      <c r="AF38" s="201">
        <v>0</v>
      </c>
      <c r="AG38" s="195">
        <v>0</v>
      </c>
      <c r="AH38" s="198">
        <v>0</v>
      </c>
      <c r="AI38" s="201">
        <v>26</v>
      </c>
      <c r="AJ38" s="197">
        <v>26</v>
      </c>
      <c r="AK38" s="197">
        <v>24</v>
      </c>
      <c r="AL38" s="197">
        <v>16</v>
      </c>
      <c r="AM38" s="195">
        <v>9</v>
      </c>
      <c r="AN38" s="198">
        <v>101</v>
      </c>
      <c r="AO38" s="202">
        <v>101</v>
      </c>
      <c r="AP38" s="201">
        <v>0</v>
      </c>
      <c r="AQ38" s="195">
        <v>0</v>
      </c>
      <c r="AR38" s="198">
        <v>0</v>
      </c>
      <c r="AS38" s="196">
        <v>26</v>
      </c>
      <c r="AT38" s="197">
        <v>26</v>
      </c>
      <c r="AU38" s="197">
        <v>22</v>
      </c>
      <c r="AV38" s="197">
        <v>15</v>
      </c>
      <c r="AW38" s="195">
        <v>9</v>
      </c>
      <c r="AX38" s="198">
        <v>98</v>
      </c>
      <c r="AY38" s="199">
        <v>98</v>
      </c>
      <c r="AZ38" s="194">
        <v>0</v>
      </c>
      <c r="BA38" s="195">
        <v>0</v>
      </c>
      <c r="BB38" s="195">
        <v>0</v>
      </c>
      <c r="BC38" s="196">
        <v>0</v>
      </c>
      <c r="BD38" s="197">
        <v>0</v>
      </c>
      <c r="BE38" s="197">
        <v>2</v>
      </c>
      <c r="BF38" s="197">
        <v>1</v>
      </c>
      <c r="BG38" s="195">
        <v>0</v>
      </c>
      <c r="BH38" s="198">
        <v>3</v>
      </c>
      <c r="BI38" s="200">
        <v>3</v>
      </c>
      <c r="BJ38" s="201">
        <v>0</v>
      </c>
      <c r="BK38" s="195">
        <v>0</v>
      </c>
      <c r="BL38" s="195">
        <v>0</v>
      </c>
      <c r="BM38" s="196">
        <v>0</v>
      </c>
      <c r="BN38" s="197">
        <v>0</v>
      </c>
      <c r="BO38" s="197">
        <v>0</v>
      </c>
      <c r="BP38" s="197">
        <v>0</v>
      </c>
      <c r="BQ38" s="195">
        <v>0</v>
      </c>
      <c r="BR38" s="198">
        <v>0</v>
      </c>
      <c r="BS38" s="199">
        <v>0</v>
      </c>
      <c r="BT38" s="194">
        <v>0</v>
      </c>
      <c r="BU38" s="195">
        <v>0</v>
      </c>
      <c r="BV38" s="195">
        <v>0</v>
      </c>
      <c r="BW38" s="196">
        <v>0</v>
      </c>
      <c r="BX38" s="197">
        <v>0</v>
      </c>
      <c r="BY38" s="197">
        <v>0</v>
      </c>
      <c r="BZ38" s="197">
        <v>0</v>
      </c>
      <c r="CA38" s="195">
        <v>0</v>
      </c>
      <c r="CB38" s="198">
        <v>0</v>
      </c>
      <c r="CC38" s="200">
        <v>0</v>
      </c>
      <c r="CD38" s="201">
        <v>0</v>
      </c>
      <c r="CE38" s="195">
        <v>0</v>
      </c>
      <c r="CF38" s="195">
        <v>0</v>
      </c>
      <c r="CG38" s="196">
        <v>0</v>
      </c>
      <c r="CH38" s="197">
        <v>0</v>
      </c>
      <c r="CI38" s="197">
        <v>0</v>
      </c>
      <c r="CJ38" s="197">
        <v>0</v>
      </c>
      <c r="CK38" s="195">
        <v>0</v>
      </c>
      <c r="CL38" s="198">
        <v>0</v>
      </c>
      <c r="CM38" s="200">
        <v>0</v>
      </c>
      <c r="CN38" s="201">
        <v>0</v>
      </c>
      <c r="CO38" s="195">
        <v>0</v>
      </c>
      <c r="CP38" s="195">
        <v>0</v>
      </c>
      <c r="CQ38" s="196">
        <v>4</v>
      </c>
      <c r="CR38" s="197">
        <v>2</v>
      </c>
      <c r="CS38" s="197">
        <v>4</v>
      </c>
      <c r="CT38" s="197">
        <v>9</v>
      </c>
      <c r="CU38" s="195">
        <v>11</v>
      </c>
      <c r="CV38" s="198">
        <v>30</v>
      </c>
      <c r="CW38" s="199">
        <v>30</v>
      </c>
      <c r="CX38" s="194">
        <v>0</v>
      </c>
      <c r="CY38" s="195">
        <v>0</v>
      </c>
      <c r="CZ38" s="195">
        <v>0</v>
      </c>
      <c r="DA38" s="196">
        <v>4</v>
      </c>
      <c r="DB38" s="197">
        <v>1</v>
      </c>
      <c r="DC38" s="197">
        <v>4</v>
      </c>
      <c r="DD38" s="197">
        <v>9</v>
      </c>
      <c r="DE38" s="195">
        <v>10</v>
      </c>
      <c r="DF38" s="198">
        <v>28</v>
      </c>
      <c r="DG38" s="200">
        <v>28</v>
      </c>
      <c r="DH38" s="201">
        <v>0</v>
      </c>
      <c r="DI38" s="195">
        <v>0</v>
      </c>
      <c r="DJ38" s="195">
        <v>0</v>
      </c>
      <c r="DK38" s="196">
        <v>0</v>
      </c>
      <c r="DL38" s="197">
        <v>1</v>
      </c>
      <c r="DM38" s="197">
        <v>0</v>
      </c>
      <c r="DN38" s="197">
        <v>0</v>
      </c>
      <c r="DO38" s="195">
        <v>1</v>
      </c>
      <c r="DP38" s="198">
        <v>2</v>
      </c>
      <c r="DQ38" s="200">
        <v>2</v>
      </c>
      <c r="DR38" s="201">
        <v>0</v>
      </c>
      <c r="DS38" s="195">
        <v>0</v>
      </c>
      <c r="DT38" s="195">
        <v>0</v>
      </c>
      <c r="DU38" s="196">
        <v>31</v>
      </c>
      <c r="DV38" s="197">
        <v>30</v>
      </c>
      <c r="DW38" s="197">
        <v>55</v>
      </c>
      <c r="DX38" s="197">
        <v>69</v>
      </c>
      <c r="DY38" s="195">
        <v>57</v>
      </c>
      <c r="DZ38" s="198">
        <v>242</v>
      </c>
      <c r="EA38" s="200">
        <v>242</v>
      </c>
      <c r="EB38" s="37"/>
    </row>
    <row r="39" spans="1:132" ht="20.25" customHeight="1" x14ac:dyDescent="0.2">
      <c r="A39" s="62" t="s">
        <v>36</v>
      </c>
      <c r="B39" s="194">
        <v>0</v>
      </c>
      <c r="C39" s="195">
        <v>0</v>
      </c>
      <c r="D39" s="195">
        <v>0</v>
      </c>
      <c r="E39" s="196">
        <v>0</v>
      </c>
      <c r="F39" s="197">
        <v>3</v>
      </c>
      <c r="G39" s="197">
        <v>52</v>
      </c>
      <c r="H39" s="197">
        <v>85</v>
      </c>
      <c r="I39" s="195">
        <v>72</v>
      </c>
      <c r="J39" s="198">
        <v>212</v>
      </c>
      <c r="K39" s="199">
        <v>212</v>
      </c>
      <c r="L39" s="194">
        <v>0</v>
      </c>
      <c r="M39" s="195">
        <v>0</v>
      </c>
      <c r="N39" s="198">
        <v>0</v>
      </c>
      <c r="O39" s="196">
        <v>0</v>
      </c>
      <c r="P39" s="197">
        <v>3</v>
      </c>
      <c r="Q39" s="197">
        <v>52</v>
      </c>
      <c r="R39" s="197">
        <v>81</v>
      </c>
      <c r="S39" s="195">
        <v>71</v>
      </c>
      <c r="T39" s="198">
        <v>207</v>
      </c>
      <c r="U39" s="200">
        <v>207</v>
      </c>
      <c r="V39" s="201">
        <v>0</v>
      </c>
      <c r="W39" s="195">
        <v>0</v>
      </c>
      <c r="X39" s="198">
        <v>0</v>
      </c>
      <c r="Y39" s="201">
        <v>0</v>
      </c>
      <c r="Z39" s="197">
        <v>0</v>
      </c>
      <c r="AA39" s="197">
        <v>0</v>
      </c>
      <c r="AB39" s="197">
        <v>4</v>
      </c>
      <c r="AC39" s="195">
        <v>1</v>
      </c>
      <c r="AD39" s="198">
        <v>5</v>
      </c>
      <c r="AE39" s="202">
        <v>5</v>
      </c>
      <c r="AF39" s="201">
        <v>0</v>
      </c>
      <c r="AG39" s="195">
        <v>0</v>
      </c>
      <c r="AH39" s="198">
        <v>0</v>
      </c>
      <c r="AI39" s="201">
        <v>23</v>
      </c>
      <c r="AJ39" s="197">
        <v>29</v>
      </c>
      <c r="AK39" s="197">
        <v>40</v>
      </c>
      <c r="AL39" s="197">
        <v>32</v>
      </c>
      <c r="AM39" s="195">
        <v>19</v>
      </c>
      <c r="AN39" s="198">
        <v>143</v>
      </c>
      <c r="AO39" s="202">
        <v>143</v>
      </c>
      <c r="AP39" s="201">
        <v>0</v>
      </c>
      <c r="AQ39" s="195">
        <v>0</v>
      </c>
      <c r="AR39" s="198">
        <v>0</v>
      </c>
      <c r="AS39" s="196">
        <v>23</v>
      </c>
      <c r="AT39" s="197">
        <v>29</v>
      </c>
      <c r="AU39" s="197">
        <v>40</v>
      </c>
      <c r="AV39" s="197">
        <v>31</v>
      </c>
      <c r="AW39" s="195">
        <v>19</v>
      </c>
      <c r="AX39" s="198">
        <v>142</v>
      </c>
      <c r="AY39" s="199">
        <v>142</v>
      </c>
      <c r="AZ39" s="194">
        <v>0</v>
      </c>
      <c r="BA39" s="195">
        <v>0</v>
      </c>
      <c r="BB39" s="195">
        <v>0</v>
      </c>
      <c r="BC39" s="196">
        <v>0</v>
      </c>
      <c r="BD39" s="197">
        <v>0</v>
      </c>
      <c r="BE39" s="197">
        <v>0</v>
      </c>
      <c r="BF39" s="197">
        <v>1</v>
      </c>
      <c r="BG39" s="195">
        <v>0</v>
      </c>
      <c r="BH39" s="198">
        <v>1</v>
      </c>
      <c r="BI39" s="200">
        <v>1</v>
      </c>
      <c r="BJ39" s="201">
        <v>0</v>
      </c>
      <c r="BK39" s="195">
        <v>0</v>
      </c>
      <c r="BL39" s="195">
        <v>0</v>
      </c>
      <c r="BM39" s="196">
        <v>0</v>
      </c>
      <c r="BN39" s="197">
        <v>0</v>
      </c>
      <c r="BO39" s="197">
        <v>0</v>
      </c>
      <c r="BP39" s="197">
        <v>1</v>
      </c>
      <c r="BQ39" s="195">
        <v>1</v>
      </c>
      <c r="BR39" s="198">
        <v>2</v>
      </c>
      <c r="BS39" s="199">
        <v>2</v>
      </c>
      <c r="BT39" s="194">
        <v>0</v>
      </c>
      <c r="BU39" s="195">
        <v>0</v>
      </c>
      <c r="BV39" s="195">
        <v>0</v>
      </c>
      <c r="BW39" s="196">
        <v>0</v>
      </c>
      <c r="BX39" s="197">
        <v>0</v>
      </c>
      <c r="BY39" s="197">
        <v>0</v>
      </c>
      <c r="BZ39" s="197">
        <v>1</v>
      </c>
      <c r="CA39" s="195">
        <v>1</v>
      </c>
      <c r="CB39" s="198">
        <v>2</v>
      </c>
      <c r="CC39" s="200">
        <v>2</v>
      </c>
      <c r="CD39" s="201">
        <v>0</v>
      </c>
      <c r="CE39" s="195">
        <v>0</v>
      </c>
      <c r="CF39" s="195">
        <v>0</v>
      </c>
      <c r="CG39" s="196">
        <v>0</v>
      </c>
      <c r="CH39" s="197">
        <v>0</v>
      </c>
      <c r="CI39" s="197">
        <v>0</v>
      </c>
      <c r="CJ39" s="197">
        <v>0</v>
      </c>
      <c r="CK39" s="195">
        <v>0</v>
      </c>
      <c r="CL39" s="198">
        <v>0</v>
      </c>
      <c r="CM39" s="200">
        <v>0</v>
      </c>
      <c r="CN39" s="201">
        <v>0</v>
      </c>
      <c r="CO39" s="195">
        <v>0</v>
      </c>
      <c r="CP39" s="195">
        <v>0</v>
      </c>
      <c r="CQ39" s="196">
        <v>0</v>
      </c>
      <c r="CR39" s="197">
        <v>0</v>
      </c>
      <c r="CS39" s="197">
        <v>0</v>
      </c>
      <c r="CT39" s="197">
        <v>5</v>
      </c>
      <c r="CU39" s="195">
        <v>1</v>
      </c>
      <c r="CV39" s="198">
        <v>6</v>
      </c>
      <c r="CW39" s="199">
        <v>6</v>
      </c>
      <c r="CX39" s="194">
        <v>0</v>
      </c>
      <c r="CY39" s="195">
        <v>0</v>
      </c>
      <c r="CZ39" s="195">
        <v>0</v>
      </c>
      <c r="DA39" s="196">
        <v>0</v>
      </c>
      <c r="DB39" s="197">
        <v>0</v>
      </c>
      <c r="DC39" s="197">
        <v>0</v>
      </c>
      <c r="DD39" s="197">
        <v>4</v>
      </c>
      <c r="DE39" s="195">
        <v>1</v>
      </c>
      <c r="DF39" s="198">
        <v>5</v>
      </c>
      <c r="DG39" s="200">
        <v>5</v>
      </c>
      <c r="DH39" s="201">
        <v>0</v>
      </c>
      <c r="DI39" s="195">
        <v>0</v>
      </c>
      <c r="DJ39" s="195">
        <v>0</v>
      </c>
      <c r="DK39" s="196">
        <v>0</v>
      </c>
      <c r="DL39" s="197">
        <v>0</v>
      </c>
      <c r="DM39" s="197">
        <v>0</v>
      </c>
      <c r="DN39" s="197">
        <v>1</v>
      </c>
      <c r="DO39" s="195">
        <v>0</v>
      </c>
      <c r="DP39" s="198">
        <v>1</v>
      </c>
      <c r="DQ39" s="200">
        <v>1</v>
      </c>
      <c r="DR39" s="201">
        <v>0</v>
      </c>
      <c r="DS39" s="195">
        <v>0</v>
      </c>
      <c r="DT39" s="195">
        <v>0</v>
      </c>
      <c r="DU39" s="196">
        <v>23</v>
      </c>
      <c r="DV39" s="197">
        <v>32</v>
      </c>
      <c r="DW39" s="197">
        <v>92</v>
      </c>
      <c r="DX39" s="197">
        <v>123</v>
      </c>
      <c r="DY39" s="195">
        <v>93</v>
      </c>
      <c r="DZ39" s="198">
        <v>363</v>
      </c>
      <c r="EA39" s="200">
        <v>363</v>
      </c>
      <c r="EB39" s="37"/>
    </row>
    <row r="40" spans="1:132" ht="20.25" customHeight="1" thickBot="1" x14ac:dyDescent="0.25">
      <c r="A40" s="63" t="s">
        <v>37</v>
      </c>
      <c r="B40" s="203">
        <v>0</v>
      </c>
      <c r="C40" s="204">
        <v>0</v>
      </c>
      <c r="D40" s="204">
        <v>0</v>
      </c>
      <c r="E40" s="205">
        <v>0</v>
      </c>
      <c r="F40" s="206">
        <v>0</v>
      </c>
      <c r="G40" s="206">
        <v>8</v>
      </c>
      <c r="H40" s="206">
        <v>8</v>
      </c>
      <c r="I40" s="204">
        <v>7</v>
      </c>
      <c r="J40" s="207">
        <v>23</v>
      </c>
      <c r="K40" s="208">
        <v>23</v>
      </c>
      <c r="L40" s="203">
        <v>0</v>
      </c>
      <c r="M40" s="204">
        <v>0</v>
      </c>
      <c r="N40" s="207">
        <v>0</v>
      </c>
      <c r="O40" s="205">
        <v>0</v>
      </c>
      <c r="P40" s="206">
        <v>0</v>
      </c>
      <c r="Q40" s="206">
        <v>8</v>
      </c>
      <c r="R40" s="206">
        <v>8</v>
      </c>
      <c r="S40" s="204">
        <v>7</v>
      </c>
      <c r="T40" s="207">
        <v>23</v>
      </c>
      <c r="U40" s="209">
        <v>23</v>
      </c>
      <c r="V40" s="210">
        <v>0</v>
      </c>
      <c r="W40" s="204">
        <v>0</v>
      </c>
      <c r="X40" s="207">
        <v>0</v>
      </c>
      <c r="Y40" s="210">
        <v>0</v>
      </c>
      <c r="Z40" s="206">
        <v>0</v>
      </c>
      <c r="AA40" s="206">
        <v>0</v>
      </c>
      <c r="AB40" s="206">
        <v>0</v>
      </c>
      <c r="AC40" s="204">
        <v>0</v>
      </c>
      <c r="AD40" s="207">
        <v>0</v>
      </c>
      <c r="AE40" s="211">
        <v>0</v>
      </c>
      <c r="AF40" s="210">
        <v>0</v>
      </c>
      <c r="AG40" s="204">
        <v>0</v>
      </c>
      <c r="AH40" s="207">
        <v>0</v>
      </c>
      <c r="AI40" s="210">
        <v>2</v>
      </c>
      <c r="AJ40" s="206">
        <v>1</v>
      </c>
      <c r="AK40" s="206">
        <v>4</v>
      </c>
      <c r="AL40" s="206">
        <v>4</v>
      </c>
      <c r="AM40" s="204">
        <v>0</v>
      </c>
      <c r="AN40" s="207">
        <v>11</v>
      </c>
      <c r="AO40" s="211">
        <v>11</v>
      </c>
      <c r="AP40" s="210">
        <v>0</v>
      </c>
      <c r="AQ40" s="204">
        <v>0</v>
      </c>
      <c r="AR40" s="207">
        <v>0</v>
      </c>
      <c r="AS40" s="205">
        <v>2</v>
      </c>
      <c r="AT40" s="206">
        <v>1</v>
      </c>
      <c r="AU40" s="206">
        <v>4</v>
      </c>
      <c r="AV40" s="206">
        <v>4</v>
      </c>
      <c r="AW40" s="204">
        <v>0</v>
      </c>
      <c r="AX40" s="207">
        <v>11</v>
      </c>
      <c r="AY40" s="208">
        <v>11</v>
      </c>
      <c r="AZ40" s="203">
        <v>0</v>
      </c>
      <c r="BA40" s="204">
        <v>0</v>
      </c>
      <c r="BB40" s="204">
        <v>0</v>
      </c>
      <c r="BC40" s="205">
        <v>0</v>
      </c>
      <c r="BD40" s="206">
        <v>0</v>
      </c>
      <c r="BE40" s="206">
        <v>0</v>
      </c>
      <c r="BF40" s="206">
        <v>0</v>
      </c>
      <c r="BG40" s="204">
        <v>0</v>
      </c>
      <c r="BH40" s="207">
        <v>0</v>
      </c>
      <c r="BI40" s="209">
        <v>0</v>
      </c>
      <c r="BJ40" s="210">
        <v>0</v>
      </c>
      <c r="BK40" s="204">
        <v>0</v>
      </c>
      <c r="BL40" s="204">
        <v>0</v>
      </c>
      <c r="BM40" s="205">
        <v>0</v>
      </c>
      <c r="BN40" s="206">
        <v>0</v>
      </c>
      <c r="BO40" s="206">
        <v>0</v>
      </c>
      <c r="BP40" s="206">
        <v>1</v>
      </c>
      <c r="BQ40" s="204">
        <v>0</v>
      </c>
      <c r="BR40" s="207">
        <v>1</v>
      </c>
      <c r="BS40" s="208">
        <v>1</v>
      </c>
      <c r="BT40" s="203">
        <v>0</v>
      </c>
      <c r="BU40" s="204">
        <v>0</v>
      </c>
      <c r="BV40" s="204">
        <v>0</v>
      </c>
      <c r="BW40" s="205">
        <v>0</v>
      </c>
      <c r="BX40" s="206">
        <v>0</v>
      </c>
      <c r="BY40" s="206">
        <v>0</v>
      </c>
      <c r="BZ40" s="206">
        <v>1</v>
      </c>
      <c r="CA40" s="204">
        <v>0</v>
      </c>
      <c r="CB40" s="207">
        <v>1</v>
      </c>
      <c r="CC40" s="209">
        <v>1</v>
      </c>
      <c r="CD40" s="210">
        <v>0</v>
      </c>
      <c r="CE40" s="204">
        <v>0</v>
      </c>
      <c r="CF40" s="204">
        <v>0</v>
      </c>
      <c r="CG40" s="205">
        <v>0</v>
      </c>
      <c r="CH40" s="206">
        <v>0</v>
      </c>
      <c r="CI40" s="206">
        <v>0</v>
      </c>
      <c r="CJ40" s="206">
        <v>0</v>
      </c>
      <c r="CK40" s="204">
        <v>0</v>
      </c>
      <c r="CL40" s="207">
        <v>0</v>
      </c>
      <c r="CM40" s="209">
        <v>0</v>
      </c>
      <c r="CN40" s="210">
        <v>0</v>
      </c>
      <c r="CO40" s="204">
        <v>0</v>
      </c>
      <c r="CP40" s="204">
        <v>0</v>
      </c>
      <c r="CQ40" s="205">
        <v>0</v>
      </c>
      <c r="CR40" s="206">
        <v>0</v>
      </c>
      <c r="CS40" s="206">
        <v>0</v>
      </c>
      <c r="CT40" s="206">
        <v>0</v>
      </c>
      <c r="CU40" s="204">
        <v>1</v>
      </c>
      <c r="CV40" s="207">
        <v>1</v>
      </c>
      <c r="CW40" s="208">
        <v>1</v>
      </c>
      <c r="CX40" s="203">
        <v>0</v>
      </c>
      <c r="CY40" s="204">
        <v>0</v>
      </c>
      <c r="CZ40" s="204">
        <v>0</v>
      </c>
      <c r="DA40" s="205">
        <v>0</v>
      </c>
      <c r="DB40" s="206">
        <v>0</v>
      </c>
      <c r="DC40" s="206">
        <v>0</v>
      </c>
      <c r="DD40" s="206">
        <v>0</v>
      </c>
      <c r="DE40" s="204">
        <v>1</v>
      </c>
      <c r="DF40" s="207">
        <v>1</v>
      </c>
      <c r="DG40" s="209">
        <v>1</v>
      </c>
      <c r="DH40" s="210">
        <v>0</v>
      </c>
      <c r="DI40" s="204">
        <v>0</v>
      </c>
      <c r="DJ40" s="204">
        <v>0</v>
      </c>
      <c r="DK40" s="205">
        <v>0</v>
      </c>
      <c r="DL40" s="206">
        <v>0</v>
      </c>
      <c r="DM40" s="206">
        <v>0</v>
      </c>
      <c r="DN40" s="206">
        <v>0</v>
      </c>
      <c r="DO40" s="204">
        <v>0</v>
      </c>
      <c r="DP40" s="207">
        <v>0</v>
      </c>
      <c r="DQ40" s="209">
        <v>0</v>
      </c>
      <c r="DR40" s="210">
        <v>0</v>
      </c>
      <c r="DS40" s="204">
        <v>0</v>
      </c>
      <c r="DT40" s="204">
        <v>0</v>
      </c>
      <c r="DU40" s="205">
        <v>2</v>
      </c>
      <c r="DV40" s="206">
        <v>1</v>
      </c>
      <c r="DW40" s="206">
        <v>12</v>
      </c>
      <c r="DX40" s="206">
        <v>13</v>
      </c>
      <c r="DY40" s="204">
        <v>8</v>
      </c>
      <c r="DZ40" s="207">
        <v>36</v>
      </c>
      <c r="EA40" s="209">
        <v>36</v>
      </c>
      <c r="EB40" s="37"/>
    </row>
    <row r="41" spans="1:132" x14ac:dyDescent="0.2">
      <c r="B41" s="38"/>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7"/>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row>
    <row r="42" spans="1:132" x14ac:dyDescent="0.2">
      <c r="B42" s="38"/>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7"/>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row>
    <row r="43" spans="1:132" x14ac:dyDescent="0.2">
      <c r="B43" s="38"/>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7"/>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row>
    <row r="44" spans="1:132" x14ac:dyDescent="0.2">
      <c r="B44" s="38"/>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7"/>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row>
    <row r="45" spans="1:132" x14ac:dyDescent="0.2">
      <c r="B45" s="38"/>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7"/>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row>
    <row r="46" spans="1:132" x14ac:dyDescent="0.2">
      <c r="B46" s="3"/>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row>
    <row r="47" spans="1:132" x14ac:dyDescent="0.2">
      <c r="B47" s="3"/>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row>
    <row r="48" spans="1:132" x14ac:dyDescent="0.2">
      <c r="B48" s="3"/>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row>
    <row r="49" spans="2:31" x14ac:dyDescent="0.2">
      <c r="B49" s="3"/>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row>
    <row r="50" spans="2:31" x14ac:dyDescent="0.2">
      <c r="B50" s="3"/>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row>
    <row r="51" spans="2:31" x14ac:dyDescent="0.2">
      <c r="B51" s="3"/>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row>
    <row r="52" spans="2:31" x14ac:dyDescent="0.2">
      <c r="B52" s="3"/>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row>
    <row r="53" spans="2:31" x14ac:dyDescent="0.2">
      <c r="B53" s="3"/>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row>
    <row r="54" spans="2:31" x14ac:dyDescent="0.2">
      <c r="B54" s="3"/>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row>
    <row r="55" spans="2:31" x14ac:dyDescent="0.2">
      <c r="B55" s="3"/>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row>
    <row r="56" spans="2:31" x14ac:dyDescent="0.2">
      <c r="B56" s="3"/>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row>
    <row r="57" spans="2:31" x14ac:dyDescent="0.2">
      <c r="B57" s="3"/>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row>
    <row r="58" spans="2:31" x14ac:dyDescent="0.2">
      <c r="B58" s="3"/>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row>
    <row r="59" spans="2:31" x14ac:dyDescent="0.2">
      <c r="B59" s="3"/>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row>
    <row r="60" spans="2:31" x14ac:dyDescent="0.2">
      <c r="B60" s="3"/>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row>
    <row r="61" spans="2:31" x14ac:dyDescent="0.2">
      <c r="B61" s="3"/>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row>
    <row r="62" spans="2:31" x14ac:dyDescent="0.2">
      <c r="B62" s="3"/>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row>
    <row r="63" spans="2:31" x14ac:dyDescent="0.2">
      <c r="B63" s="3"/>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row>
    <row r="64" spans="2:31" x14ac:dyDescent="0.2">
      <c r="B64" s="3"/>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row>
    <row r="65" spans="2:31" x14ac:dyDescent="0.2">
      <c r="B65" s="3"/>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row>
    <row r="66" spans="2:31" x14ac:dyDescent="0.2">
      <c r="B66" s="3"/>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row>
    <row r="67" spans="2:31" x14ac:dyDescent="0.2">
      <c r="B67" s="3"/>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row>
    <row r="68" spans="2:31" x14ac:dyDescent="0.2">
      <c r="B68" s="3"/>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row>
    <row r="69" spans="2:31" x14ac:dyDescent="0.2">
      <c r="B69" s="3"/>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row>
    <row r="70" spans="2:31" x14ac:dyDescent="0.2">
      <c r="B70" s="3"/>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row>
    <row r="71" spans="2:31" x14ac:dyDescent="0.2">
      <c r="B71" s="3"/>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row>
    <row r="72" spans="2:31" x14ac:dyDescent="0.2">
      <c r="B72" s="3"/>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row>
    <row r="73" spans="2:31" x14ac:dyDescent="0.2">
      <c r="B73" s="3"/>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row>
    <row r="74" spans="2:31" x14ac:dyDescent="0.2">
      <c r="B74" s="3"/>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row>
    <row r="75" spans="2:31" x14ac:dyDescent="0.2">
      <c r="B75" s="3"/>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row>
    <row r="76" spans="2:31" x14ac:dyDescent="0.2">
      <c r="B76" s="3"/>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row>
    <row r="77" spans="2:31" x14ac:dyDescent="0.2">
      <c r="B77" s="3"/>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row>
    <row r="78" spans="2:31" x14ac:dyDescent="0.2">
      <c r="B78" s="3"/>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row>
    <row r="79" spans="2:31" x14ac:dyDescent="0.2">
      <c r="B79" s="3"/>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row>
    <row r="80" spans="2:31" x14ac:dyDescent="0.2">
      <c r="B80" s="3"/>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row>
    <row r="81" spans="2:31" x14ac:dyDescent="0.2">
      <c r="B81" s="3"/>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row>
    <row r="82" spans="2:31" x14ac:dyDescent="0.2">
      <c r="B82" s="3"/>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row>
    <row r="83" spans="2:31" x14ac:dyDescent="0.2">
      <c r="B83" s="3"/>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row>
    <row r="84" spans="2:31" x14ac:dyDescent="0.2">
      <c r="B84" s="3"/>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row>
    <row r="85" spans="2:31" x14ac:dyDescent="0.2">
      <c r="B85" s="3"/>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row>
    <row r="86" spans="2:31" x14ac:dyDescent="0.2">
      <c r="B86" s="3"/>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row>
    <row r="87" spans="2:31" x14ac:dyDescent="0.2">
      <c r="B87" s="3"/>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row>
    <row r="88" spans="2:31" x14ac:dyDescent="0.2">
      <c r="B88" s="3"/>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row>
    <row r="89" spans="2:31" x14ac:dyDescent="0.2">
      <c r="B89" s="3"/>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row>
    <row r="90" spans="2:31" x14ac:dyDescent="0.2">
      <c r="B90" s="3"/>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row>
    <row r="91" spans="2:31" x14ac:dyDescent="0.2">
      <c r="B91" s="3"/>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row>
    <row r="92" spans="2:31" x14ac:dyDescent="0.2">
      <c r="B92" s="3"/>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row>
    <row r="93" spans="2:31" x14ac:dyDescent="0.2">
      <c r="B93" s="3"/>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row>
    <row r="94" spans="2:31" x14ac:dyDescent="0.2">
      <c r="B94" s="3"/>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row>
    <row r="95" spans="2:31" x14ac:dyDescent="0.2">
      <c r="B95" s="3"/>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row>
    <row r="96" spans="2:31" x14ac:dyDescent="0.2">
      <c r="B96" s="3"/>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row>
    <row r="97" spans="2:31" x14ac:dyDescent="0.2">
      <c r="B97" s="3"/>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row>
    <row r="98" spans="2:31" x14ac:dyDescent="0.2">
      <c r="B98" s="3"/>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row>
    <row r="99" spans="2:31" x14ac:dyDescent="0.2">
      <c r="B99" s="3"/>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row>
    <row r="100" spans="2:31" x14ac:dyDescent="0.2">
      <c r="B100" s="3"/>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row>
    <row r="101" spans="2:31" x14ac:dyDescent="0.2">
      <c r="B101" s="3"/>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row>
    <row r="102" spans="2:31" x14ac:dyDescent="0.2">
      <c r="B102" s="3"/>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row>
    <row r="103" spans="2:31" x14ac:dyDescent="0.2">
      <c r="B103" s="3"/>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row>
    <row r="104" spans="2:31" x14ac:dyDescent="0.2">
      <c r="B104" s="3"/>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row>
    <row r="105" spans="2:31" x14ac:dyDescent="0.2">
      <c r="B105" s="3"/>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row>
    <row r="106" spans="2:31" x14ac:dyDescent="0.2">
      <c r="B106" s="3"/>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row>
    <row r="107" spans="2:31" x14ac:dyDescent="0.2">
      <c r="B107" s="3"/>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row>
    <row r="108" spans="2:31" x14ac:dyDescent="0.2">
      <c r="B108" s="3"/>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row>
    <row r="109" spans="2:31" x14ac:dyDescent="0.2">
      <c r="B109" s="3"/>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row>
    <row r="110" spans="2:31" x14ac:dyDescent="0.2">
      <c r="B110" s="3"/>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row>
    <row r="111" spans="2:31" x14ac:dyDescent="0.2">
      <c r="B111" s="3"/>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row>
    <row r="112" spans="2:31" x14ac:dyDescent="0.2">
      <c r="B112" s="3"/>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row>
    <row r="113" spans="2:31" x14ac:dyDescent="0.2">
      <c r="B113" s="3"/>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row>
    <row r="114" spans="2:31" x14ac:dyDescent="0.2">
      <c r="B114" s="3"/>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row>
    <row r="115" spans="2:31" x14ac:dyDescent="0.2">
      <c r="B115" s="3"/>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row>
    <row r="116" spans="2:31" x14ac:dyDescent="0.2">
      <c r="B116" s="3"/>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row>
    <row r="117" spans="2:31" x14ac:dyDescent="0.2">
      <c r="B117" s="3"/>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row>
    <row r="118" spans="2:31" x14ac:dyDescent="0.2">
      <c r="B118" s="3"/>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row>
    <row r="119" spans="2:31" x14ac:dyDescent="0.2">
      <c r="B119" s="3"/>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row>
    <row r="120" spans="2:31" x14ac:dyDescent="0.2">
      <c r="B120" s="3"/>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row>
    <row r="121" spans="2:31" x14ac:dyDescent="0.2">
      <c r="B121" s="3"/>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row>
    <row r="122" spans="2:31" x14ac:dyDescent="0.2">
      <c r="B122" s="3"/>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row>
    <row r="123" spans="2:31" x14ac:dyDescent="0.2">
      <c r="B123" s="3"/>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row>
    <row r="124" spans="2:31" x14ac:dyDescent="0.2">
      <c r="B124" s="3"/>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row>
    <row r="125" spans="2:31" x14ac:dyDescent="0.2">
      <c r="B125" s="3"/>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row>
    <row r="126" spans="2:31" x14ac:dyDescent="0.2">
      <c r="B126" s="3"/>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row>
    <row r="127" spans="2:31" x14ac:dyDescent="0.2">
      <c r="B127" s="3"/>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row>
    <row r="128" spans="2:31" x14ac:dyDescent="0.2">
      <c r="B128" s="3"/>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row>
    <row r="129" spans="2:31" x14ac:dyDescent="0.2">
      <c r="B129" s="3"/>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row>
    <row r="130" spans="2:31" x14ac:dyDescent="0.2">
      <c r="B130" s="3"/>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row>
    <row r="131" spans="2:31" x14ac:dyDescent="0.2">
      <c r="B131" s="3"/>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row>
    <row r="132" spans="2:31" x14ac:dyDescent="0.2">
      <c r="B132" s="3"/>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row>
    <row r="133" spans="2:31" x14ac:dyDescent="0.2">
      <c r="B133" s="3"/>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row>
    <row r="134" spans="2:31" x14ac:dyDescent="0.2">
      <c r="B134" s="3"/>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row>
    <row r="135" spans="2:31" x14ac:dyDescent="0.2">
      <c r="B135" s="3"/>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row>
    <row r="136" spans="2:31" x14ac:dyDescent="0.2">
      <c r="B136" s="3"/>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row>
    <row r="137" spans="2:31" x14ac:dyDescent="0.2">
      <c r="B137" s="3"/>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row>
    <row r="138" spans="2:31" x14ac:dyDescent="0.2">
      <c r="B138" s="3"/>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row>
    <row r="139" spans="2:31" x14ac:dyDescent="0.2">
      <c r="B139" s="3"/>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row>
    <row r="140" spans="2:31" x14ac:dyDescent="0.2">
      <c r="B140" s="3"/>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row>
    <row r="141" spans="2:31" x14ac:dyDescent="0.2">
      <c r="B141" s="3"/>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row>
    <row r="142" spans="2:31" x14ac:dyDescent="0.2">
      <c r="B142" s="3"/>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row>
    <row r="143" spans="2:31" x14ac:dyDescent="0.2">
      <c r="B143" s="3"/>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row>
    <row r="144" spans="2:31" x14ac:dyDescent="0.2">
      <c r="B144" s="3"/>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row>
    <row r="145" spans="2:31" x14ac:dyDescent="0.2">
      <c r="B145" s="3"/>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row>
    <row r="146" spans="2:31" x14ac:dyDescent="0.2">
      <c r="B146" s="3"/>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row>
    <row r="147" spans="2:31" x14ac:dyDescent="0.2">
      <c r="B147" s="3"/>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row>
    <row r="148" spans="2:31" x14ac:dyDescent="0.2">
      <c r="B148" s="3"/>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row>
    <row r="149" spans="2:31" x14ac:dyDescent="0.2">
      <c r="B149" s="3"/>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row>
    <row r="150" spans="2:31" x14ac:dyDescent="0.2">
      <c r="B150" s="3"/>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row>
    <row r="151" spans="2:31" x14ac:dyDescent="0.2">
      <c r="B151" s="3"/>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row>
    <row r="152" spans="2:31" x14ac:dyDescent="0.2">
      <c r="B152" s="3"/>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row>
    <row r="153" spans="2:31" x14ac:dyDescent="0.2">
      <c r="B153" s="3"/>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row>
    <row r="154" spans="2:31" x14ac:dyDescent="0.2">
      <c r="B154" s="3"/>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row>
    <row r="155" spans="2:31" x14ac:dyDescent="0.2">
      <c r="B155" s="3"/>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row>
    <row r="156" spans="2:31" x14ac:dyDescent="0.2">
      <c r="B156" s="3"/>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row>
    <row r="157" spans="2:31" x14ac:dyDescent="0.2">
      <c r="B157" s="3"/>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row>
    <row r="158" spans="2:31" x14ac:dyDescent="0.2">
      <c r="B158" s="3"/>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row>
    <row r="159" spans="2:31" x14ac:dyDescent="0.2">
      <c r="B159" s="3"/>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row>
    <row r="160" spans="2:31" x14ac:dyDescent="0.2">
      <c r="B160" s="3"/>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row>
    <row r="161" spans="2:31" x14ac:dyDescent="0.2">
      <c r="B161" s="3"/>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row>
    <row r="162" spans="2:31" x14ac:dyDescent="0.2">
      <c r="B162" s="3"/>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row>
    <row r="163" spans="2:31" x14ac:dyDescent="0.2">
      <c r="B163" s="3"/>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row>
    <row r="164" spans="2:31" x14ac:dyDescent="0.2">
      <c r="B164" s="3"/>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row>
    <row r="165" spans="2:31" x14ac:dyDescent="0.2">
      <c r="B165" s="3"/>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row>
    <row r="166" spans="2:31" x14ac:dyDescent="0.2">
      <c r="B166" s="3"/>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row>
    <row r="167" spans="2:31" x14ac:dyDescent="0.2">
      <c r="B167" s="3"/>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row>
    <row r="168" spans="2:31" x14ac:dyDescent="0.2">
      <c r="B168" s="3"/>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row>
    <row r="169" spans="2:31" x14ac:dyDescent="0.2">
      <c r="B169" s="3"/>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row>
    <row r="170" spans="2:31" x14ac:dyDescent="0.2">
      <c r="B170" s="3"/>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row>
    <row r="171" spans="2:31" x14ac:dyDescent="0.2">
      <c r="B171" s="3"/>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row>
    <row r="172" spans="2:31" x14ac:dyDescent="0.2">
      <c r="B172" s="3"/>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row>
    <row r="173" spans="2:31" x14ac:dyDescent="0.2">
      <c r="B173" s="3"/>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row>
    <row r="174" spans="2:31" x14ac:dyDescent="0.2">
      <c r="B174" s="3"/>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row>
    <row r="175" spans="2:31" x14ac:dyDescent="0.2">
      <c r="B175" s="3"/>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row>
    <row r="176" spans="2:31" x14ac:dyDescent="0.2">
      <c r="B176" s="3"/>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row>
    <row r="177" spans="2:31" x14ac:dyDescent="0.2">
      <c r="B177" s="3"/>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row>
    <row r="178" spans="2:31" x14ac:dyDescent="0.2">
      <c r="B178" s="3"/>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row>
    <row r="179" spans="2:31" x14ac:dyDescent="0.2">
      <c r="B179" s="3"/>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row>
    <row r="180" spans="2:31" x14ac:dyDescent="0.2">
      <c r="B180" s="3"/>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row>
    <row r="181" spans="2:31" x14ac:dyDescent="0.2">
      <c r="B181" s="3"/>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row>
    <row r="182" spans="2:31" x14ac:dyDescent="0.2">
      <c r="B182" s="3"/>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row>
    <row r="183" spans="2:31" x14ac:dyDescent="0.2">
      <c r="B183" s="3"/>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row>
    <row r="184" spans="2:31" x14ac:dyDescent="0.2">
      <c r="B184" s="3"/>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row>
    <row r="185" spans="2:31" x14ac:dyDescent="0.2">
      <c r="B185" s="3"/>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row>
    <row r="186" spans="2:31" x14ac:dyDescent="0.2">
      <c r="B186" s="3"/>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row>
    <row r="187" spans="2:31" x14ac:dyDescent="0.2">
      <c r="B187" s="3"/>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row>
    <row r="188" spans="2:31" x14ac:dyDescent="0.2">
      <c r="B188" s="3"/>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row>
    <row r="189" spans="2:31" x14ac:dyDescent="0.2">
      <c r="B189" s="3"/>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row>
    <row r="190" spans="2:31" x14ac:dyDescent="0.2">
      <c r="B190" s="3"/>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row>
    <row r="191" spans="2:31" x14ac:dyDescent="0.2">
      <c r="B191" s="3"/>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row>
    <row r="192" spans="2:31" x14ac:dyDescent="0.2">
      <c r="B192" s="3"/>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row>
    <row r="193" spans="2:31" x14ac:dyDescent="0.2">
      <c r="B193" s="3"/>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row>
    <row r="194" spans="2:31" x14ac:dyDescent="0.2">
      <c r="B194" s="3"/>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row>
    <row r="195" spans="2:31" x14ac:dyDescent="0.2">
      <c r="B195" s="3"/>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row>
    <row r="196" spans="2:31" x14ac:dyDescent="0.2">
      <c r="B196" s="3"/>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row>
    <row r="197" spans="2:31" x14ac:dyDescent="0.2">
      <c r="B197" s="3"/>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row>
    <row r="198" spans="2:31" x14ac:dyDescent="0.2">
      <c r="B198" s="3"/>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row>
    <row r="199" spans="2:31" x14ac:dyDescent="0.2">
      <c r="B199" s="3"/>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row>
    <row r="200" spans="2:31" x14ac:dyDescent="0.2">
      <c r="B200" s="3"/>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row>
    <row r="201" spans="2:31" x14ac:dyDescent="0.2">
      <c r="B201" s="3"/>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row>
    <row r="202" spans="2:31" x14ac:dyDescent="0.2">
      <c r="B202" s="3"/>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row>
    <row r="203" spans="2:31" x14ac:dyDescent="0.2">
      <c r="B203" s="3"/>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row>
    <row r="204" spans="2:31" x14ac:dyDescent="0.2">
      <c r="B204" s="3"/>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row>
    <row r="205" spans="2:31" x14ac:dyDescent="0.2">
      <c r="B205" s="3"/>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row>
    <row r="206" spans="2:31" x14ac:dyDescent="0.2">
      <c r="B206" s="3"/>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row>
    <row r="207" spans="2:31" x14ac:dyDescent="0.2">
      <c r="B207" s="3"/>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row>
    <row r="208" spans="2:31" x14ac:dyDescent="0.2">
      <c r="B208" s="3"/>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row>
    <row r="209" spans="2:31" x14ac:dyDescent="0.2">
      <c r="B209" s="3"/>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row>
    <row r="210" spans="2:31" x14ac:dyDescent="0.2">
      <c r="B210" s="3"/>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row>
    <row r="211" spans="2:31" x14ac:dyDescent="0.2">
      <c r="B211" s="3"/>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row>
    <row r="212" spans="2:31" x14ac:dyDescent="0.2">
      <c r="B212" s="3"/>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row>
    <row r="213" spans="2:31" x14ac:dyDescent="0.2">
      <c r="B213" s="3"/>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row>
    <row r="214" spans="2:31" x14ac:dyDescent="0.2">
      <c r="B214" s="3"/>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row>
    <row r="215" spans="2:31" x14ac:dyDescent="0.2">
      <c r="B215" s="3"/>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row>
    <row r="216" spans="2:31" x14ac:dyDescent="0.2">
      <c r="B216" s="3"/>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row>
    <row r="217" spans="2:31" x14ac:dyDescent="0.2">
      <c r="B217" s="3"/>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row>
    <row r="218" spans="2:31" x14ac:dyDescent="0.2">
      <c r="B218" s="3"/>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row>
    <row r="219" spans="2:31" x14ac:dyDescent="0.2">
      <c r="B219" s="3"/>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row>
  </sheetData>
  <mergeCells count="58">
    <mergeCell ref="DR5:DT5"/>
    <mergeCell ref="DU5:DZ5"/>
    <mergeCell ref="EA5:EA6"/>
    <mergeCell ref="CC5:CC6"/>
    <mergeCell ref="CD5:CF5"/>
    <mergeCell ref="CG5:CL5"/>
    <mergeCell ref="CM5:CM6"/>
    <mergeCell ref="CN5:CP5"/>
    <mergeCell ref="CQ5:CV5"/>
    <mergeCell ref="CW5:CW6"/>
    <mergeCell ref="CX5:CZ5"/>
    <mergeCell ref="DA5:DF5"/>
    <mergeCell ref="DG5:DG6"/>
    <mergeCell ref="DH5:DJ5"/>
    <mergeCell ref="DK5:DP5"/>
    <mergeCell ref="DQ5:DQ6"/>
    <mergeCell ref="BT5:BV5"/>
    <mergeCell ref="BW5:CB5"/>
    <mergeCell ref="AZ5:BB5"/>
    <mergeCell ref="BC5:BH5"/>
    <mergeCell ref="BI5:BI6"/>
    <mergeCell ref="BJ5:BL5"/>
    <mergeCell ref="V5:X5"/>
    <mergeCell ref="Y5:AD5"/>
    <mergeCell ref="AE5:AE6"/>
    <mergeCell ref="BM5:BR5"/>
    <mergeCell ref="BS5:BS6"/>
    <mergeCell ref="BJ3:CM3"/>
    <mergeCell ref="DR3:EA4"/>
    <mergeCell ref="B4:K4"/>
    <mergeCell ref="L4:U4"/>
    <mergeCell ref="V4:AE4"/>
    <mergeCell ref="AF4:AO4"/>
    <mergeCell ref="AP4:AY4"/>
    <mergeCell ref="AZ4:BI4"/>
    <mergeCell ref="BJ4:BS4"/>
    <mergeCell ref="BT4:CC4"/>
    <mergeCell ref="CD4:CM4"/>
    <mergeCell ref="CN3:DQ3"/>
    <mergeCell ref="CN4:CW4"/>
    <mergeCell ref="CX4:DG4"/>
    <mergeCell ref="DH4:DQ4"/>
    <mergeCell ref="F1:G1"/>
    <mergeCell ref="A3:A5"/>
    <mergeCell ref="B3:AE3"/>
    <mergeCell ref="AF3:BI3"/>
    <mergeCell ref="AF5:AH5"/>
    <mergeCell ref="AI5:AN5"/>
    <mergeCell ref="AO5:AO6"/>
    <mergeCell ref="AP5:AR5"/>
    <mergeCell ref="AS5:AX5"/>
    <mergeCell ref="AY5:AY6"/>
    <mergeCell ref="B5:D5"/>
    <mergeCell ref="E5:J5"/>
    <mergeCell ref="K5:K6"/>
    <mergeCell ref="L5:N5"/>
    <mergeCell ref="O5:T5"/>
    <mergeCell ref="U5:U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1" max="1048575" man="1"/>
    <brk id="61" max="1048575" man="1"/>
    <brk id="121"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4" width="7.88671875" style="43" customWidth="1"/>
    <col min="5" max="5" width="8.109375" style="43" customWidth="1"/>
    <col min="6"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101" width="9" style="43"/>
    <col min="102" max="147" width="9" style="44"/>
    <col min="148" max="148" width="7.77734375" style="44" customWidth="1"/>
    <col min="149" max="158" width="9" style="44"/>
    <col min="159" max="159" width="8.109375" style="44" customWidth="1"/>
    <col min="160" max="16384" width="9" style="44"/>
  </cols>
  <sheetData>
    <row r="1" spans="1:298" ht="17.25" customHeight="1" x14ac:dyDescent="0.2">
      <c r="A1" s="12" t="s">
        <v>121</v>
      </c>
      <c r="E1" s="523">
        <f>第１表!F2</f>
        <v>4</v>
      </c>
      <c r="F1" s="523"/>
      <c r="G1" s="248">
        <f>第１表!G2</f>
        <v>5</v>
      </c>
      <c r="H1" s="505">
        <f>G1</f>
        <v>5</v>
      </c>
      <c r="I1" s="505"/>
    </row>
    <row r="2" spans="1:298" ht="16.5" customHeight="1" thickBot="1" x14ac:dyDescent="0.25">
      <c r="A2" s="20" t="s">
        <v>130</v>
      </c>
    </row>
    <row r="3" spans="1:298" ht="22.5" customHeight="1" thickBot="1" x14ac:dyDescent="0.25">
      <c r="A3" s="506" t="s">
        <v>38</v>
      </c>
      <c r="B3" s="518" t="s">
        <v>96</v>
      </c>
      <c r="C3" s="518"/>
      <c r="D3" s="518"/>
      <c r="E3" s="518"/>
      <c r="F3" s="518"/>
      <c r="G3" s="518"/>
      <c r="H3" s="518"/>
      <c r="I3" s="518"/>
      <c r="J3" s="518"/>
      <c r="K3" s="518"/>
      <c r="L3" s="518"/>
      <c r="M3" s="518"/>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9"/>
      <c r="CW3" s="518" t="s">
        <v>103</v>
      </c>
      <c r="CX3" s="518"/>
      <c r="CY3" s="518"/>
      <c r="CZ3" s="518"/>
      <c r="DA3" s="518"/>
      <c r="DB3" s="518"/>
      <c r="DC3" s="518"/>
      <c r="DD3" s="518"/>
      <c r="DE3" s="518"/>
      <c r="DF3" s="518"/>
      <c r="DG3" s="518"/>
      <c r="DH3" s="518"/>
      <c r="DI3" s="518"/>
      <c r="DJ3" s="518"/>
      <c r="DK3" s="518"/>
      <c r="DL3" s="518"/>
      <c r="DM3" s="518"/>
      <c r="DN3" s="518"/>
      <c r="DO3" s="518"/>
      <c r="DP3" s="518"/>
      <c r="DQ3" s="518"/>
      <c r="DR3" s="518"/>
      <c r="DS3" s="518"/>
      <c r="DT3" s="518"/>
      <c r="DU3" s="518"/>
      <c r="DV3" s="518"/>
      <c r="DW3" s="518"/>
      <c r="DX3" s="518"/>
      <c r="DY3" s="518"/>
      <c r="DZ3" s="518"/>
      <c r="EA3" s="518"/>
      <c r="EB3" s="518"/>
      <c r="EC3" s="518"/>
      <c r="ED3" s="518"/>
      <c r="EE3" s="518"/>
      <c r="EF3" s="518"/>
      <c r="EG3" s="518"/>
      <c r="EH3" s="518"/>
      <c r="EI3" s="518"/>
      <c r="EJ3" s="518"/>
      <c r="EK3" s="518"/>
      <c r="EL3" s="518"/>
      <c r="EM3" s="518"/>
      <c r="EN3" s="518"/>
      <c r="EO3" s="518"/>
      <c r="EP3" s="518"/>
      <c r="EQ3" s="518"/>
      <c r="ER3" s="518"/>
      <c r="ES3" s="518"/>
      <c r="ET3" s="518"/>
      <c r="EU3" s="518"/>
      <c r="EV3" s="518"/>
      <c r="EW3" s="518"/>
      <c r="EX3" s="518"/>
      <c r="EY3" s="518"/>
      <c r="EZ3" s="518"/>
      <c r="FA3" s="518"/>
      <c r="FB3" s="518"/>
      <c r="FC3" s="518"/>
      <c r="FD3" s="518"/>
      <c r="FE3" s="518"/>
      <c r="FF3" s="518"/>
      <c r="FG3" s="518"/>
      <c r="FH3" s="518"/>
      <c r="FI3" s="518"/>
      <c r="FJ3" s="518"/>
      <c r="FK3" s="518"/>
      <c r="FL3" s="518"/>
      <c r="FM3" s="518"/>
      <c r="FN3" s="518"/>
      <c r="FO3" s="518"/>
      <c r="FP3" s="518"/>
      <c r="FQ3" s="518"/>
      <c r="FR3" s="518"/>
      <c r="FS3" s="518"/>
      <c r="FT3" s="518"/>
      <c r="FU3" s="518"/>
      <c r="FV3" s="518"/>
      <c r="FW3" s="518"/>
      <c r="FX3" s="518"/>
      <c r="FY3" s="518"/>
      <c r="FZ3" s="518"/>
      <c r="GA3" s="518"/>
      <c r="GB3" s="518"/>
      <c r="GC3" s="518"/>
      <c r="GD3" s="518"/>
      <c r="GE3" s="518"/>
      <c r="GF3" s="518"/>
      <c r="GG3" s="518"/>
      <c r="GH3" s="518"/>
      <c r="GI3" s="518"/>
      <c r="GJ3" s="518"/>
      <c r="GK3" s="518"/>
      <c r="GL3" s="518"/>
      <c r="GM3" s="518"/>
      <c r="GN3" s="518"/>
      <c r="GO3" s="518"/>
      <c r="GP3" s="518"/>
      <c r="GQ3" s="519"/>
      <c r="GR3" s="518" t="s">
        <v>104</v>
      </c>
      <c r="GS3" s="518"/>
      <c r="GT3" s="518"/>
      <c r="GU3" s="518"/>
      <c r="GV3" s="518"/>
      <c r="GW3" s="518"/>
      <c r="GX3" s="518"/>
      <c r="GY3" s="518"/>
      <c r="GZ3" s="518"/>
      <c r="HA3" s="518"/>
      <c r="HB3" s="518"/>
      <c r="HC3" s="518"/>
      <c r="HD3" s="518"/>
      <c r="HE3" s="518"/>
      <c r="HF3" s="518"/>
      <c r="HG3" s="518"/>
      <c r="HH3" s="518"/>
      <c r="HI3" s="518"/>
      <c r="HJ3" s="518"/>
      <c r="HK3" s="518"/>
      <c r="HL3" s="518"/>
      <c r="HM3" s="518"/>
      <c r="HN3" s="518"/>
      <c r="HO3" s="518"/>
      <c r="HP3" s="518"/>
      <c r="HQ3" s="518"/>
      <c r="HR3" s="518"/>
      <c r="HS3" s="518"/>
      <c r="HT3" s="518"/>
      <c r="HU3" s="518"/>
      <c r="HV3" s="518"/>
      <c r="HW3" s="518"/>
      <c r="HX3" s="518"/>
      <c r="HY3" s="518"/>
      <c r="HZ3" s="518"/>
      <c r="IA3" s="518"/>
      <c r="IB3" s="518"/>
      <c r="IC3" s="518"/>
      <c r="ID3" s="518"/>
      <c r="IE3" s="518"/>
      <c r="IF3" s="518"/>
      <c r="IG3" s="518"/>
      <c r="IH3" s="518"/>
      <c r="II3" s="518"/>
      <c r="IJ3" s="518"/>
      <c r="IK3" s="518"/>
      <c r="IL3" s="518"/>
      <c r="IM3" s="518"/>
      <c r="IN3" s="518"/>
      <c r="IO3" s="518"/>
      <c r="IP3" s="518"/>
      <c r="IQ3" s="518"/>
      <c r="IR3" s="518"/>
      <c r="IS3" s="518"/>
      <c r="IT3" s="518"/>
      <c r="IU3" s="518"/>
      <c r="IV3" s="518"/>
      <c r="IW3" s="518"/>
      <c r="IX3" s="518"/>
      <c r="IY3" s="518"/>
      <c r="IZ3" s="518"/>
      <c r="JA3" s="518"/>
      <c r="JB3" s="518"/>
      <c r="JC3" s="518"/>
      <c r="JD3" s="518"/>
      <c r="JE3" s="518"/>
      <c r="JF3" s="518"/>
      <c r="JG3" s="518"/>
      <c r="JH3" s="518"/>
      <c r="JI3" s="518"/>
      <c r="JJ3" s="518"/>
      <c r="JK3" s="518"/>
      <c r="JL3" s="518"/>
      <c r="JM3" s="518"/>
      <c r="JN3" s="518"/>
      <c r="JO3" s="518"/>
      <c r="JP3" s="518"/>
      <c r="JQ3" s="518"/>
      <c r="JR3" s="518"/>
      <c r="JS3" s="518"/>
      <c r="JT3" s="518"/>
      <c r="JU3" s="518"/>
      <c r="JV3" s="518"/>
      <c r="JW3" s="518"/>
      <c r="JX3" s="518"/>
      <c r="JY3" s="518"/>
      <c r="JZ3" s="518"/>
      <c r="KA3" s="518"/>
      <c r="KB3" s="518"/>
      <c r="KC3" s="518"/>
      <c r="KD3" s="518"/>
      <c r="KE3" s="518"/>
      <c r="KF3" s="518"/>
      <c r="KG3" s="518"/>
      <c r="KH3" s="518"/>
      <c r="KI3" s="518"/>
      <c r="KJ3" s="518"/>
      <c r="KK3" s="518"/>
      <c r="KL3" s="519"/>
    </row>
    <row r="4" spans="1:298" ht="27.75" customHeight="1" thickBot="1" x14ac:dyDescent="0.25">
      <c r="A4" s="524"/>
      <c r="B4" s="520" t="s">
        <v>39</v>
      </c>
      <c r="C4" s="521"/>
      <c r="D4" s="521"/>
      <c r="E4" s="521"/>
      <c r="F4" s="521"/>
      <c r="G4" s="521"/>
      <c r="H4" s="521"/>
      <c r="I4" s="521"/>
      <c r="J4" s="521"/>
      <c r="K4" s="521"/>
      <c r="L4" s="521"/>
      <c r="M4" s="521"/>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2"/>
      <c r="CA4" s="506" t="s">
        <v>40</v>
      </c>
      <c r="CB4" s="507"/>
      <c r="CC4" s="507"/>
      <c r="CD4" s="507"/>
      <c r="CE4" s="507"/>
      <c r="CF4" s="507"/>
      <c r="CG4" s="507"/>
      <c r="CH4" s="507"/>
      <c r="CI4" s="507"/>
      <c r="CJ4" s="507"/>
      <c r="CK4" s="508"/>
      <c r="CL4" s="506" t="s">
        <v>41</v>
      </c>
      <c r="CM4" s="507"/>
      <c r="CN4" s="507"/>
      <c r="CO4" s="507"/>
      <c r="CP4" s="507"/>
      <c r="CQ4" s="507"/>
      <c r="CR4" s="507"/>
      <c r="CS4" s="507"/>
      <c r="CT4" s="507"/>
      <c r="CU4" s="507"/>
      <c r="CV4" s="508"/>
      <c r="CW4" s="520" t="s">
        <v>39</v>
      </c>
      <c r="CX4" s="521"/>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2"/>
      <c r="FV4" s="506" t="s">
        <v>40</v>
      </c>
      <c r="FW4" s="507"/>
      <c r="FX4" s="507"/>
      <c r="FY4" s="507"/>
      <c r="FZ4" s="507"/>
      <c r="GA4" s="507"/>
      <c r="GB4" s="507"/>
      <c r="GC4" s="507"/>
      <c r="GD4" s="507"/>
      <c r="GE4" s="507"/>
      <c r="GF4" s="508"/>
      <c r="GG4" s="506" t="s">
        <v>41</v>
      </c>
      <c r="GH4" s="507"/>
      <c r="GI4" s="507"/>
      <c r="GJ4" s="507"/>
      <c r="GK4" s="507"/>
      <c r="GL4" s="507"/>
      <c r="GM4" s="507"/>
      <c r="GN4" s="507"/>
      <c r="GO4" s="507"/>
      <c r="GP4" s="507"/>
      <c r="GQ4" s="508"/>
      <c r="GR4" s="520" t="s">
        <v>39</v>
      </c>
      <c r="GS4" s="521"/>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1"/>
      <c r="HZ4" s="521"/>
      <c r="IA4" s="521"/>
      <c r="IB4" s="521"/>
      <c r="IC4" s="521"/>
      <c r="ID4" s="521"/>
      <c r="IE4" s="521"/>
      <c r="IF4" s="521"/>
      <c r="IG4" s="521"/>
      <c r="IH4" s="521"/>
      <c r="II4" s="521"/>
      <c r="IJ4" s="521"/>
      <c r="IK4" s="521"/>
      <c r="IL4" s="521"/>
      <c r="IM4" s="521"/>
      <c r="IN4" s="521"/>
      <c r="IO4" s="521"/>
      <c r="IP4" s="521"/>
      <c r="IQ4" s="521"/>
      <c r="IR4" s="521"/>
      <c r="IS4" s="521"/>
      <c r="IT4" s="521"/>
      <c r="IU4" s="521"/>
      <c r="IV4" s="521"/>
      <c r="IW4" s="521"/>
      <c r="IX4" s="521"/>
      <c r="IY4" s="521"/>
      <c r="IZ4" s="521"/>
      <c r="JA4" s="521"/>
      <c r="JB4" s="521"/>
      <c r="JC4" s="521"/>
      <c r="JD4" s="521"/>
      <c r="JE4" s="521"/>
      <c r="JF4" s="521"/>
      <c r="JG4" s="521"/>
      <c r="JH4" s="521"/>
      <c r="JI4" s="521"/>
      <c r="JJ4" s="521"/>
      <c r="JK4" s="521"/>
      <c r="JL4" s="521"/>
      <c r="JM4" s="521"/>
      <c r="JN4" s="521"/>
      <c r="JO4" s="521"/>
      <c r="JP4" s="522"/>
      <c r="JQ4" s="506" t="s">
        <v>40</v>
      </c>
      <c r="JR4" s="507"/>
      <c r="JS4" s="507"/>
      <c r="JT4" s="507"/>
      <c r="JU4" s="507"/>
      <c r="JV4" s="507"/>
      <c r="JW4" s="507"/>
      <c r="JX4" s="507"/>
      <c r="JY4" s="507"/>
      <c r="JZ4" s="507"/>
      <c r="KA4" s="508"/>
      <c r="KB4" s="506" t="s">
        <v>41</v>
      </c>
      <c r="KC4" s="507"/>
      <c r="KD4" s="507"/>
      <c r="KE4" s="507"/>
      <c r="KF4" s="507"/>
      <c r="KG4" s="507"/>
      <c r="KH4" s="507"/>
      <c r="KI4" s="507"/>
      <c r="KJ4" s="507"/>
      <c r="KK4" s="507"/>
      <c r="KL4" s="508"/>
    </row>
    <row r="5" spans="1:298" ht="27.75" customHeight="1" thickBot="1" x14ac:dyDescent="0.25">
      <c r="A5" s="512"/>
      <c r="B5" s="512"/>
      <c r="C5" s="513"/>
      <c r="D5" s="513"/>
      <c r="E5" s="513"/>
      <c r="F5" s="513"/>
      <c r="G5" s="513"/>
      <c r="H5" s="513"/>
      <c r="I5" s="513"/>
      <c r="J5" s="513"/>
      <c r="K5" s="513"/>
      <c r="L5" s="514"/>
      <c r="M5" s="515" t="s">
        <v>97</v>
      </c>
      <c r="N5" s="516"/>
      <c r="O5" s="516"/>
      <c r="P5" s="516"/>
      <c r="Q5" s="516"/>
      <c r="R5" s="516"/>
      <c r="S5" s="516"/>
      <c r="T5" s="516"/>
      <c r="U5" s="516"/>
      <c r="V5" s="516"/>
      <c r="W5" s="517"/>
      <c r="X5" s="515" t="s">
        <v>98</v>
      </c>
      <c r="Y5" s="516"/>
      <c r="Z5" s="516"/>
      <c r="AA5" s="516"/>
      <c r="AB5" s="516"/>
      <c r="AC5" s="516"/>
      <c r="AD5" s="516"/>
      <c r="AE5" s="516"/>
      <c r="AF5" s="516"/>
      <c r="AG5" s="516"/>
      <c r="AH5" s="517"/>
      <c r="AI5" s="515" t="s">
        <v>99</v>
      </c>
      <c r="AJ5" s="516"/>
      <c r="AK5" s="516"/>
      <c r="AL5" s="516"/>
      <c r="AM5" s="516"/>
      <c r="AN5" s="516"/>
      <c r="AO5" s="516"/>
      <c r="AP5" s="516"/>
      <c r="AQ5" s="516"/>
      <c r="AR5" s="516"/>
      <c r="AS5" s="517"/>
      <c r="AT5" s="515" t="s">
        <v>100</v>
      </c>
      <c r="AU5" s="516"/>
      <c r="AV5" s="516"/>
      <c r="AW5" s="516"/>
      <c r="AX5" s="516"/>
      <c r="AY5" s="516"/>
      <c r="AZ5" s="516"/>
      <c r="BA5" s="516"/>
      <c r="BB5" s="516"/>
      <c r="BC5" s="516"/>
      <c r="BD5" s="517"/>
      <c r="BE5" s="515" t="s">
        <v>101</v>
      </c>
      <c r="BF5" s="516"/>
      <c r="BG5" s="516"/>
      <c r="BH5" s="516"/>
      <c r="BI5" s="516"/>
      <c r="BJ5" s="516"/>
      <c r="BK5" s="516"/>
      <c r="BL5" s="516"/>
      <c r="BM5" s="516"/>
      <c r="BN5" s="516"/>
      <c r="BO5" s="517"/>
      <c r="BP5" s="515" t="s">
        <v>102</v>
      </c>
      <c r="BQ5" s="516"/>
      <c r="BR5" s="516"/>
      <c r="BS5" s="516"/>
      <c r="BT5" s="516"/>
      <c r="BU5" s="516"/>
      <c r="BV5" s="516"/>
      <c r="BW5" s="516"/>
      <c r="BX5" s="516"/>
      <c r="BY5" s="516"/>
      <c r="BZ5" s="517"/>
      <c r="CA5" s="509"/>
      <c r="CB5" s="510"/>
      <c r="CC5" s="510"/>
      <c r="CD5" s="510"/>
      <c r="CE5" s="510"/>
      <c r="CF5" s="510"/>
      <c r="CG5" s="510"/>
      <c r="CH5" s="510"/>
      <c r="CI5" s="510"/>
      <c r="CJ5" s="510"/>
      <c r="CK5" s="511"/>
      <c r="CL5" s="509"/>
      <c r="CM5" s="510"/>
      <c r="CN5" s="510"/>
      <c r="CO5" s="510"/>
      <c r="CP5" s="510"/>
      <c r="CQ5" s="510"/>
      <c r="CR5" s="510"/>
      <c r="CS5" s="510"/>
      <c r="CT5" s="510"/>
      <c r="CU5" s="510"/>
      <c r="CV5" s="511"/>
      <c r="CW5" s="512"/>
      <c r="CX5" s="513"/>
      <c r="CY5" s="513"/>
      <c r="CZ5" s="513"/>
      <c r="DA5" s="513"/>
      <c r="DB5" s="513"/>
      <c r="DC5" s="513"/>
      <c r="DD5" s="513"/>
      <c r="DE5" s="513"/>
      <c r="DF5" s="513"/>
      <c r="DG5" s="514"/>
      <c r="DH5" s="515" t="s">
        <v>97</v>
      </c>
      <c r="DI5" s="516"/>
      <c r="DJ5" s="516"/>
      <c r="DK5" s="516"/>
      <c r="DL5" s="516"/>
      <c r="DM5" s="516"/>
      <c r="DN5" s="516"/>
      <c r="DO5" s="516"/>
      <c r="DP5" s="516"/>
      <c r="DQ5" s="516"/>
      <c r="DR5" s="517"/>
      <c r="DS5" s="515" t="s">
        <v>98</v>
      </c>
      <c r="DT5" s="516"/>
      <c r="DU5" s="516"/>
      <c r="DV5" s="516"/>
      <c r="DW5" s="516"/>
      <c r="DX5" s="516"/>
      <c r="DY5" s="516"/>
      <c r="DZ5" s="516"/>
      <c r="EA5" s="516"/>
      <c r="EB5" s="516"/>
      <c r="EC5" s="517"/>
      <c r="ED5" s="515" t="s">
        <v>99</v>
      </c>
      <c r="EE5" s="516"/>
      <c r="EF5" s="516"/>
      <c r="EG5" s="516"/>
      <c r="EH5" s="516"/>
      <c r="EI5" s="516"/>
      <c r="EJ5" s="516"/>
      <c r="EK5" s="516"/>
      <c r="EL5" s="516"/>
      <c r="EM5" s="516"/>
      <c r="EN5" s="517"/>
      <c r="EO5" s="515" t="s">
        <v>100</v>
      </c>
      <c r="EP5" s="516"/>
      <c r="EQ5" s="516"/>
      <c r="ER5" s="516"/>
      <c r="ES5" s="516"/>
      <c r="ET5" s="516"/>
      <c r="EU5" s="516"/>
      <c r="EV5" s="516"/>
      <c r="EW5" s="516"/>
      <c r="EX5" s="516"/>
      <c r="EY5" s="517"/>
      <c r="EZ5" s="515" t="s">
        <v>101</v>
      </c>
      <c r="FA5" s="516"/>
      <c r="FB5" s="516"/>
      <c r="FC5" s="516"/>
      <c r="FD5" s="516"/>
      <c r="FE5" s="516"/>
      <c r="FF5" s="516"/>
      <c r="FG5" s="516"/>
      <c r="FH5" s="516"/>
      <c r="FI5" s="516"/>
      <c r="FJ5" s="517"/>
      <c r="FK5" s="515" t="s">
        <v>102</v>
      </c>
      <c r="FL5" s="516"/>
      <c r="FM5" s="516"/>
      <c r="FN5" s="516"/>
      <c r="FO5" s="516"/>
      <c r="FP5" s="516"/>
      <c r="FQ5" s="516"/>
      <c r="FR5" s="516"/>
      <c r="FS5" s="516"/>
      <c r="FT5" s="516"/>
      <c r="FU5" s="517"/>
      <c r="FV5" s="509"/>
      <c r="FW5" s="510"/>
      <c r="FX5" s="510"/>
      <c r="FY5" s="510"/>
      <c r="FZ5" s="510"/>
      <c r="GA5" s="510"/>
      <c r="GB5" s="510"/>
      <c r="GC5" s="510"/>
      <c r="GD5" s="510"/>
      <c r="GE5" s="510"/>
      <c r="GF5" s="511"/>
      <c r="GG5" s="509"/>
      <c r="GH5" s="510"/>
      <c r="GI5" s="510"/>
      <c r="GJ5" s="510"/>
      <c r="GK5" s="510"/>
      <c r="GL5" s="510"/>
      <c r="GM5" s="510"/>
      <c r="GN5" s="510"/>
      <c r="GO5" s="510"/>
      <c r="GP5" s="510"/>
      <c r="GQ5" s="511"/>
      <c r="GR5" s="512"/>
      <c r="GS5" s="513"/>
      <c r="GT5" s="513"/>
      <c r="GU5" s="513"/>
      <c r="GV5" s="513"/>
      <c r="GW5" s="513"/>
      <c r="GX5" s="513"/>
      <c r="GY5" s="513"/>
      <c r="GZ5" s="513"/>
      <c r="HA5" s="513"/>
      <c r="HB5" s="514"/>
      <c r="HC5" s="515" t="s">
        <v>97</v>
      </c>
      <c r="HD5" s="516"/>
      <c r="HE5" s="516"/>
      <c r="HF5" s="516"/>
      <c r="HG5" s="516"/>
      <c r="HH5" s="516"/>
      <c r="HI5" s="516"/>
      <c r="HJ5" s="516"/>
      <c r="HK5" s="516"/>
      <c r="HL5" s="516"/>
      <c r="HM5" s="517"/>
      <c r="HN5" s="515" t="s">
        <v>98</v>
      </c>
      <c r="HO5" s="516"/>
      <c r="HP5" s="516"/>
      <c r="HQ5" s="516"/>
      <c r="HR5" s="516"/>
      <c r="HS5" s="516"/>
      <c r="HT5" s="516"/>
      <c r="HU5" s="516"/>
      <c r="HV5" s="516"/>
      <c r="HW5" s="516"/>
      <c r="HX5" s="517"/>
      <c r="HY5" s="515" t="s">
        <v>99</v>
      </c>
      <c r="HZ5" s="516"/>
      <c r="IA5" s="516"/>
      <c r="IB5" s="516"/>
      <c r="IC5" s="516"/>
      <c r="ID5" s="516"/>
      <c r="IE5" s="516"/>
      <c r="IF5" s="516"/>
      <c r="IG5" s="516"/>
      <c r="IH5" s="516"/>
      <c r="II5" s="517"/>
      <c r="IJ5" s="515" t="s">
        <v>100</v>
      </c>
      <c r="IK5" s="516"/>
      <c r="IL5" s="516"/>
      <c r="IM5" s="516"/>
      <c r="IN5" s="516"/>
      <c r="IO5" s="516"/>
      <c r="IP5" s="516"/>
      <c r="IQ5" s="516"/>
      <c r="IR5" s="516"/>
      <c r="IS5" s="516"/>
      <c r="IT5" s="517"/>
      <c r="IU5" s="515" t="s">
        <v>101</v>
      </c>
      <c r="IV5" s="516"/>
      <c r="IW5" s="516"/>
      <c r="IX5" s="516"/>
      <c r="IY5" s="516"/>
      <c r="IZ5" s="516"/>
      <c r="JA5" s="516"/>
      <c r="JB5" s="516"/>
      <c r="JC5" s="516"/>
      <c r="JD5" s="516"/>
      <c r="JE5" s="517"/>
      <c r="JF5" s="515" t="s">
        <v>102</v>
      </c>
      <c r="JG5" s="516"/>
      <c r="JH5" s="516"/>
      <c r="JI5" s="516"/>
      <c r="JJ5" s="516"/>
      <c r="JK5" s="516"/>
      <c r="JL5" s="516"/>
      <c r="JM5" s="516"/>
      <c r="JN5" s="516"/>
      <c r="JO5" s="516"/>
      <c r="JP5" s="517"/>
      <c r="JQ5" s="509"/>
      <c r="JR5" s="510"/>
      <c r="JS5" s="510"/>
      <c r="JT5" s="510"/>
      <c r="JU5" s="510"/>
      <c r="JV5" s="510"/>
      <c r="JW5" s="510"/>
      <c r="JX5" s="510"/>
      <c r="JY5" s="510"/>
      <c r="JZ5" s="510"/>
      <c r="KA5" s="511"/>
      <c r="KB5" s="509"/>
      <c r="KC5" s="510"/>
      <c r="KD5" s="510"/>
      <c r="KE5" s="510"/>
      <c r="KF5" s="510"/>
      <c r="KG5" s="510"/>
      <c r="KH5" s="510"/>
      <c r="KI5" s="510"/>
      <c r="KJ5" s="510"/>
      <c r="KK5" s="510"/>
      <c r="KL5" s="511"/>
    </row>
    <row r="6" spans="1:298" ht="44.25" customHeight="1" thickBot="1" x14ac:dyDescent="0.25">
      <c r="A6" s="318" t="s">
        <v>42</v>
      </c>
      <c r="B6" s="51" t="s">
        <v>43</v>
      </c>
      <c r="C6" s="47" t="s">
        <v>44</v>
      </c>
      <c r="D6" s="48" t="s">
        <v>45</v>
      </c>
      <c r="E6" s="52" t="s">
        <v>46</v>
      </c>
      <c r="F6" s="47" t="s">
        <v>47</v>
      </c>
      <c r="G6" s="47" t="s">
        <v>48</v>
      </c>
      <c r="H6" s="47" t="s">
        <v>49</v>
      </c>
      <c r="I6" s="47" t="s">
        <v>50</v>
      </c>
      <c r="J6" s="47" t="s">
        <v>51</v>
      </c>
      <c r="K6" s="48" t="s">
        <v>45</v>
      </c>
      <c r="L6" s="53" t="s">
        <v>52</v>
      </c>
      <c r="M6" s="357" t="s">
        <v>43</v>
      </c>
      <c r="N6" s="358" t="s">
        <v>44</v>
      </c>
      <c r="O6" s="359" t="s">
        <v>45</v>
      </c>
      <c r="P6" s="360" t="s">
        <v>46</v>
      </c>
      <c r="Q6" s="358" t="s">
        <v>47</v>
      </c>
      <c r="R6" s="358" t="s">
        <v>48</v>
      </c>
      <c r="S6" s="358" t="s">
        <v>49</v>
      </c>
      <c r="T6" s="358" t="s">
        <v>50</v>
      </c>
      <c r="U6" s="358" t="s">
        <v>51</v>
      </c>
      <c r="V6" s="359" t="s">
        <v>45</v>
      </c>
      <c r="W6" s="356" t="s">
        <v>52</v>
      </c>
      <c r="X6" s="357" t="s">
        <v>43</v>
      </c>
      <c r="Y6" s="358" t="s">
        <v>44</v>
      </c>
      <c r="Z6" s="359" t="s">
        <v>45</v>
      </c>
      <c r="AA6" s="360" t="s">
        <v>46</v>
      </c>
      <c r="AB6" s="358" t="s">
        <v>47</v>
      </c>
      <c r="AC6" s="358" t="s">
        <v>48</v>
      </c>
      <c r="AD6" s="358" t="s">
        <v>49</v>
      </c>
      <c r="AE6" s="358" t="s">
        <v>50</v>
      </c>
      <c r="AF6" s="358" t="s">
        <v>51</v>
      </c>
      <c r="AG6" s="359" t="s">
        <v>45</v>
      </c>
      <c r="AH6" s="361" t="s">
        <v>52</v>
      </c>
      <c r="AI6" s="357" t="s">
        <v>43</v>
      </c>
      <c r="AJ6" s="358" t="s">
        <v>44</v>
      </c>
      <c r="AK6" s="359" t="s">
        <v>45</v>
      </c>
      <c r="AL6" s="360" t="s">
        <v>46</v>
      </c>
      <c r="AM6" s="358" t="s">
        <v>47</v>
      </c>
      <c r="AN6" s="358" t="s">
        <v>48</v>
      </c>
      <c r="AO6" s="358" t="s">
        <v>49</v>
      </c>
      <c r="AP6" s="358" t="s">
        <v>50</v>
      </c>
      <c r="AQ6" s="358" t="s">
        <v>51</v>
      </c>
      <c r="AR6" s="359" t="s">
        <v>45</v>
      </c>
      <c r="AS6" s="361" t="s">
        <v>52</v>
      </c>
      <c r="AT6" s="357" t="s">
        <v>43</v>
      </c>
      <c r="AU6" s="358" t="s">
        <v>44</v>
      </c>
      <c r="AV6" s="359" t="s">
        <v>45</v>
      </c>
      <c r="AW6" s="360" t="s">
        <v>46</v>
      </c>
      <c r="AX6" s="358" t="s">
        <v>47</v>
      </c>
      <c r="AY6" s="358" t="s">
        <v>48</v>
      </c>
      <c r="AZ6" s="358" t="s">
        <v>49</v>
      </c>
      <c r="BA6" s="358" t="s">
        <v>50</v>
      </c>
      <c r="BB6" s="358" t="s">
        <v>51</v>
      </c>
      <c r="BC6" s="359" t="s">
        <v>45</v>
      </c>
      <c r="BD6" s="361" t="s">
        <v>52</v>
      </c>
      <c r="BE6" s="357" t="s">
        <v>43</v>
      </c>
      <c r="BF6" s="358" t="s">
        <v>44</v>
      </c>
      <c r="BG6" s="359" t="s">
        <v>45</v>
      </c>
      <c r="BH6" s="360" t="s">
        <v>46</v>
      </c>
      <c r="BI6" s="358" t="s">
        <v>47</v>
      </c>
      <c r="BJ6" s="358" t="s">
        <v>48</v>
      </c>
      <c r="BK6" s="358" t="s">
        <v>49</v>
      </c>
      <c r="BL6" s="358" t="s">
        <v>50</v>
      </c>
      <c r="BM6" s="358" t="s">
        <v>51</v>
      </c>
      <c r="BN6" s="359" t="s">
        <v>45</v>
      </c>
      <c r="BO6" s="361" t="s">
        <v>52</v>
      </c>
      <c r="BP6" s="357" t="s">
        <v>43</v>
      </c>
      <c r="BQ6" s="358" t="s">
        <v>44</v>
      </c>
      <c r="BR6" s="359" t="s">
        <v>45</v>
      </c>
      <c r="BS6" s="360" t="s">
        <v>46</v>
      </c>
      <c r="BT6" s="358" t="s">
        <v>47</v>
      </c>
      <c r="BU6" s="358" t="s">
        <v>48</v>
      </c>
      <c r="BV6" s="358" t="s">
        <v>49</v>
      </c>
      <c r="BW6" s="358" t="s">
        <v>50</v>
      </c>
      <c r="BX6" s="358" t="s">
        <v>51</v>
      </c>
      <c r="BY6" s="359" t="s">
        <v>45</v>
      </c>
      <c r="BZ6" s="361" t="s">
        <v>52</v>
      </c>
      <c r="CA6" s="357" t="s">
        <v>43</v>
      </c>
      <c r="CB6" s="358" t="s">
        <v>44</v>
      </c>
      <c r="CC6" s="359" t="s">
        <v>45</v>
      </c>
      <c r="CD6" s="360" t="s">
        <v>46</v>
      </c>
      <c r="CE6" s="358" t="s">
        <v>47</v>
      </c>
      <c r="CF6" s="358" t="s">
        <v>48</v>
      </c>
      <c r="CG6" s="358" t="s">
        <v>49</v>
      </c>
      <c r="CH6" s="358" t="s">
        <v>50</v>
      </c>
      <c r="CI6" s="358" t="s">
        <v>51</v>
      </c>
      <c r="CJ6" s="359" t="s">
        <v>45</v>
      </c>
      <c r="CK6" s="361" t="s">
        <v>52</v>
      </c>
      <c r="CL6" s="357" t="s">
        <v>43</v>
      </c>
      <c r="CM6" s="358" t="s">
        <v>44</v>
      </c>
      <c r="CN6" s="359" t="s">
        <v>45</v>
      </c>
      <c r="CO6" s="360" t="s">
        <v>46</v>
      </c>
      <c r="CP6" s="358" t="s">
        <v>47</v>
      </c>
      <c r="CQ6" s="358" t="s">
        <v>48</v>
      </c>
      <c r="CR6" s="358" t="s">
        <v>49</v>
      </c>
      <c r="CS6" s="358" t="s">
        <v>50</v>
      </c>
      <c r="CT6" s="358" t="s">
        <v>51</v>
      </c>
      <c r="CU6" s="359" t="s">
        <v>45</v>
      </c>
      <c r="CV6" s="361" t="s">
        <v>52</v>
      </c>
      <c r="CW6" s="51" t="s">
        <v>43</v>
      </c>
      <c r="CX6" s="47" t="s">
        <v>44</v>
      </c>
      <c r="CY6" s="48" t="s">
        <v>45</v>
      </c>
      <c r="CZ6" s="52" t="s">
        <v>46</v>
      </c>
      <c r="DA6" s="47" t="s">
        <v>47</v>
      </c>
      <c r="DB6" s="47" t="s">
        <v>48</v>
      </c>
      <c r="DC6" s="47" t="s">
        <v>49</v>
      </c>
      <c r="DD6" s="47" t="s">
        <v>50</v>
      </c>
      <c r="DE6" s="47" t="s">
        <v>51</v>
      </c>
      <c r="DF6" s="48" t="s">
        <v>45</v>
      </c>
      <c r="DG6" s="53" t="s">
        <v>52</v>
      </c>
      <c r="DH6" s="357" t="s">
        <v>43</v>
      </c>
      <c r="DI6" s="358" t="s">
        <v>44</v>
      </c>
      <c r="DJ6" s="359" t="s">
        <v>45</v>
      </c>
      <c r="DK6" s="360" t="s">
        <v>46</v>
      </c>
      <c r="DL6" s="358" t="s">
        <v>47</v>
      </c>
      <c r="DM6" s="358" t="s">
        <v>48</v>
      </c>
      <c r="DN6" s="358" t="s">
        <v>49</v>
      </c>
      <c r="DO6" s="358" t="s">
        <v>50</v>
      </c>
      <c r="DP6" s="358" t="s">
        <v>51</v>
      </c>
      <c r="DQ6" s="359" t="s">
        <v>45</v>
      </c>
      <c r="DR6" s="361" t="s">
        <v>52</v>
      </c>
      <c r="DS6" s="357" t="s">
        <v>43</v>
      </c>
      <c r="DT6" s="358" t="s">
        <v>44</v>
      </c>
      <c r="DU6" s="359" t="s">
        <v>45</v>
      </c>
      <c r="DV6" s="360" t="s">
        <v>46</v>
      </c>
      <c r="DW6" s="358" t="s">
        <v>47</v>
      </c>
      <c r="DX6" s="358" t="s">
        <v>48</v>
      </c>
      <c r="DY6" s="358" t="s">
        <v>49</v>
      </c>
      <c r="DZ6" s="358" t="s">
        <v>50</v>
      </c>
      <c r="EA6" s="358" t="s">
        <v>51</v>
      </c>
      <c r="EB6" s="359" t="s">
        <v>45</v>
      </c>
      <c r="EC6" s="361" t="s">
        <v>52</v>
      </c>
      <c r="ED6" s="357" t="s">
        <v>43</v>
      </c>
      <c r="EE6" s="358" t="s">
        <v>44</v>
      </c>
      <c r="EF6" s="359" t="s">
        <v>45</v>
      </c>
      <c r="EG6" s="360" t="s">
        <v>46</v>
      </c>
      <c r="EH6" s="358" t="s">
        <v>47</v>
      </c>
      <c r="EI6" s="358" t="s">
        <v>48</v>
      </c>
      <c r="EJ6" s="358" t="s">
        <v>49</v>
      </c>
      <c r="EK6" s="358" t="s">
        <v>50</v>
      </c>
      <c r="EL6" s="358" t="s">
        <v>51</v>
      </c>
      <c r="EM6" s="359" t="s">
        <v>45</v>
      </c>
      <c r="EN6" s="361" t="s">
        <v>52</v>
      </c>
      <c r="EO6" s="357" t="s">
        <v>43</v>
      </c>
      <c r="EP6" s="358" t="s">
        <v>44</v>
      </c>
      <c r="EQ6" s="359" t="s">
        <v>45</v>
      </c>
      <c r="ER6" s="360" t="s">
        <v>46</v>
      </c>
      <c r="ES6" s="358" t="s">
        <v>47</v>
      </c>
      <c r="ET6" s="358" t="s">
        <v>48</v>
      </c>
      <c r="EU6" s="358" t="s">
        <v>49</v>
      </c>
      <c r="EV6" s="358" t="s">
        <v>50</v>
      </c>
      <c r="EW6" s="358" t="s">
        <v>51</v>
      </c>
      <c r="EX6" s="359" t="s">
        <v>45</v>
      </c>
      <c r="EY6" s="361" t="s">
        <v>52</v>
      </c>
      <c r="EZ6" s="357" t="s">
        <v>43</v>
      </c>
      <c r="FA6" s="358" t="s">
        <v>44</v>
      </c>
      <c r="FB6" s="359" t="s">
        <v>45</v>
      </c>
      <c r="FC6" s="360" t="s">
        <v>46</v>
      </c>
      <c r="FD6" s="358" t="s">
        <v>47</v>
      </c>
      <c r="FE6" s="358" t="s">
        <v>48</v>
      </c>
      <c r="FF6" s="358" t="s">
        <v>49</v>
      </c>
      <c r="FG6" s="358" t="s">
        <v>50</v>
      </c>
      <c r="FH6" s="358" t="s">
        <v>51</v>
      </c>
      <c r="FI6" s="359" t="s">
        <v>45</v>
      </c>
      <c r="FJ6" s="361" t="s">
        <v>52</v>
      </c>
      <c r="FK6" s="357" t="s">
        <v>43</v>
      </c>
      <c r="FL6" s="358" t="s">
        <v>44</v>
      </c>
      <c r="FM6" s="359" t="s">
        <v>45</v>
      </c>
      <c r="FN6" s="360" t="s">
        <v>46</v>
      </c>
      <c r="FO6" s="358" t="s">
        <v>47</v>
      </c>
      <c r="FP6" s="358" t="s">
        <v>48</v>
      </c>
      <c r="FQ6" s="358" t="s">
        <v>49</v>
      </c>
      <c r="FR6" s="358" t="s">
        <v>50</v>
      </c>
      <c r="FS6" s="358" t="s">
        <v>51</v>
      </c>
      <c r="FT6" s="359" t="s">
        <v>45</v>
      </c>
      <c r="FU6" s="361" t="s">
        <v>52</v>
      </c>
      <c r="FV6" s="357" t="s">
        <v>43</v>
      </c>
      <c r="FW6" s="358" t="s">
        <v>44</v>
      </c>
      <c r="FX6" s="359" t="s">
        <v>45</v>
      </c>
      <c r="FY6" s="360" t="s">
        <v>46</v>
      </c>
      <c r="FZ6" s="358" t="s">
        <v>47</v>
      </c>
      <c r="GA6" s="358" t="s">
        <v>48</v>
      </c>
      <c r="GB6" s="358" t="s">
        <v>49</v>
      </c>
      <c r="GC6" s="358" t="s">
        <v>50</v>
      </c>
      <c r="GD6" s="358" t="s">
        <v>51</v>
      </c>
      <c r="GE6" s="359" t="s">
        <v>45</v>
      </c>
      <c r="GF6" s="361" t="s">
        <v>52</v>
      </c>
      <c r="GG6" s="357" t="s">
        <v>43</v>
      </c>
      <c r="GH6" s="358" t="s">
        <v>44</v>
      </c>
      <c r="GI6" s="359" t="s">
        <v>45</v>
      </c>
      <c r="GJ6" s="360" t="s">
        <v>46</v>
      </c>
      <c r="GK6" s="358" t="s">
        <v>47</v>
      </c>
      <c r="GL6" s="358" t="s">
        <v>48</v>
      </c>
      <c r="GM6" s="358" t="s">
        <v>49</v>
      </c>
      <c r="GN6" s="358" t="s">
        <v>50</v>
      </c>
      <c r="GO6" s="358" t="s">
        <v>51</v>
      </c>
      <c r="GP6" s="359" t="s">
        <v>45</v>
      </c>
      <c r="GQ6" s="361" t="s">
        <v>52</v>
      </c>
      <c r="GR6" s="51" t="s">
        <v>43</v>
      </c>
      <c r="GS6" s="47" t="s">
        <v>44</v>
      </c>
      <c r="GT6" s="48" t="s">
        <v>45</v>
      </c>
      <c r="GU6" s="52" t="s">
        <v>46</v>
      </c>
      <c r="GV6" s="47" t="s">
        <v>47</v>
      </c>
      <c r="GW6" s="47" t="s">
        <v>48</v>
      </c>
      <c r="GX6" s="47" t="s">
        <v>49</v>
      </c>
      <c r="GY6" s="47" t="s">
        <v>50</v>
      </c>
      <c r="GZ6" s="47" t="s">
        <v>51</v>
      </c>
      <c r="HA6" s="48" t="s">
        <v>45</v>
      </c>
      <c r="HB6" s="53" t="s">
        <v>52</v>
      </c>
      <c r="HC6" s="357" t="s">
        <v>43</v>
      </c>
      <c r="HD6" s="358" t="s">
        <v>44</v>
      </c>
      <c r="HE6" s="359" t="s">
        <v>45</v>
      </c>
      <c r="HF6" s="360" t="s">
        <v>46</v>
      </c>
      <c r="HG6" s="358" t="s">
        <v>47</v>
      </c>
      <c r="HH6" s="358" t="s">
        <v>48</v>
      </c>
      <c r="HI6" s="358" t="s">
        <v>49</v>
      </c>
      <c r="HJ6" s="358" t="s">
        <v>50</v>
      </c>
      <c r="HK6" s="358" t="s">
        <v>51</v>
      </c>
      <c r="HL6" s="359" t="s">
        <v>45</v>
      </c>
      <c r="HM6" s="361" t="s">
        <v>52</v>
      </c>
      <c r="HN6" s="357" t="s">
        <v>43</v>
      </c>
      <c r="HO6" s="358" t="s">
        <v>44</v>
      </c>
      <c r="HP6" s="359" t="s">
        <v>45</v>
      </c>
      <c r="HQ6" s="360" t="s">
        <v>46</v>
      </c>
      <c r="HR6" s="358" t="s">
        <v>47</v>
      </c>
      <c r="HS6" s="358" t="s">
        <v>48</v>
      </c>
      <c r="HT6" s="358" t="s">
        <v>49</v>
      </c>
      <c r="HU6" s="358" t="s">
        <v>50</v>
      </c>
      <c r="HV6" s="358" t="s">
        <v>51</v>
      </c>
      <c r="HW6" s="359" t="s">
        <v>45</v>
      </c>
      <c r="HX6" s="361" t="s">
        <v>52</v>
      </c>
      <c r="HY6" s="357" t="s">
        <v>43</v>
      </c>
      <c r="HZ6" s="358" t="s">
        <v>44</v>
      </c>
      <c r="IA6" s="359" t="s">
        <v>45</v>
      </c>
      <c r="IB6" s="360" t="s">
        <v>46</v>
      </c>
      <c r="IC6" s="358" t="s">
        <v>47</v>
      </c>
      <c r="ID6" s="358" t="s">
        <v>48</v>
      </c>
      <c r="IE6" s="358" t="s">
        <v>49</v>
      </c>
      <c r="IF6" s="358" t="s">
        <v>50</v>
      </c>
      <c r="IG6" s="358" t="s">
        <v>51</v>
      </c>
      <c r="IH6" s="359" t="s">
        <v>45</v>
      </c>
      <c r="II6" s="361" t="s">
        <v>52</v>
      </c>
      <c r="IJ6" s="357" t="s">
        <v>43</v>
      </c>
      <c r="IK6" s="358" t="s">
        <v>44</v>
      </c>
      <c r="IL6" s="359" t="s">
        <v>45</v>
      </c>
      <c r="IM6" s="360" t="s">
        <v>46</v>
      </c>
      <c r="IN6" s="358" t="s">
        <v>47</v>
      </c>
      <c r="IO6" s="358" t="s">
        <v>48</v>
      </c>
      <c r="IP6" s="358" t="s">
        <v>49</v>
      </c>
      <c r="IQ6" s="358" t="s">
        <v>50</v>
      </c>
      <c r="IR6" s="358" t="s">
        <v>51</v>
      </c>
      <c r="IS6" s="359" t="s">
        <v>45</v>
      </c>
      <c r="IT6" s="361" t="s">
        <v>52</v>
      </c>
      <c r="IU6" s="357" t="s">
        <v>43</v>
      </c>
      <c r="IV6" s="358" t="s">
        <v>44</v>
      </c>
      <c r="IW6" s="359" t="s">
        <v>45</v>
      </c>
      <c r="IX6" s="360" t="s">
        <v>46</v>
      </c>
      <c r="IY6" s="358" t="s">
        <v>47</v>
      </c>
      <c r="IZ6" s="358" t="s">
        <v>48</v>
      </c>
      <c r="JA6" s="358" t="s">
        <v>49</v>
      </c>
      <c r="JB6" s="358" t="s">
        <v>50</v>
      </c>
      <c r="JC6" s="358" t="s">
        <v>51</v>
      </c>
      <c r="JD6" s="359" t="s">
        <v>45</v>
      </c>
      <c r="JE6" s="361" t="s">
        <v>52</v>
      </c>
      <c r="JF6" s="357" t="s">
        <v>43</v>
      </c>
      <c r="JG6" s="358" t="s">
        <v>44</v>
      </c>
      <c r="JH6" s="359" t="s">
        <v>45</v>
      </c>
      <c r="JI6" s="360" t="s">
        <v>46</v>
      </c>
      <c r="JJ6" s="358" t="s">
        <v>47</v>
      </c>
      <c r="JK6" s="358" t="s">
        <v>48</v>
      </c>
      <c r="JL6" s="358" t="s">
        <v>49</v>
      </c>
      <c r="JM6" s="358" t="s">
        <v>50</v>
      </c>
      <c r="JN6" s="358" t="s">
        <v>51</v>
      </c>
      <c r="JO6" s="359" t="s">
        <v>45</v>
      </c>
      <c r="JP6" s="361" t="s">
        <v>52</v>
      </c>
      <c r="JQ6" s="357" t="s">
        <v>43</v>
      </c>
      <c r="JR6" s="358" t="s">
        <v>44</v>
      </c>
      <c r="JS6" s="359" t="s">
        <v>45</v>
      </c>
      <c r="JT6" s="360" t="s">
        <v>46</v>
      </c>
      <c r="JU6" s="358" t="s">
        <v>47</v>
      </c>
      <c r="JV6" s="358" t="s">
        <v>48</v>
      </c>
      <c r="JW6" s="358" t="s">
        <v>49</v>
      </c>
      <c r="JX6" s="358" t="s">
        <v>50</v>
      </c>
      <c r="JY6" s="358" t="s">
        <v>51</v>
      </c>
      <c r="JZ6" s="359" t="s">
        <v>45</v>
      </c>
      <c r="KA6" s="361" t="s">
        <v>52</v>
      </c>
      <c r="KB6" s="357" t="s">
        <v>43</v>
      </c>
      <c r="KC6" s="358" t="s">
        <v>44</v>
      </c>
      <c r="KD6" s="359" t="s">
        <v>45</v>
      </c>
      <c r="KE6" s="360" t="s">
        <v>46</v>
      </c>
      <c r="KF6" s="358" t="s">
        <v>47</v>
      </c>
      <c r="KG6" s="358" t="s">
        <v>48</v>
      </c>
      <c r="KH6" s="358" t="s">
        <v>49</v>
      </c>
      <c r="KI6" s="358" t="s">
        <v>50</v>
      </c>
      <c r="KJ6" s="358" t="s">
        <v>51</v>
      </c>
      <c r="KK6" s="359" t="s">
        <v>45</v>
      </c>
      <c r="KL6" s="361" t="s">
        <v>52</v>
      </c>
    </row>
    <row r="7" spans="1:298" ht="19.5" customHeight="1" x14ac:dyDescent="0.2">
      <c r="A7" s="125" t="s">
        <v>4</v>
      </c>
      <c r="B7" s="315">
        <v>19559</v>
      </c>
      <c r="C7" s="78">
        <v>19508</v>
      </c>
      <c r="D7" s="79">
        <v>39067</v>
      </c>
      <c r="E7" s="240"/>
      <c r="F7" s="78">
        <v>29650</v>
      </c>
      <c r="G7" s="78">
        <v>28781</v>
      </c>
      <c r="H7" s="78">
        <v>20217</v>
      </c>
      <c r="I7" s="78">
        <v>16690</v>
      </c>
      <c r="J7" s="78">
        <v>10278</v>
      </c>
      <c r="K7" s="80">
        <v>105616</v>
      </c>
      <c r="L7" s="81">
        <v>144683</v>
      </c>
      <c r="M7" s="66">
        <v>821</v>
      </c>
      <c r="N7" s="67">
        <v>1067</v>
      </c>
      <c r="O7" s="68">
        <v>1888</v>
      </c>
      <c r="P7" s="240"/>
      <c r="Q7" s="67">
        <v>1351</v>
      </c>
      <c r="R7" s="67">
        <v>1652</v>
      </c>
      <c r="S7" s="67">
        <v>1008</v>
      </c>
      <c r="T7" s="67">
        <v>934</v>
      </c>
      <c r="U7" s="67">
        <v>758</v>
      </c>
      <c r="V7" s="68">
        <v>5703</v>
      </c>
      <c r="W7" s="69">
        <v>7591</v>
      </c>
      <c r="X7" s="66">
        <v>2089</v>
      </c>
      <c r="Y7" s="67">
        <v>2366</v>
      </c>
      <c r="Z7" s="68">
        <v>4455</v>
      </c>
      <c r="AA7" s="240"/>
      <c r="AB7" s="67">
        <v>3126</v>
      </c>
      <c r="AC7" s="67">
        <v>3566</v>
      </c>
      <c r="AD7" s="67">
        <v>2562</v>
      </c>
      <c r="AE7" s="67">
        <v>2108</v>
      </c>
      <c r="AF7" s="67">
        <v>1550</v>
      </c>
      <c r="AG7" s="68">
        <v>12912</v>
      </c>
      <c r="AH7" s="69">
        <v>17367</v>
      </c>
      <c r="AI7" s="66">
        <v>2994</v>
      </c>
      <c r="AJ7" s="67">
        <v>3215</v>
      </c>
      <c r="AK7" s="68">
        <v>6209</v>
      </c>
      <c r="AL7" s="240"/>
      <c r="AM7" s="67">
        <v>4734</v>
      </c>
      <c r="AN7" s="67">
        <v>4650</v>
      </c>
      <c r="AO7" s="67">
        <v>3210</v>
      </c>
      <c r="AP7" s="67">
        <v>2737</v>
      </c>
      <c r="AQ7" s="67">
        <v>1824</v>
      </c>
      <c r="AR7" s="68">
        <v>17155</v>
      </c>
      <c r="AS7" s="69">
        <v>23364</v>
      </c>
      <c r="AT7" s="66">
        <v>5021</v>
      </c>
      <c r="AU7" s="67">
        <v>4742</v>
      </c>
      <c r="AV7" s="68">
        <v>9763</v>
      </c>
      <c r="AW7" s="240"/>
      <c r="AX7" s="67">
        <v>7356</v>
      </c>
      <c r="AY7" s="67">
        <v>6652</v>
      </c>
      <c r="AZ7" s="67">
        <v>4670</v>
      </c>
      <c r="BA7" s="67">
        <v>3730</v>
      </c>
      <c r="BB7" s="67">
        <v>2371</v>
      </c>
      <c r="BC7" s="68">
        <v>24779</v>
      </c>
      <c r="BD7" s="69">
        <v>34542</v>
      </c>
      <c r="BE7" s="66">
        <v>5480</v>
      </c>
      <c r="BF7" s="67">
        <v>4970</v>
      </c>
      <c r="BG7" s="68">
        <v>10450</v>
      </c>
      <c r="BH7" s="243"/>
      <c r="BI7" s="67">
        <v>7891</v>
      </c>
      <c r="BJ7" s="67">
        <v>6998</v>
      </c>
      <c r="BK7" s="67">
        <v>4883</v>
      </c>
      <c r="BL7" s="67">
        <v>3974</v>
      </c>
      <c r="BM7" s="67">
        <v>2158</v>
      </c>
      <c r="BN7" s="68">
        <v>25904</v>
      </c>
      <c r="BO7" s="69">
        <v>36354</v>
      </c>
      <c r="BP7" s="66">
        <v>3154</v>
      </c>
      <c r="BQ7" s="67">
        <v>3148</v>
      </c>
      <c r="BR7" s="68">
        <v>6302</v>
      </c>
      <c r="BS7" s="243"/>
      <c r="BT7" s="67">
        <v>5192</v>
      </c>
      <c r="BU7" s="67">
        <v>5263</v>
      </c>
      <c r="BV7" s="67">
        <v>3884</v>
      </c>
      <c r="BW7" s="67">
        <v>3207</v>
      </c>
      <c r="BX7" s="67">
        <v>1617</v>
      </c>
      <c r="BY7" s="68">
        <v>19163</v>
      </c>
      <c r="BZ7" s="69">
        <v>25465</v>
      </c>
      <c r="CA7" s="66">
        <v>457</v>
      </c>
      <c r="CB7" s="67">
        <v>754</v>
      </c>
      <c r="CC7" s="68">
        <v>1211</v>
      </c>
      <c r="CD7" s="243"/>
      <c r="CE7" s="67">
        <v>872</v>
      </c>
      <c r="CF7" s="67">
        <v>1292</v>
      </c>
      <c r="CG7" s="67">
        <v>836</v>
      </c>
      <c r="CH7" s="67">
        <v>737</v>
      </c>
      <c r="CI7" s="67">
        <v>717</v>
      </c>
      <c r="CJ7" s="68">
        <v>4454</v>
      </c>
      <c r="CK7" s="69">
        <v>5665</v>
      </c>
      <c r="CL7" s="66">
        <v>20016</v>
      </c>
      <c r="CM7" s="67">
        <v>20262</v>
      </c>
      <c r="CN7" s="68">
        <v>40278</v>
      </c>
      <c r="CO7" s="243"/>
      <c r="CP7" s="67">
        <v>30522</v>
      </c>
      <c r="CQ7" s="67">
        <v>30073</v>
      </c>
      <c r="CR7" s="67">
        <v>21053</v>
      </c>
      <c r="CS7" s="67">
        <v>17427</v>
      </c>
      <c r="CT7" s="67">
        <v>10995</v>
      </c>
      <c r="CU7" s="68">
        <v>110070</v>
      </c>
      <c r="CV7" s="69">
        <v>150348</v>
      </c>
      <c r="CW7" s="122">
        <v>37233</v>
      </c>
      <c r="CX7" s="78">
        <v>42900</v>
      </c>
      <c r="CY7" s="79">
        <v>80133</v>
      </c>
      <c r="CZ7" s="240"/>
      <c r="DA7" s="78">
        <v>54544</v>
      </c>
      <c r="DB7" s="78">
        <v>51157</v>
      </c>
      <c r="DC7" s="78">
        <v>37847</v>
      </c>
      <c r="DD7" s="78">
        <v>37551</v>
      </c>
      <c r="DE7" s="78">
        <v>25007</v>
      </c>
      <c r="DF7" s="80">
        <v>206106</v>
      </c>
      <c r="DG7" s="81">
        <v>286239</v>
      </c>
      <c r="DH7" s="66">
        <v>864</v>
      </c>
      <c r="DI7" s="67">
        <v>1033</v>
      </c>
      <c r="DJ7" s="68">
        <v>1897</v>
      </c>
      <c r="DK7" s="243"/>
      <c r="DL7" s="67">
        <v>1047</v>
      </c>
      <c r="DM7" s="67">
        <v>1140</v>
      </c>
      <c r="DN7" s="67">
        <v>751</v>
      </c>
      <c r="DO7" s="67">
        <v>702</v>
      </c>
      <c r="DP7" s="67">
        <v>586</v>
      </c>
      <c r="DQ7" s="68">
        <v>4226</v>
      </c>
      <c r="DR7" s="69">
        <v>6123</v>
      </c>
      <c r="DS7" s="66">
        <v>2783</v>
      </c>
      <c r="DT7" s="67">
        <v>3298</v>
      </c>
      <c r="DU7" s="68">
        <v>6081</v>
      </c>
      <c r="DV7" s="243"/>
      <c r="DW7" s="67">
        <v>3223</v>
      </c>
      <c r="DX7" s="67">
        <v>3151</v>
      </c>
      <c r="DY7" s="67">
        <v>1955</v>
      </c>
      <c r="DZ7" s="67">
        <v>1855</v>
      </c>
      <c r="EA7" s="67">
        <v>1570</v>
      </c>
      <c r="EB7" s="68">
        <v>11754</v>
      </c>
      <c r="EC7" s="69">
        <v>17835</v>
      </c>
      <c r="ED7" s="66">
        <v>6049</v>
      </c>
      <c r="EE7" s="67">
        <v>6303</v>
      </c>
      <c r="EF7" s="68">
        <v>12352</v>
      </c>
      <c r="EG7" s="243"/>
      <c r="EH7" s="67">
        <v>6680</v>
      </c>
      <c r="EI7" s="67">
        <v>5518</v>
      </c>
      <c r="EJ7" s="67">
        <v>3574</v>
      </c>
      <c r="EK7" s="67">
        <v>3301</v>
      </c>
      <c r="EL7" s="67">
        <v>2613</v>
      </c>
      <c r="EM7" s="68">
        <v>21686</v>
      </c>
      <c r="EN7" s="69">
        <v>34038</v>
      </c>
      <c r="EO7" s="66">
        <v>10963</v>
      </c>
      <c r="EP7" s="67">
        <v>11343</v>
      </c>
      <c r="EQ7" s="68">
        <v>22306</v>
      </c>
      <c r="ER7" s="243"/>
      <c r="ES7" s="67">
        <v>13118</v>
      </c>
      <c r="ET7" s="67">
        <v>10689</v>
      </c>
      <c r="EU7" s="67">
        <v>6848</v>
      </c>
      <c r="EV7" s="67">
        <v>6356</v>
      </c>
      <c r="EW7" s="67">
        <v>4397</v>
      </c>
      <c r="EX7" s="68">
        <v>41408</v>
      </c>
      <c r="EY7" s="69">
        <v>63714</v>
      </c>
      <c r="EZ7" s="66">
        <v>10992</v>
      </c>
      <c r="FA7" s="67">
        <v>12800</v>
      </c>
      <c r="FB7" s="68">
        <v>23792</v>
      </c>
      <c r="FC7" s="243"/>
      <c r="FD7" s="67">
        <v>16751</v>
      </c>
      <c r="FE7" s="67">
        <v>14599</v>
      </c>
      <c r="FF7" s="67">
        <v>10409</v>
      </c>
      <c r="FG7" s="67">
        <v>9849</v>
      </c>
      <c r="FH7" s="67">
        <v>6422</v>
      </c>
      <c r="FI7" s="68">
        <v>58030</v>
      </c>
      <c r="FJ7" s="69">
        <v>81822</v>
      </c>
      <c r="FK7" s="66">
        <v>5582</v>
      </c>
      <c r="FL7" s="67">
        <v>8123</v>
      </c>
      <c r="FM7" s="68">
        <v>13705</v>
      </c>
      <c r="FN7" s="243"/>
      <c r="FO7" s="67">
        <v>13725</v>
      </c>
      <c r="FP7" s="67">
        <v>16060</v>
      </c>
      <c r="FQ7" s="67">
        <v>14310</v>
      </c>
      <c r="FR7" s="67">
        <v>15488</v>
      </c>
      <c r="FS7" s="67">
        <v>9419</v>
      </c>
      <c r="FT7" s="68">
        <v>69002</v>
      </c>
      <c r="FU7" s="69">
        <v>82707</v>
      </c>
      <c r="FV7" s="66">
        <v>399</v>
      </c>
      <c r="FW7" s="67">
        <v>690</v>
      </c>
      <c r="FX7" s="68">
        <v>1089</v>
      </c>
      <c r="FY7" s="243"/>
      <c r="FZ7" s="67">
        <v>647</v>
      </c>
      <c r="GA7" s="67">
        <v>1015</v>
      </c>
      <c r="GB7" s="67">
        <v>627</v>
      </c>
      <c r="GC7" s="67">
        <v>587</v>
      </c>
      <c r="GD7" s="67">
        <v>593</v>
      </c>
      <c r="GE7" s="68">
        <v>3469</v>
      </c>
      <c r="GF7" s="69">
        <v>4558</v>
      </c>
      <c r="GG7" s="66">
        <v>37632</v>
      </c>
      <c r="GH7" s="67">
        <v>43590</v>
      </c>
      <c r="GI7" s="68">
        <v>81222</v>
      </c>
      <c r="GJ7" s="243"/>
      <c r="GK7" s="67">
        <v>55191</v>
      </c>
      <c r="GL7" s="67">
        <v>52172</v>
      </c>
      <c r="GM7" s="67">
        <v>38474</v>
      </c>
      <c r="GN7" s="67">
        <v>38138</v>
      </c>
      <c r="GO7" s="67">
        <v>25600</v>
      </c>
      <c r="GP7" s="68">
        <v>209575</v>
      </c>
      <c r="GQ7" s="69">
        <v>290797</v>
      </c>
      <c r="GR7" s="122">
        <v>56792</v>
      </c>
      <c r="GS7" s="78">
        <v>62408</v>
      </c>
      <c r="GT7" s="79">
        <v>119200</v>
      </c>
      <c r="GU7" s="240"/>
      <c r="GV7" s="78">
        <v>84194</v>
      </c>
      <c r="GW7" s="78">
        <v>79938</v>
      </c>
      <c r="GX7" s="78">
        <v>58064</v>
      </c>
      <c r="GY7" s="78">
        <v>54241</v>
      </c>
      <c r="GZ7" s="78">
        <v>35285</v>
      </c>
      <c r="HA7" s="80">
        <v>311722</v>
      </c>
      <c r="HB7" s="81">
        <v>430922</v>
      </c>
      <c r="HC7" s="66">
        <v>1685</v>
      </c>
      <c r="HD7" s="67">
        <v>2100</v>
      </c>
      <c r="HE7" s="68">
        <v>3785</v>
      </c>
      <c r="HF7" s="243"/>
      <c r="HG7" s="67">
        <v>2398</v>
      </c>
      <c r="HH7" s="67">
        <v>2792</v>
      </c>
      <c r="HI7" s="67">
        <v>1759</v>
      </c>
      <c r="HJ7" s="67">
        <v>1636</v>
      </c>
      <c r="HK7" s="67">
        <v>1344</v>
      </c>
      <c r="HL7" s="68">
        <v>9929</v>
      </c>
      <c r="HM7" s="69">
        <v>13714</v>
      </c>
      <c r="HN7" s="66">
        <v>4872</v>
      </c>
      <c r="HO7" s="67">
        <v>5664</v>
      </c>
      <c r="HP7" s="68">
        <v>10536</v>
      </c>
      <c r="HQ7" s="243"/>
      <c r="HR7" s="67">
        <v>6349</v>
      </c>
      <c r="HS7" s="67">
        <v>6717</v>
      </c>
      <c r="HT7" s="67">
        <v>4517</v>
      </c>
      <c r="HU7" s="67">
        <v>3963</v>
      </c>
      <c r="HV7" s="67">
        <v>3120</v>
      </c>
      <c r="HW7" s="68">
        <v>24666</v>
      </c>
      <c r="HX7" s="69">
        <v>35202</v>
      </c>
      <c r="HY7" s="66">
        <v>9043</v>
      </c>
      <c r="HZ7" s="67">
        <v>9518</v>
      </c>
      <c r="IA7" s="68">
        <v>18561</v>
      </c>
      <c r="IB7" s="243"/>
      <c r="IC7" s="67">
        <v>11414</v>
      </c>
      <c r="ID7" s="67">
        <v>10168</v>
      </c>
      <c r="IE7" s="67">
        <v>6784</v>
      </c>
      <c r="IF7" s="67">
        <v>6038</v>
      </c>
      <c r="IG7" s="67">
        <v>4437</v>
      </c>
      <c r="IH7" s="68">
        <v>38841</v>
      </c>
      <c r="II7" s="69">
        <v>57402</v>
      </c>
      <c r="IJ7" s="66">
        <v>15984</v>
      </c>
      <c r="IK7" s="67">
        <v>16085</v>
      </c>
      <c r="IL7" s="68">
        <v>32069</v>
      </c>
      <c r="IM7" s="243"/>
      <c r="IN7" s="67">
        <v>20474</v>
      </c>
      <c r="IO7" s="67">
        <v>17341</v>
      </c>
      <c r="IP7" s="67">
        <v>11518</v>
      </c>
      <c r="IQ7" s="67">
        <v>10086</v>
      </c>
      <c r="IR7" s="67">
        <v>6768</v>
      </c>
      <c r="IS7" s="68">
        <v>66187</v>
      </c>
      <c r="IT7" s="69">
        <v>98256</v>
      </c>
      <c r="IU7" s="66">
        <v>16472</v>
      </c>
      <c r="IV7" s="67">
        <v>17770</v>
      </c>
      <c r="IW7" s="68">
        <v>34242</v>
      </c>
      <c r="IX7" s="243"/>
      <c r="IY7" s="67">
        <v>24642</v>
      </c>
      <c r="IZ7" s="67">
        <v>21597</v>
      </c>
      <c r="JA7" s="67">
        <v>15292</v>
      </c>
      <c r="JB7" s="67">
        <v>13823</v>
      </c>
      <c r="JC7" s="67">
        <v>8580</v>
      </c>
      <c r="JD7" s="68">
        <v>83934</v>
      </c>
      <c r="JE7" s="69">
        <v>118176</v>
      </c>
      <c r="JF7" s="66">
        <v>8736</v>
      </c>
      <c r="JG7" s="67">
        <v>11271</v>
      </c>
      <c r="JH7" s="68">
        <v>20007</v>
      </c>
      <c r="JI7" s="243"/>
      <c r="JJ7" s="67">
        <v>18917</v>
      </c>
      <c r="JK7" s="67">
        <v>21323</v>
      </c>
      <c r="JL7" s="67">
        <v>18194</v>
      </c>
      <c r="JM7" s="67">
        <v>18695</v>
      </c>
      <c r="JN7" s="67">
        <v>11036</v>
      </c>
      <c r="JO7" s="68">
        <v>88165</v>
      </c>
      <c r="JP7" s="69">
        <v>108172</v>
      </c>
      <c r="JQ7" s="66">
        <v>856</v>
      </c>
      <c r="JR7" s="67">
        <v>1444</v>
      </c>
      <c r="JS7" s="68">
        <v>2300</v>
      </c>
      <c r="JT7" s="243"/>
      <c r="JU7" s="67">
        <v>1519</v>
      </c>
      <c r="JV7" s="67">
        <v>2307</v>
      </c>
      <c r="JW7" s="67">
        <v>1463</v>
      </c>
      <c r="JX7" s="67">
        <v>1324</v>
      </c>
      <c r="JY7" s="67">
        <v>1310</v>
      </c>
      <c r="JZ7" s="68">
        <v>7923</v>
      </c>
      <c r="KA7" s="69">
        <v>10223</v>
      </c>
      <c r="KB7" s="66">
        <v>57648</v>
      </c>
      <c r="KC7" s="67">
        <v>63852</v>
      </c>
      <c r="KD7" s="68">
        <v>121500</v>
      </c>
      <c r="KE7" s="243"/>
      <c r="KF7" s="67">
        <v>85713</v>
      </c>
      <c r="KG7" s="67">
        <v>82245</v>
      </c>
      <c r="KH7" s="67">
        <v>59527</v>
      </c>
      <c r="KI7" s="67">
        <v>55565</v>
      </c>
      <c r="KJ7" s="67">
        <v>36595</v>
      </c>
      <c r="KK7" s="68">
        <v>319645</v>
      </c>
      <c r="KL7" s="69">
        <v>441145</v>
      </c>
    </row>
    <row r="8" spans="1:298" ht="19.5" customHeight="1" x14ac:dyDescent="0.2">
      <c r="A8" s="126" t="s">
        <v>5</v>
      </c>
      <c r="B8" s="316">
        <v>7906</v>
      </c>
      <c r="C8" s="82">
        <v>9176</v>
      </c>
      <c r="D8" s="83">
        <v>17082</v>
      </c>
      <c r="E8" s="241"/>
      <c r="F8" s="82">
        <v>9858</v>
      </c>
      <c r="G8" s="82">
        <v>12763</v>
      </c>
      <c r="H8" s="82">
        <v>8417</v>
      </c>
      <c r="I8" s="82">
        <v>6882</v>
      </c>
      <c r="J8" s="82">
        <v>4309</v>
      </c>
      <c r="K8" s="84">
        <v>42229</v>
      </c>
      <c r="L8" s="85">
        <v>59311</v>
      </c>
      <c r="M8" s="70">
        <v>304</v>
      </c>
      <c r="N8" s="71">
        <v>504</v>
      </c>
      <c r="O8" s="72">
        <v>808</v>
      </c>
      <c r="P8" s="241"/>
      <c r="Q8" s="71">
        <v>413</v>
      </c>
      <c r="R8" s="71">
        <v>749</v>
      </c>
      <c r="S8" s="71">
        <v>384</v>
      </c>
      <c r="T8" s="71">
        <v>376</v>
      </c>
      <c r="U8" s="71">
        <v>312</v>
      </c>
      <c r="V8" s="72">
        <v>2234</v>
      </c>
      <c r="W8" s="73">
        <v>3042</v>
      </c>
      <c r="X8" s="70">
        <v>790</v>
      </c>
      <c r="Y8" s="71">
        <v>1071</v>
      </c>
      <c r="Z8" s="72">
        <v>1861</v>
      </c>
      <c r="AA8" s="241"/>
      <c r="AB8" s="71">
        <v>980</v>
      </c>
      <c r="AC8" s="71">
        <v>1557</v>
      </c>
      <c r="AD8" s="71">
        <v>1080</v>
      </c>
      <c r="AE8" s="71">
        <v>865</v>
      </c>
      <c r="AF8" s="71">
        <v>677</v>
      </c>
      <c r="AG8" s="72">
        <v>5159</v>
      </c>
      <c r="AH8" s="73">
        <v>7020</v>
      </c>
      <c r="AI8" s="70">
        <v>1153</v>
      </c>
      <c r="AJ8" s="71">
        <v>1474</v>
      </c>
      <c r="AK8" s="72">
        <v>2627</v>
      </c>
      <c r="AL8" s="241"/>
      <c r="AM8" s="71">
        <v>1500</v>
      </c>
      <c r="AN8" s="71">
        <v>2064</v>
      </c>
      <c r="AO8" s="71">
        <v>1302</v>
      </c>
      <c r="AP8" s="71">
        <v>1135</v>
      </c>
      <c r="AQ8" s="71">
        <v>738</v>
      </c>
      <c r="AR8" s="72">
        <v>6739</v>
      </c>
      <c r="AS8" s="73">
        <v>9366</v>
      </c>
      <c r="AT8" s="70">
        <v>2036</v>
      </c>
      <c r="AU8" s="71">
        <v>2241</v>
      </c>
      <c r="AV8" s="72">
        <v>4277</v>
      </c>
      <c r="AW8" s="241"/>
      <c r="AX8" s="71">
        <v>2427</v>
      </c>
      <c r="AY8" s="71">
        <v>2802</v>
      </c>
      <c r="AZ8" s="71">
        <v>1881</v>
      </c>
      <c r="BA8" s="71">
        <v>1512</v>
      </c>
      <c r="BB8" s="71">
        <v>1000</v>
      </c>
      <c r="BC8" s="72">
        <v>9622</v>
      </c>
      <c r="BD8" s="73">
        <v>13899</v>
      </c>
      <c r="BE8" s="70">
        <v>2326</v>
      </c>
      <c r="BF8" s="71">
        <v>2355</v>
      </c>
      <c r="BG8" s="72">
        <v>4681</v>
      </c>
      <c r="BH8" s="244"/>
      <c r="BI8" s="71">
        <v>2737</v>
      </c>
      <c r="BJ8" s="71">
        <v>3115</v>
      </c>
      <c r="BK8" s="71">
        <v>2031</v>
      </c>
      <c r="BL8" s="71">
        <v>1616</v>
      </c>
      <c r="BM8" s="71">
        <v>895</v>
      </c>
      <c r="BN8" s="72">
        <v>10394</v>
      </c>
      <c r="BO8" s="73">
        <v>15075</v>
      </c>
      <c r="BP8" s="70">
        <v>1297</v>
      </c>
      <c r="BQ8" s="71">
        <v>1531</v>
      </c>
      <c r="BR8" s="72">
        <v>2828</v>
      </c>
      <c r="BS8" s="244"/>
      <c r="BT8" s="71">
        <v>1801</v>
      </c>
      <c r="BU8" s="71">
        <v>2476</v>
      </c>
      <c r="BV8" s="71">
        <v>1739</v>
      </c>
      <c r="BW8" s="71">
        <v>1378</v>
      </c>
      <c r="BX8" s="71">
        <v>687</v>
      </c>
      <c r="BY8" s="72">
        <v>8081</v>
      </c>
      <c r="BZ8" s="73">
        <v>10909</v>
      </c>
      <c r="CA8" s="70">
        <v>173</v>
      </c>
      <c r="CB8" s="71">
        <v>324</v>
      </c>
      <c r="CC8" s="72">
        <v>497</v>
      </c>
      <c r="CD8" s="244"/>
      <c r="CE8" s="71">
        <v>249</v>
      </c>
      <c r="CF8" s="71">
        <v>583</v>
      </c>
      <c r="CG8" s="71">
        <v>373</v>
      </c>
      <c r="CH8" s="71">
        <v>316</v>
      </c>
      <c r="CI8" s="71">
        <v>327</v>
      </c>
      <c r="CJ8" s="72">
        <v>1848</v>
      </c>
      <c r="CK8" s="73">
        <v>2345</v>
      </c>
      <c r="CL8" s="70">
        <v>8079</v>
      </c>
      <c r="CM8" s="71">
        <v>9500</v>
      </c>
      <c r="CN8" s="72">
        <v>17579</v>
      </c>
      <c r="CO8" s="244"/>
      <c r="CP8" s="71">
        <v>10107</v>
      </c>
      <c r="CQ8" s="71">
        <v>13346</v>
      </c>
      <c r="CR8" s="71">
        <v>8790</v>
      </c>
      <c r="CS8" s="71">
        <v>7198</v>
      </c>
      <c r="CT8" s="71">
        <v>4636</v>
      </c>
      <c r="CU8" s="72">
        <v>44077</v>
      </c>
      <c r="CV8" s="73">
        <v>61656</v>
      </c>
      <c r="CW8" s="123">
        <v>14608</v>
      </c>
      <c r="CX8" s="82">
        <v>19156</v>
      </c>
      <c r="CY8" s="83">
        <v>33764</v>
      </c>
      <c r="CZ8" s="241"/>
      <c r="DA8" s="82">
        <v>18787</v>
      </c>
      <c r="DB8" s="82">
        <v>23374</v>
      </c>
      <c r="DC8" s="82">
        <v>15751</v>
      </c>
      <c r="DD8" s="82">
        <v>15392</v>
      </c>
      <c r="DE8" s="82">
        <v>10419</v>
      </c>
      <c r="DF8" s="84">
        <v>83723</v>
      </c>
      <c r="DG8" s="85">
        <v>117487</v>
      </c>
      <c r="DH8" s="70">
        <v>328</v>
      </c>
      <c r="DI8" s="71">
        <v>449</v>
      </c>
      <c r="DJ8" s="72">
        <v>777</v>
      </c>
      <c r="DK8" s="244"/>
      <c r="DL8" s="71">
        <v>306</v>
      </c>
      <c r="DM8" s="71">
        <v>516</v>
      </c>
      <c r="DN8" s="71">
        <v>298</v>
      </c>
      <c r="DO8" s="71">
        <v>269</v>
      </c>
      <c r="DP8" s="71">
        <v>242</v>
      </c>
      <c r="DQ8" s="72">
        <v>1631</v>
      </c>
      <c r="DR8" s="73">
        <v>2408</v>
      </c>
      <c r="DS8" s="70">
        <v>1040</v>
      </c>
      <c r="DT8" s="71">
        <v>1427</v>
      </c>
      <c r="DU8" s="72">
        <v>2467</v>
      </c>
      <c r="DV8" s="244"/>
      <c r="DW8" s="71">
        <v>1012</v>
      </c>
      <c r="DX8" s="71">
        <v>1390</v>
      </c>
      <c r="DY8" s="71">
        <v>799</v>
      </c>
      <c r="DZ8" s="71">
        <v>733</v>
      </c>
      <c r="EA8" s="71">
        <v>647</v>
      </c>
      <c r="EB8" s="72">
        <v>4581</v>
      </c>
      <c r="EC8" s="73">
        <v>7048</v>
      </c>
      <c r="ED8" s="70">
        <v>2379</v>
      </c>
      <c r="EE8" s="71">
        <v>2721</v>
      </c>
      <c r="EF8" s="72">
        <v>5100</v>
      </c>
      <c r="EG8" s="244"/>
      <c r="EH8" s="71">
        <v>2178</v>
      </c>
      <c r="EI8" s="71">
        <v>2416</v>
      </c>
      <c r="EJ8" s="71">
        <v>1432</v>
      </c>
      <c r="EK8" s="71">
        <v>1281</v>
      </c>
      <c r="EL8" s="71">
        <v>1066</v>
      </c>
      <c r="EM8" s="72">
        <v>8373</v>
      </c>
      <c r="EN8" s="73">
        <v>13473</v>
      </c>
      <c r="EO8" s="70">
        <v>4257</v>
      </c>
      <c r="EP8" s="71">
        <v>5005</v>
      </c>
      <c r="EQ8" s="72">
        <v>9262</v>
      </c>
      <c r="ER8" s="244"/>
      <c r="ES8" s="71">
        <v>4504</v>
      </c>
      <c r="ET8" s="71">
        <v>4875</v>
      </c>
      <c r="EU8" s="71">
        <v>2834</v>
      </c>
      <c r="EV8" s="71">
        <v>2576</v>
      </c>
      <c r="EW8" s="71">
        <v>1757</v>
      </c>
      <c r="EX8" s="72">
        <v>16546</v>
      </c>
      <c r="EY8" s="73">
        <v>25808</v>
      </c>
      <c r="EZ8" s="70">
        <v>4439</v>
      </c>
      <c r="FA8" s="71">
        <v>5864</v>
      </c>
      <c r="FB8" s="72">
        <v>10303</v>
      </c>
      <c r="FC8" s="244"/>
      <c r="FD8" s="71">
        <v>6021</v>
      </c>
      <c r="FE8" s="71">
        <v>6898</v>
      </c>
      <c r="FF8" s="71">
        <v>4399</v>
      </c>
      <c r="FG8" s="71">
        <v>4153</v>
      </c>
      <c r="FH8" s="71">
        <v>2672</v>
      </c>
      <c r="FI8" s="72">
        <v>24143</v>
      </c>
      <c r="FJ8" s="73">
        <v>34446</v>
      </c>
      <c r="FK8" s="70">
        <v>2165</v>
      </c>
      <c r="FL8" s="71">
        <v>3690</v>
      </c>
      <c r="FM8" s="72">
        <v>5855</v>
      </c>
      <c r="FN8" s="244"/>
      <c r="FO8" s="71">
        <v>4766</v>
      </c>
      <c r="FP8" s="71">
        <v>7279</v>
      </c>
      <c r="FQ8" s="71">
        <v>5989</v>
      </c>
      <c r="FR8" s="71">
        <v>6380</v>
      </c>
      <c r="FS8" s="71">
        <v>4035</v>
      </c>
      <c r="FT8" s="72">
        <v>28449</v>
      </c>
      <c r="FU8" s="73">
        <v>34304</v>
      </c>
      <c r="FV8" s="70">
        <v>177</v>
      </c>
      <c r="FW8" s="71">
        <v>293</v>
      </c>
      <c r="FX8" s="72">
        <v>470</v>
      </c>
      <c r="FY8" s="244"/>
      <c r="FZ8" s="71">
        <v>181</v>
      </c>
      <c r="GA8" s="71">
        <v>455</v>
      </c>
      <c r="GB8" s="71">
        <v>276</v>
      </c>
      <c r="GC8" s="71">
        <v>248</v>
      </c>
      <c r="GD8" s="71">
        <v>241</v>
      </c>
      <c r="GE8" s="72">
        <v>1401</v>
      </c>
      <c r="GF8" s="73">
        <v>1871</v>
      </c>
      <c r="GG8" s="70">
        <v>14785</v>
      </c>
      <c r="GH8" s="71">
        <v>19449</v>
      </c>
      <c r="GI8" s="72">
        <v>34234</v>
      </c>
      <c r="GJ8" s="244"/>
      <c r="GK8" s="71">
        <v>18968</v>
      </c>
      <c r="GL8" s="71">
        <v>23829</v>
      </c>
      <c r="GM8" s="71">
        <v>16027</v>
      </c>
      <c r="GN8" s="71">
        <v>15640</v>
      </c>
      <c r="GO8" s="71">
        <v>10660</v>
      </c>
      <c r="GP8" s="72">
        <v>85124</v>
      </c>
      <c r="GQ8" s="73">
        <v>119358</v>
      </c>
      <c r="GR8" s="123">
        <v>22514</v>
      </c>
      <c r="GS8" s="82">
        <v>28332</v>
      </c>
      <c r="GT8" s="83">
        <v>50846</v>
      </c>
      <c r="GU8" s="241"/>
      <c r="GV8" s="82">
        <v>28645</v>
      </c>
      <c r="GW8" s="82">
        <v>36137</v>
      </c>
      <c r="GX8" s="82">
        <v>24168</v>
      </c>
      <c r="GY8" s="82">
        <v>22274</v>
      </c>
      <c r="GZ8" s="82">
        <v>14728</v>
      </c>
      <c r="HA8" s="84">
        <v>125952</v>
      </c>
      <c r="HB8" s="85">
        <v>176798</v>
      </c>
      <c r="HC8" s="70">
        <v>632</v>
      </c>
      <c r="HD8" s="71">
        <v>953</v>
      </c>
      <c r="HE8" s="72">
        <v>1585</v>
      </c>
      <c r="HF8" s="244"/>
      <c r="HG8" s="71">
        <v>719</v>
      </c>
      <c r="HH8" s="71">
        <v>1265</v>
      </c>
      <c r="HI8" s="71">
        <v>682</v>
      </c>
      <c r="HJ8" s="71">
        <v>645</v>
      </c>
      <c r="HK8" s="71">
        <v>554</v>
      </c>
      <c r="HL8" s="72">
        <v>3865</v>
      </c>
      <c r="HM8" s="73">
        <v>5450</v>
      </c>
      <c r="HN8" s="70">
        <v>1830</v>
      </c>
      <c r="HO8" s="71">
        <v>2498</v>
      </c>
      <c r="HP8" s="72">
        <v>4328</v>
      </c>
      <c r="HQ8" s="244"/>
      <c r="HR8" s="71">
        <v>1992</v>
      </c>
      <c r="HS8" s="71">
        <v>2947</v>
      </c>
      <c r="HT8" s="71">
        <v>1879</v>
      </c>
      <c r="HU8" s="71">
        <v>1598</v>
      </c>
      <c r="HV8" s="71">
        <v>1324</v>
      </c>
      <c r="HW8" s="72">
        <v>9740</v>
      </c>
      <c r="HX8" s="73">
        <v>14068</v>
      </c>
      <c r="HY8" s="70">
        <v>3532</v>
      </c>
      <c r="HZ8" s="71">
        <v>4195</v>
      </c>
      <c r="IA8" s="72">
        <v>7727</v>
      </c>
      <c r="IB8" s="244"/>
      <c r="IC8" s="71">
        <v>3678</v>
      </c>
      <c r="ID8" s="71">
        <v>4480</v>
      </c>
      <c r="IE8" s="71">
        <v>2734</v>
      </c>
      <c r="IF8" s="71">
        <v>2416</v>
      </c>
      <c r="IG8" s="71">
        <v>1804</v>
      </c>
      <c r="IH8" s="72">
        <v>15112</v>
      </c>
      <c r="II8" s="73">
        <v>22839</v>
      </c>
      <c r="IJ8" s="70">
        <v>6293</v>
      </c>
      <c r="IK8" s="71">
        <v>7246</v>
      </c>
      <c r="IL8" s="72">
        <v>13539</v>
      </c>
      <c r="IM8" s="244"/>
      <c r="IN8" s="71">
        <v>6931</v>
      </c>
      <c r="IO8" s="71">
        <v>7677</v>
      </c>
      <c r="IP8" s="71">
        <v>4715</v>
      </c>
      <c r="IQ8" s="71">
        <v>4088</v>
      </c>
      <c r="IR8" s="71">
        <v>2757</v>
      </c>
      <c r="IS8" s="72">
        <v>26168</v>
      </c>
      <c r="IT8" s="73">
        <v>39707</v>
      </c>
      <c r="IU8" s="70">
        <v>6765</v>
      </c>
      <c r="IV8" s="71">
        <v>8219</v>
      </c>
      <c r="IW8" s="72">
        <v>14984</v>
      </c>
      <c r="IX8" s="244"/>
      <c r="IY8" s="71">
        <v>8758</v>
      </c>
      <c r="IZ8" s="71">
        <v>10013</v>
      </c>
      <c r="JA8" s="71">
        <v>6430</v>
      </c>
      <c r="JB8" s="71">
        <v>5769</v>
      </c>
      <c r="JC8" s="71">
        <v>3567</v>
      </c>
      <c r="JD8" s="72">
        <v>34537</v>
      </c>
      <c r="JE8" s="73">
        <v>49521</v>
      </c>
      <c r="JF8" s="70">
        <v>3462</v>
      </c>
      <c r="JG8" s="71">
        <v>5221</v>
      </c>
      <c r="JH8" s="72">
        <v>8683</v>
      </c>
      <c r="JI8" s="244"/>
      <c r="JJ8" s="71">
        <v>6567</v>
      </c>
      <c r="JK8" s="71">
        <v>9755</v>
      </c>
      <c r="JL8" s="71">
        <v>7728</v>
      </c>
      <c r="JM8" s="71">
        <v>7758</v>
      </c>
      <c r="JN8" s="71">
        <v>4722</v>
      </c>
      <c r="JO8" s="72">
        <v>36530</v>
      </c>
      <c r="JP8" s="73">
        <v>45213</v>
      </c>
      <c r="JQ8" s="70">
        <v>350</v>
      </c>
      <c r="JR8" s="71">
        <v>617</v>
      </c>
      <c r="JS8" s="72">
        <v>967</v>
      </c>
      <c r="JT8" s="244"/>
      <c r="JU8" s="71">
        <v>430</v>
      </c>
      <c r="JV8" s="71">
        <v>1038</v>
      </c>
      <c r="JW8" s="71">
        <v>649</v>
      </c>
      <c r="JX8" s="71">
        <v>564</v>
      </c>
      <c r="JY8" s="71">
        <v>568</v>
      </c>
      <c r="JZ8" s="72">
        <v>3249</v>
      </c>
      <c r="KA8" s="73">
        <v>4216</v>
      </c>
      <c r="KB8" s="70">
        <v>22864</v>
      </c>
      <c r="KC8" s="71">
        <v>28949</v>
      </c>
      <c r="KD8" s="72">
        <v>51813</v>
      </c>
      <c r="KE8" s="244"/>
      <c r="KF8" s="71">
        <v>29075</v>
      </c>
      <c r="KG8" s="71">
        <v>37175</v>
      </c>
      <c r="KH8" s="71">
        <v>24817</v>
      </c>
      <c r="KI8" s="71">
        <v>22838</v>
      </c>
      <c r="KJ8" s="71">
        <v>15296</v>
      </c>
      <c r="KK8" s="72">
        <v>129201</v>
      </c>
      <c r="KL8" s="73">
        <v>181014</v>
      </c>
    </row>
    <row r="9" spans="1:298" ht="19.5" customHeight="1" x14ac:dyDescent="0.2">
      <c r="A9" s="126" t="s">
        <v>6</v>
      </c>
      <c r="B9" s="316">
        <v>2680</v>
      </c>
      <c r="C9" s="82">
        <v>2299</v>
      </c>
      <c r="D9" s="83">
        <v>4979</v>
      </c>
      <c r="E9" s="241"/>
      <c r="F9" s="82">
        <v>4863</v>
      </c>
      <c r="G9" s="82">
        <v>3666</v>
      </c>
      <c r="H9" s="82">
        <v>2822</v>
      </c>
      <c r="I9" s="82">
        <v>2472</v>
      </c>
      <c r="J9" s="82">
        <v>1665</v>
      </c>
      <c r="K9" s="84">
        <v>15488</v>
      </c>
      <c r="L9" s="85">
        <v>20467</v>
      </c>
      <c r="M9" s="70">
        <v>129</v>
      </c>
      <c r="N9" s="71">
        <v>137</v>
      </c>
      <c r="O9" s="72">
        <v>266</v>
      </c>
      <c r="P9" s="241"/>
      <c r="Q9" s="71">
        <v>284</v>
      </c>
      <c r="R9" s="71">
        <v>238</v>
      </c>
      <c r="S9" s="71">
        <v>152</v>
      </c>
      <c r="T9" s="71">
        <v>156</v>
      </c>
      <c r="U9" s="71">
        <v>133</v>
      </c>
      <c r="V9" s="72">
        <v>963</v>
      </c>
      <c r="W9" s="73">
        <v>1229</v>
      </c>
      <c r="X9" s="70">
        <v>325</v>
      </c>
      <c r="Y9" s="71">
        <v>303</v>
      </c>
      <c r="Z9" s="72">
        <v>628</v>
      </c>
      <c r="AA9" s="241"/>
      <c r="AB9" s="71">
        <v>571</v>
      </c>
      <c r="AC9" s="71">
        <v>516</v>
      </c>
      <c r="AD9" s="71">
        <v>385</v>
      </c>
      <c r="AE9" s="71">
        <v>343</v>
      </c>
      <c r="AF9" s="71">
        <v>257</v>
      </c>
      <c r="AG9" s="72">
        <v>2072</v>
      </c>
      <c r="AH9" s="73">
        <v>2700</v>
      </c>
      <c r="AI9" s="70">
        <v>403</v>
      </c>
      <c r="AJ9" s="71">
        <v>411</v>
      </c>
      <c r="AK9" s="72">
        <v>814</v>
      </c>
      <c r="AL9" s="241"/>
      <c r="AM9" s="71">
        <v>781</v>
      </c>
      <c r="AN9" s="71">
        <v>613</v>
      </c>
      <c r="AO9" s="71">
        <v>469</v>
      </c>
      <c r="AP9" s="71">
        <v>416</v>
      </c>
      <c r="AQ9" s="71">
        <v>290</v>
      </c>
      <c r="AR9" s="72">
        <v>2569</v>
      </c>
      <c r="AS9" s="73">
        <v>3383</v>
      </c>
      <c r="AT9" s="70">
        <v>665</v>
      </c>
      <c r="AU9" s="71">
        <v>483</v>
      </c>
      <c r="AV9" s="72">
        <v>1148</v>
      </c>
      <c r="AW9" s="241"/>
      <c r="AX9" s="71">
        <v>1182</v>
      </c>
      <c r="AY9" s="71">
        <v>852</v>
      </c>
      <c r="AZ9" s="71">
        <v>685</v>
      </c>
      <c r="BA9" s="71">
        <v>548</v>
      </c>
      <c r="BB9" s="71">
        <v>337</v>
      </c>
      <c r="BC9" s="72">
        <v>3604</v>
      </c>
      <c r="BD9" s="73">
        <v>4752</v>
      </c>
      <c r="BE9" s="70">
        <v>711</v>
      </c>
      <c r="BF9" s="71">
        <v>623</v>
      </c>
      <c r="BG9" s="72">
        <v>1334</v>
      </c>
      <c r="BH9" s="244"/>
      <c r="BI9" s="71">
        <v>1222</v>
      </c>
      <c r="BJ9" s="71">
        <v>830</v>
      </c>
      <c r="BK9" s="71">
        <v>648</v>
      </c>
      <c r="BL9" s="71">
        <v>575</v>
      </c>
      <c r="BM9" s="71">
        <v>388</v>
      </c>
      <c r="BN9" s="72">
        <v>3663</v>
      </c>
      <c r="BO9" s="73">
        <v>4997</v>
      </c>
      <c r="BP9" s="70">
        <v>447</v>
      </c>
      <c r="BQ9" s="71">
        <v>342</v>
      </c>
      <c r="BR9" s="72">
        <v>789</v>
      </c>
      <c r="BS9" s="244"/>
      <c r="BT9" s="71">
        <v>823</v>
      </c>
      <c r="BU9" s="71">
        <v>617</v>
      </c>
      <c r="BV9" s="71">
        <v>483</v>
      </c>
      <c r="BW9" s="71">
        <v>434</v>
      </c>
      <c r="BX9" s="71">
        <v>260</v>
      </c>
      <c r="BY9" s="72">
        <v>2617</v>
      </c>
      <c r="BZ9" s="73">
        <v>3406</v>
      </c>
      <c r="CA9" s="70">
        <v>81</v>
      </c>
      <c r="CB9" s="71">
        <v>99</v>
      </c>
      <c r="CC9" s="72">
        <v>180</v>
      </c>
      <c r="CD9" s="244"/>
      <c r="CE9" s="71">
        <v>179</v>
      </c>
      <c r="CF9" s="71">
        <v>182</v>
      </c>
      <c r="CG9" s="71">
        <v>121</v>
      </c>
      <c r="CH9" s="71">
        <v>135</v>
      </c>
      <c r="CI9" s="71">
        <v>121</v>
      </c>
      <c r="CJ9" s="72">
        <v>738</v>
      </c>
      <c r="CK9" s="73">
        <v>918</v>
      </c>
      <c r="CL9" s="70">
        <v>2761</v>
      </c>
      <c r="CM9" s="71">
        <v>2398</v>
      </c>
      <c r="CN9" s="72">
        <v>5159</v>
      </c>
      <c r="CO9" s="244"/>
      <c r="CP9" s="71">
        <v>5042</v>
      </c>
      <c r="CQ9" s="71">
        <v>3848</v>
      </c>
      <c r="CR9" s="71">
        <v>2943</v>
      </c>
      <c r="CS9" s="71">
        <v>2607</v>
      </c>
      <c r="CT9" s="71">
        <v>1786</v>
      </c>
      <c r="CU9" s="72">
        <v>16226</v>
      </c>
      <c r="CV9" s="73">
        <v>21385</v>
      </c>
      <c r="CW9" s="123">
        <v>5139</v>
      </c>
      <c r="CX9" s="82">
        <v>5223</v>
      </c>
      <c r="CY9" s="83">
        <v>10362</v>
      </c>
      <c r="CZ9" s="241"/>
      <c r="DA9" s="82">
        <v>8759</v>
      </c>
      <c r="DB9" s="82">
        <v>6448</v>
      </c>
      <c r="DC9" s="82">
        <v>5194</v>
      </c>
      <c r="DD9" s="82">
        <v>5490</v>
      </c>
      <c r="DE9" s="82">
        <v>3557</v>
      </c>
      <c r="DF9" s="84">
        <v>29448</v>
      </c>
      <c r="DG9" s="85">
        <v>39810</v>
      </c>
      <c r="DH9" s="70">
        <v>131</v>
      </c>
      <c r="DI9" s="71">
        <v>108</v>
      </c>
      <c r="DJ9" s="72">
        <v>239</v>
      </c>
      <c r="DK9" s="244"/>
      <c r="DL9" s="71">
        <v>195</v>
      </c>
      <c r="DM9" s="71">
        <v>147</v>
      </c>
      <c r="DN9" s="71">
        <v>110</v>
      </c>
      <c r="DO9" s="71">
        <v>112</v>
      </c>
      <c r="DP9" s="71">
        <v>81</v>
      </c>
      <c r="DQ9" s="72">
        <v>645</v>
      </c>
      <c r="DR9" s="73">
        <v>884</v>
      </c>
      <c r="DS9" s="70">
        <v>369</v>
      </c>
      <c r="DT9" s="71">
        <v>381</v>
      </c>
      <c r="DU9" s="72">
        <v>750</v>
      </c>
      <c r="DV9" s="244"/>
      <c r="DW9" s="71">
        <v>541</v>
      </c>
      <c r="DX9" s="71">
        <v>381</v>
      </c>
      <c r="DY9" s="71">
        <v>258</v>
      </c>
      <c r="DZ9" s="71">
        <v>285</v>
      </c>
      <c r="EA9" s="71">
        <v>218</v>
      </c>
      <c r="EB9" s="72">
        <v>1683</v>
      </c>
      <c r="EC9" s="73">
        <v>2433</v>
      </c>
      <c r="ED9" s="70">
        <v>817</v>
      </c>
      <c r="EE9" s="71">
        <v>787</v>
      </c>
      <c r="EF9" s="72">
        <v>1604</v>
      </c>
      <c r="EG9" s="244"/>
      <c r="EH9" s="71">
        <v>1095</v>
      </c>
      <c r="EI9" s="71">
        <v>690</v>
      </c>
      <c r="EJ9" s="71">
        <v>494</v>
      </c>
      <c r="EK9" s="71">
        <v>505</v>
      </c>
      <c r="EL9" s="71">
        <v>330</v>
      </c>
      <c r="EM9" s="72">
        <v>3114</v>
      </c>
      <c r="EN9" s="73">
        <v>4718</v>
      </c>
      <c r="EO9" s="70">
        <v>1531</v>
      </c>
      <c r="EP9" s="71">
        <v>1395</v>
      </c>
      <c r="EQ9" s="72">
        <v>2926</v>
      </c>
      <c r="ER9" s="244"/>
      <c r="ES9" s="71">
        <v>2171</v>
      </c>
      <c r="ET9" s="71">
        <v>1356</v>
      </c>
      <c r="EU9" s="71">
        <v>949</v>
      </c>
      <c r="EV9" s="71">
        <v>897</v>
      </c>
      <c r="EW9" s="71">
        <v>610</v>
      </c>
      <c r="EX9" s="72">
        <v>5983</v>
      </c>
      <c r="EY9" s="73">
        <v>8909</v>
      </c>
      <c r="EZ9" s="70">
        <v>1518</v>
      </c>
      <c r="FA9" s="71">
        <v>1589</v>
      </c>
      <c r="FB9" s="72">
        <v>3107</v>
      </c>
      <c r="FC9" s="244"/>
      <c r="FD9" s="71">
        <v>2645</v>
      </c>
      <c r="FE9" s="71">
        <v>1850</v>
      </c>
      <c r="FF9" s="71">
        <v>1441</v>
      </c>
      <c r="FG9" s="71">
        <v>1469</v>
      </c>
      <c r="FH9" s="71">
        <v>972</v>
      </c>
      <c r="FI9" s="72">
        <v>8377</v>
      </c>
      <c r="FJ9" s="73">
        <v>11484</v>
      </c>
      <c r="FK9" s="70">
        <v>773</v>
      </c>
      <c r="FL9" s="71">
        <v>963</v>
      </c>
      <c r="FM9" s="72">
        <v>1736</v>
      </c>
      <c r="FN9" s="244"/>
      <c r="FO9" s="71">
        <v>2112</v>
      </c>
      <c r="FP9" s="71">
        <v>2024</v>
      </c>
      <c r="FQ9" s="71">
        <v>1942</v>
      </c>
      <c r="FR9" s="71">
        <v>2222</v>
      </c>
      <c r="FS9" s="71">
        <v>1346</v>
      </c>
      <c r="FT9" s="72">
        <v>9646</v>
      </c>
      <c r="FU9" s="73">
        <v>11382</v>
      </c>
      <c r="FV9" s="70">
        <v>55</v>
      </c>
      <c r="FW9" s="71">
        <v>89</v>
      </c>
      <c r="FX9" s="72">
        <v>144</v>
      </c>
      <c r="FY9" s="244"/>
      <c r="FZ9" s="71">
        <v>132</v>
      </c>
      <c r="GA9" s="71">
        <v>124</v>
      </c>
      <c r="GB9" s="71">
        <v>104</v>
      </c>
      <c r="GC9" s="71">
        <v>102</v>
      </c>
      <c r="GD9" s="71">
        <v>87</v>
      </c>
      <c r="GE9" s="72">
        <v>549</v>
      </c>
      <c r="GF9" s="73">
        <v>693</v>
      </c>
      <c r="GG9" s="70">
        <v>5194</v>
      </c>
      <c r="GH9" s="71">
        <v>5312</v>
      </c>
      <c r="GI9" s="72">
        <v>10506</v>
      </c>
      <c r="GJ9" s="244"/>
      <c r="GK9" s="71">
        <v>8891</v>
      </c>
      <c r="GL9" s="71">
        <v>6572</v>
      </c>
      <c r="GM9" s="71">
        <v>5298</v>
      </c>
      <c r="GN9" s="71">
        <v>5592</v>
      </c>
      <c r="GO9" s="71">
        <v>3644</v>
      </c>
      <c r="GP9" s="72">
        <v>29997</v>
      </c>
      <c r="GQ9" s="73">
        <v>40503</v>
      </c>
      <c r="GR9" s="123">
        <v>7819</v>
      </c>
      <c r="GS9" s="82">
        <v>7522</v>
      </c>
      <c r="GT9" s="83">
        <v>15341</v>
      </c>
      <c r="GU9" s="241"/>
      <c r="GV9" s="82">
        <v>13622</v>
      </c>
      <c r="GW9" s="82">
        <v>10114</v>
      </c>
      <c r="GX9" s="82">
        <v>8016</v>
      </c>
      <c r="GY9" s="82">
        <v>7962</v>
      </c>
      <c r="GZ9" s="82">
        <v>5222</v>
      </c>
      <c r="HA9" s="84">
        <v>44936</v>
      </c>
      <c r="HB9" s="85">
        <v>60277</v>
      </c>
      <c r="HC9" s="70">
        <v>260</v>
      </c>
      <c r="HD9" s="71">
        <v>245</v>
      </c>
      <c r="HE9" s="72">
        <v>505</v>
      </c>
      <c r="HF9" s="244"/>
      <c r="HG9" s="71">
        <v>479</v>
      </c>
      <c r="HH9" s="71">
        <v>385</v>
      </c>
      <c r="HI9" s="71">
        <v>262</v>
      </c>
      <c r="HJ9" s="71">
        <v>268</v>
      </c>
      <c r="HK9" s="71">
        <v>214</v>
      </c>
      <c r="HL9" s="72">
        <v>1608</v>
      </c>
      <c r="HM9" s="73">
        <v>2113</v>
      </c>
      <c r="HN9" s="70">
        <v>694</v>
      </c>
      <c r="HO9" s="71">
        <v>684</v>
      </c>
      <c r="HP9" s="72">
        <v>1378</v>
      </c>
      <c r="HQ9" s="244"/>
      <c r="HR9" s="71">
        <v>1112</v>
      </c>
      <c r="HS9" s="71">
        <v>897</v>
      </c>
      <c r="HT9" s="71">
        <v>643</v>
      </c>
      <c r="HU9" s="71">
        <v>628</v>
      </c>
      <c r="HV9" s="71">
        <v>475</v>
      </c>
      <c r="HW9" s="72">
        <v>3755</v>
      </c>
      <c r="HX9" s="73">
        <v>5133</v>
      </c>
      <c r="HY9" s="70">
        <v>1220</v>
      </c>
      <c r="HZ9" s="71">
        <v>1198</v>
      </c>
      <c r="IA9" s="72">
        <v>2418</v>
      </c>
      <c r="IB9" s="244"/>
      <c r="IC9" s="71">
        <v>1876</v>
      </c>
      <c r="ID9" s="71">
        <v>1303</v>
      </c>
      <c r="IE9" s="71">
        <v>963</v>
      </c>
      <c r="IF9" s="71">
        <v>921</v>
      </c>
      <c r="IG9" s="71">
        <v>620</v>
      </c>
      <c r="IH9" s="72">
        <v>5683</v>
      </c>
      <c r="II9" s="73">
        <v>8101</v>
      </c>
      <c r="IJ9" s="70">
        <v>2196</v>
      </c>
      <c r="IK9" s="71">
        <v>1878</v>
      </c>
      <c r="IL9" s="72">
        <v>4074</v>
      </c>
      <c r="IM9" s="244"/>
      <c r="IN9" s="71">
        <v>3353</v>
      </c>
      <c r="IO9" s="71">
        <v>2208</v>
      </c>
      <c r="IP9" s="71">
        <v>1634</v>
      </c>
      <c r="IQ9" s="71">
        <v>1445</v>
      </c>
      <c r="IR9" s="71">
        <v>947</v>
      </c>
      <c r="IS9" s="72">
        <v>9587</v>
      </c>
      <c r="IT9" s="73">
        <v>13661</v>
      </c>
      <c r="IU9" s="70">
        <v>2229</v>
      </c>
      <c r="IV9" s="71">
        <v>2212</v>
      </c>
      <c r="IW9" s="72">
        <v>4441</v>
      </c>
      <c r="IX9" s="244"/>
      <c r="IY9" s="71">
        <v>3867</v>
      </c>
      <c r="IZ9" s="71">
        <v>2680</v>
      </c>
      <c r="JA9" s="71">
        <v>2089</v>
      </c>
      <c r="JB9" s="71">
        <v>2044</v>
      </c>
      <c r="JC9" s="71">
        <v>1360</v>
      </c>
      <c r="JD9" s="72">
        <v>12040</v>
      </c>
      <c r="JE9" s="73">
        <v>16481</v>
      </c>
      <c r="JF9" s="70">
        <v>1220</v>
      </c>
      <c r="JG9" s="71">
        <v>1305</v>
      </c>
      <c r="JH9" s="72">
        <v>2525</v>
      </c>
      <c r="JI9" s="244"/>
      <c r="JJ9" s="71">
        <v>2935</v>
      </c>
      <c r="JK9" s="71">
        <v>2641</v>
      </c>
      <c r="JL9" s="71">
        <v>2425</v>
      </c>
      <c r="JM9" s="71">
        <v>2656</v>
      </c>
      <c r="JN9" s="71">
        <v>1606</v>
      </c>
      <c r="JO9" s="72">
        <v>12263</v>
      </c>
      <c r="JP9" s="73">
        <v>14788</v>
      </c>
      <c r="JQ9" s="70">
        <v>136</v>
      </c>
      <c r="JR9" s="71">
        <v>188</v>
      </c>
      <c r="JS9" s="72">
        <v>324</v>
      </c>
      <c r="JT9" s="244"/>
      <c r="JU9" s="71">
        <v>311</v>
      </c>
      <c r="JV9" s="71">
        <v>306</v>
      </c>
      <c r="JW9" s="71">
        <v>225</v>
      </c>
      <c r="JX9" s="71">
        <v>237</v>
      </c>
      <c r="JY9" s="71">
        <v>208</v>
      </c>
      <c r="JZ9" s="72">
        <v>1287</v>
      </c>
      <c r="KA9" s="73">
        <v>1611</v>
      </c>
      <c r="KB9" s="70">
        <v>7955</v>
      </c>
      <c r="KC9" s="71">
        <v>7710</v>
      </c>
      <c r="KD9" s="72">
        <v>15665</v>
      </c>
      <c r="KE9" s="244"/>
      <c r="KF9" s="71">
        <v>13933</v>
      </c>
      <c r="KG9" s="71">
        <v>10420</v>
      </c>
      <c r="KH9" s="71">
        <v>8241</v>
      </c>
      <c r="KI9" s="71">
        <v>8199</v>
      </c>
      <c r="KJ9" s="71">
        <v>5430</v>
      </c>
      <c r="KK9" s="72">
        <v>46223</v>
      </c>
      <c r="KL9" s="73">
        <v>61888</v>
      </c>
    </row>
    <row r="10" spans="1:298" ht="19.5" customHeight="1" x14ac:dyDescent="0.2">
      <c r="A10" s="126" t="s">
        <v>14</v>
      </c>
      <c r="B10" s="316">
        <v>1498</v>
      </c>
      <c r="C10" s="82">
        <v>1839</v>
      </c>
      <c r="D10" s="83">
        <v>3337</v>
      </c>
      <c r="E10" s="241"/>
      <c r="F10" s="82">
        <v>2214</v>
      </c>
      <c r="G10" s="82">
        <v>2327</v>
      </c>
      <c r="H10" s="82">
        <v>1827</v>
      </c>
      <c r="I10" s="82">
        <v>1418</v>
      </c>
      <c r="J10" s="82">
        <v>921</v>
      </c>
      <c r="K10" s="84">
        <v>8707</v>
      </c>
      <c r="L10" s="85">
        <v>12044</v>
      </c>
      <c r="M10" s="70">
        <v>82</v>
      </c>
      <c r="N10" s="71">
        <v>93</v>
      </c>
      <c r="O10" s="72">
        <v>175</v>
      </c>
      <c r="P10" s="241"/>
      <c r="Q10" s="71">
        <v>104</v>
      </c>
      <c r="R10" s="71">
        <v>123</v>
      </c>
      <c r="S10" s="71">
        <v>103</v>
      </c>
      <c r="T10" s="71">
        <v>86</v>
      </c>
      <c r="U10" s="71">
        <v>75</v>
      </c>
      <c r="V10" s="72">
        <v>491</v>
      </c>
      <c r="W10" s="73">
        <v>666</v>
      </c>
      <c r="X10" s="70">
        <v>167</v>
      </c>
      <c r="Y10" s="71">
        <v>259</v>
      </c>
      <c r="Z10" s="72">
        <v>426</v>
      </c>
      <c r="AA10" s="241"/>
      <c r="AB10" s="71">
        <v>218</v>
      </c>
      <c r="AC10" s="71">
        <v>269</v>
      </c>
      <c r="AD10" s="71">
        <v>238</v>
      </c>
      <c r="AE10" s="71">
        <v>182</v>
      </c>
      <c r="AF10" s="71">
        <v>122</v>
      </c>
      <c r="AG10" s="72">
        <v>1029</v>
      </c>
      <c r="AH10" s="73">
        <v>1455</v>
      </c>
      <c r="AI10" s="70">
        <v>256</v>
      </c>
      <c r="AJ10" s="71">
        <v>337</v>
      </c>
      <c r="AK10" s="72">
        <v>593</v>
      </c>
      <c r="AL10" s="241"/>
      <c r="AM10" s="71">
        <v>378</v>
      </c>
      <c r="AN10" s="71">
        <v>378</v>
      </c>
      <c r="AO10" s="71">
        <v>304</v>
      </c>
      <c r="AP10" s="71">
        <v>235</v>
      </c>
      <c r="AQ10" s="71">
        <v>188</v>
      </c>
      <c r="AR10" s="72">
        <v>1483</v>
      </c>
      <c r="AS10" s="73">
        <v>2076</v>
      </c>
      <c r="AT10" s="70">
        <v>412</v>
      </c>
      <c r="AU10" s="71">
        <v>497</v>
      </c>
      <c r="AV10" s="72">
        <v>909</v>
      </c>
      <c r="AW10" s="241"/>
      <c r="AX10" s="71">
        <v>613</v>
      </c>
      <c r="AY10" s="71">
        <v>569</v>
      </c>
      <c r="AZ10" s="71">
        <v>478</v>
      </c>
      <c r="BA10" s="71">
        <v>360</v>
      </c>
      <c r="BB10" s="71">
        <v>227</v>
      </c>
      <c r="BC10" s="72">
        <v>2247</v>
      </c>
      <c r="BD10" s="73">
        <v>3156</v>
      </c>
      <c r="BE10" s="70">
        <v>377</v>
      </c>
      <c r="BF10" s="71">
        <v>401</v>
      </c>
      <c r="BG10" s="72">
        <v>778</v>
      </c>
      <c r="BH10" s="244"/>
      <c r="BI10" s="71">
        <v>548</v>
      </c>
      <c r="BJ10" s="71">
        <v>635</v>
      </c>
      <c r="BK10" s="71">
        <v>425</v>
      </c>
      <c r="BL10" s="71">
        <v>322</v>
      </c>
      <c r="BM10" s="71">
        <v>179</v>
      </c>
      <c r="BN10" s="72">
        <v>2109</v>
      </c>
      <c r="BO10" s="73">
        <v>2887</v>
      </c>
      <c r="BP10" s="70">
        <v>204</v>
      </c>
      <c r="BQ10" s="71">
        <v>252</v>
      </c>
      <c r="BR10" s="72">
        <v>456</v>
      </c>
      <c r="BS10" s="244"/>
      <c r="BT10" s="71">
        <v>353</v>
      </c>
      <c r="BU10" s="71">
        <v>353</v>
      </c>
      <c r="BV10" s="71">
        <v>279</v>
      </c>
      <c r="BW10" s="71">
        <v>233</v>
      </c>
      <c r="BX10" s="71">
        <v>130</v>
      </c>
      <c r="BY10" s="72">
        <v>1348</v>
      </c>
      <c r="BZ10" s="73">
        <v>1804</v>
      </c>
      <c r="CA10" s="70">
        <v>41</v>
      </c>
      <c r="CB10" s="71">
        <v>78</v>
      </c>
      <c r="CC10" s="72">
        <v>119</v>
      </c>
      <c r="CD10" s="244"/>
      <c r="CE10" s="71">
        <v>45</v>
      </c>
      <c r="CF10" s="71">
        <v>101</v>
      </c>
      <c r="CG10" s="71">
        <v>59</v>
      </c>
      <c r="CH10" s="71">
        <v>61</v>
      </c>
      <c r="CI10" s="71">
        <v>52</v>
      </c>
      <c r="CJ10" s="72">
        <v>318</v>
      </c>
      <c r="CK10" s="73">
        <v>437</v>
      </c>
      <c r="CL10" s="70">
        <v>1539</v>
      </c>
      <c r="CM10" s="71">
        <v>1917</v>
      </c>
      <c r="CN10" s="72">
        <v>3456</v>
      </c>
      <c r="CO10" s="244"/>
      <c r="CP10" s="71">
        <v>2259</v>
      </c>
      <c r="CQ10" s="71">
        <v>2428</v>
      </c>
      <c r="CR10" s="71">
        <v>1886</v>
      </c>
      <c r="CS10" s="71">
        <v>1479</v>
      </c>
      <c r="CT10" s="71">
        <v>973</v>
      </c>
      <c r="CU10" s="72">
        <v>9025</v>
      </c>
      <c r="CV10" s="73">
        <v>12481</v>
      </c>
      <c r="CW10" s="123">
        <v>2831</v>
      </c>
      <c r="CX10" s="82">
        <v>3962</v>
      </c>
      <c r="CY10" s="83">
        <v>6793</v>
      </c>
      <c r="CZ10" s="241"/>
      <c r="DA10" s="82">
        <v>3680</v>
      </c>
      <c r="DB10" s="82">
        <v>3812</v>
      </c>
      <c r="DC10" s="82">
        <v>2960</v>
      </c>
      <c r="DD10" s="82">
        <v>3030</v>
      </c>
      <c r="DE10" s="82">
        <v>1851</v>
      </c>
      <c r="DF10" s="84">
        <v>15333</v>
      </c>
      <c r="DG10" s="85">
        <v>22126</v>
      </c>
      <c r="DH10" s="70">
        <v>72</v>
      </c>
      <c r="DI10" s="71">
        <v>103</v>
      </c>
      <c r="DJ10" s="72">
        <v>175</v>
      </c>
      <c r="DK10" s="244"/>
      <c r="DL10" s="71">
        <v>66</v>
      </c>
      <c r="DM10" s="71">
        <v>90</v>
      </c>
      <c r="DN10" s="71">
        <v>69</v>
      </c>
      <c r="DO10" s="71">
        <v>68</v>
      </c>
      <c r="DP10" s="71">
        <v>43</v>
      </c>
      <c r="DQ10" s="72">
        <v>336</v>
      </c>
      <c r="DR10" s="73">
        <v>511</v>
      </c>
      <c r="DS10" s="70">
        <v>288</v>
      </c>
      <c r="DT10" s="71">
        <v>357</v>
      </c>
      <c r="DU10" s="72">
        <v>645</v>
      </c>
      <c r="DV10" s="244"/>
      <c r="DW10" s="71">
        <v>231</v>
      </c>
      <c r="DX10" s="71">
        <v>306</v>
      </c>
      <c r="DY10" s="71">
        <v>169</v>
      </c>
      <c r="DZ10" s="71">
        <v>157</v>
      </c>
      <c r="EA10" s="71">
        <v>146</v>
      </c>
      <c r="EB10" s="72">
        <v>1009</v>
      </c>
      <c r="EC10" s="73">
        <v>1654</v>
      </c>
      <c r="ED10" s="70">
        <v>520</v>
      </c>
      <c r="EE10" s="71">
        <v>659</v>
      </c>
      <c r="EF10" s="72">
        <v>1179</v>
      </c>
      <c r="EG10" s="244"/>
      <c r="EH10" s="71">
        <v>552</v>
      </c>
      <c r="EI10" s="71">
        <v>518</v>
      </c>
      <c r="EJ10" s="71">
        <v>330</v>
      </c>
      <c r="EK10" s="71">
        <v>337</v>
      </c>
      <c r="EL10" s="71">
        <v>241</v>
      </c>
      <c r="EM10" s="72">
        <v>1978</v>
      </c>
      <c r="EN10" s="73">
        <v>3157</v>
      </c>
      <c r="EO10" s="70">
        <v>857</v>
      </c>
      <c r="EP10" s="71">
        <v>1156</v>
      </c>
      <c r="EQ10" s="72">
        <v>2013</v>
      </c>
      <c r="ER10" s="244"/>
      <c r="ES10" s="71">
        <v>951</v>
      </c>
      <c r="ET10" s="71">
        <v>868</v>
      </c>
      <c r="EU10" s="71">
        <v>600</v>
      </c>
      <c r="EV10" s="71">
        <v>528</v>
      </c>
      <c r="EW10" s="71">
        <v>365</v>
      </c>
      <c r="EX10" s="72">
        <v>3312</v>
      </c>
      <c r="EY10" s="73">
        <v>5325</v>
      </c>
      <c r="EZ10" s="70">
        <v>734</v>
      </c>
      <c r="FA10" s="71">
        <v>1072</v>
      </c>
      <c r="FB10" s="72">
        <v>1806</v>
      </c>
      <c r="FC10" s="244"/>
      <c r="FD10" s="71">
        <v>1079</v>
      </c>
      <c r="FE10" s="71">
        <v>982</v>
      </c>
      <c r="FF10" s="71">
        <v>757</v>
      </c>
      <c r="FG10" s="71">
        <v>791</v>
      </c>
      <c r="FH10" s="71">
        <v>454</v>
      </c>
      <c r="FI10" s="72">
        <v>4063</v>
      </c>
      <c r="FJ10" s="73">
        <v>5869</v>
      </c>
      <c r="FK10" s="70">
        <v>360</v>
      </c>
      <c r="FL10" s="71">
        <v>615</v>
      </c>
      <c r="FM10" s="72">
        <v>975</v>
      </c>
      <c r="FN10" s="244"/>
      <c r="FO10" s="71">
        <v>801</v>
      </c>
      <c r="FP10" s="71">
        <v>1048</v>
      </c>
      <c r="FQ10" s="71">
        <v>1035</v>
      </c>
      <c r="FR10" s="71">
        <v>1149</v>
      </c>
      <c r="FS10" s="71">
        <v>602</v>
      </c>
      <c r="FT10" s="72">
        <v>4635</v>
      </c>
      <c r="FU10" s="73">
        <v>5610</v>
      </c>
      <c r="FV10" s="70">
        <v>23</v>
      </c>
      <c r="FW10" s="71">
        <v>71</v>
      </c>
      <c r="FX10" s="72">
        <v>94</v>
      </c>
      <c r="FY10" s="244"/>
      <c r="FZ10" s="71">
        <v>40</v>
      </c>
      <c r="GA10" s="71">
        <v>76</v>
      </c>
      <c r="GB10" s="71">
        <v>42</v>
      </c>
      <c r="GC10" s="71">
        <v>50</v>
      </c>
      <c r="GD10" s="71">
        <v>51</v>
      </c>
      <c r="GE10" s="72">
        <v>259</v>
      </c>
      <c r="GF10" s="73">
        <v>353</v>
      </c>
      <c r="GG10" s="70">
        <v>2854</v>
      </c>
      <c r="GH10" s="71">
        <v>4033</v>
      </c>
      <c r="GI10" s="72">
        <v>6887</v>
      </c>
      <c r="GJ10" s="244"/>
      <c r="GK10" s="71">
        <v>3720</v>
      </c>
      <c r="GL10" s="71">
        <v>3888</v>
      </c>
      <c r="GM10" s="71">
        <v>3002</v>
      </c>
      <c r="GN10" s="71">
        <v>3080</v>
      </c>
      <c r="GO10" s="71">
        <v>1902</v>
      </c>
      <c r="GP10" s="72">
        <v>15592</v>
      </c>
      <c r="GQ10" s="73">
        <v>22479</v>
      </c>
      <c r="GR10" s="123">
        <v>4329</v>
      </c>
      <c r="GS10" s="82">
        <v>5801</v>
      </c>
      <c r="GT10" s="83">
        <v>10130</v>
      </c>
      <c r="GU10" s="241"/>
      <c r="GV10" s="82">
        <v>5894</v>
      </c>
      <c r="GW10" s="82">
        <v>6139</v>
      </c>
      <c r="GX10" s="82">
        <v>4787</v>
      </c>
      <c r="GY10" s="82">
        <v>4448</v>
      </c>
      <c r="GZ10" s="82">
        <v>2772</v>
      </c>
      <c r="HA10" s="84">
        <v>24040</v>
      </c>
      <c r="HB10" s="85">
        <v>34170</v>
      </c>
      <c r="HC10" s="70">
        <v>154</v>
      </c>
      <c r="HD10" s="71">
        <v>196</v>
      </c>
      <c r="HE10" s="72">
        <v>350</v>
      </c>
      <c r="HF10" s="244"/>
      <c r="HG10" s="71">
        <v>170</v>
      </c>
      <c r="HH10" s="71">
        <v>213</v>
      </c>
      <c r="HI10" s="71">
        <v>172</v>
      </c>
      <c r="HJ10" s="71">
        <v>154</v>
      </c>
      <c r="HK10" s="71">
        <v>118</v>
      </c>
      <c r="HL10" s="72">
        <v>827</v>
      </c>
      <c r="HM10" s="73">
        <v>1177</v>
      </c>
      <c r="HN10" s="70">
        <v>455</v>
      </c>
      <c r="HO10" s="71">
        <v>616</v>
      </c>
      <c r="HP10" s="72">
        <v>1071</v>
      </c>
      <c r="HQ10" s="244"/>
      <c r="HR10" s="71">
        <v>449</v>
      </c>
      <c r="HS10" s="71">
        <v>575</v>
      </c>
      <c r="HT10" s="71">
        <v>407</v>
      </c>
      <c r="HU10" s="71">
        <v>339</v>
      </c>
      <c r="HV10" s="71">
        <v>268</v>
      </c>
      <c r="HW10" s="72">
        <v>2038</v>
      </c>
      <c r="HX10" s="73">
        <v>3109</v>
      </c>
      <c r="HY10" s="70">
        <v>776</v>
      </c>
      <c r="HZ10" s="71">
        <v>996</v>
      </c>
      <c r="IA10" s="72">
        <v>1772</v>
      </c>
      <c r="IB10" s="244"/>
      <c r="IC10" s="71">
        <v>930</v>
      </c>
      <c r="ID10" s="71">
        <v>896</v>
      </c>
      <c r="IE10" s="71">
        <v>634</v>
      </c>
      <c r="IF10" s="71">
        <v>572</v>
      </c>
      <c r="IG10" s="71">
        <v>429</v>
      </c>
      <c r="IH10" s="72">
        <v>3461</v>
      </c>
      <c r="II10" s="73">
        <v>5233</v>
      </c>
      <c r="IJ10" s="70">
        <v>1269</v>
      </c>
      <c r="IK10" s="71">
        <v>1653</v>
      </c>
      <c r="IL10" s="72">
        <v>2922</v>
      </c>
      <c r="IM10" s="244"/>
      <c r="IN10" s="71">
        <v>1564</v>
      </c>
      <c r="IO10" s="71">
        <v>1437</v>
      </c>
      <c r="IP10" s="71">
        <v>1078</v>
      </c>
      <c r="IQ10" s="71">
        <v>888</v>
      </c>
      <c r="IR10" s="71">
        <v>592</v>
      </c>
      <c r="IS10" s="72">
        <v>5559</v>
      </c>
      <c r="IT10" s="73">
        <v>8481</v>
      </c>
      <c r="IU10" s="70">
        <v>1111</v>
      </c>
      <c r="IV10" s="71">
        <v>1473</v>
      </c>
      <c r="IW10" s="72">
        <v>2584</v>
      </c>
      <c r="IX10" s="244"/>
      <c r="IY10" s="71">
        <v>1627</v>
      </c>
      <c r="IZ10" s="71">
        <v>1617</v>
      </c>
      <c r="JA10" s="71">
        <v>1182</v>
      </c>
      <c r="JB10" s="71">
        <v>1113</v>
      </c>
      <c r="JC10" s="71">
        <v>633</v>
      </c>
      <c r="JD10" s="72">
        <v>6172</v>
      </c>
      <c r="JE10" s="73">
        <v>8756</v>
      </c>
      <c r="JF10" s="70">
        <v>564</v>
      </c>
      <c r="JG10" s="71">
        <v>867</v>
      </c>
      <c r="JH10" s="72">
        <v>1431</v>
      </c>
      <c r="JI10" s="244"/>
      <c r="JJ10" s="71">
        <v>1154</v>
      </c>
      <c r="JK10" s="71">
        <v>1401</v>
      </c>
      <c r="JL10" s="71">
        <v>1314</v>
      </c>
      <c r="JM10" s="71">
        <v>1382</v>
      </c>
      <c r="JN10" s="71">
        <v>732</v>
      </c>
      <c r="JO10" s="72">
        <v>5983</v>
      </c>
      <c r="JP10" s="73">
        <v>7414</v>
      </c>
      <c r="JQ10" s="70">
        <v>64</v>
      </c>
      <c r="JR10" s="71">
        <v>149</v>
      </c>
      <c r="JS10" s="72">
        <v>213</v>
      </c>
      <c r="JT10" s="244"/>
      <c r="JU10" s="71">
        <v>85</v>
      </c>
      <c r="JV10" s="71">
        <v>177</v>
      </c>
      <c r="JW10" s="71">
        <v>101</v>
      </c>
      <c r="JX10" s="71">
        <v>111</v>
      </c>
      <c r="JY10" s="71">
        <v>103</v>
      </c>
      <c r="JZ10" s="72">
        <v>577</v>
      </c>
      <c r="KA10" s="73">
        <v>790</v>
      </c>
      <c r="KB10" s="70">
        <v>4393</v>
      </c>
      <c r="KC10" s="71">
        <v>5950</v>
      </c>
      <c r="KD10" s="72">
        <v>10343</v>
      </c>
      <c r="KE10" s="244"/>
      <c r="KF10" s="71">
        <v>5979</v>
      </c>
      <c r="KG10" s="71">
        <v>6316</v>
      </c>
      <c r="KH10" s="71">
        <v>4888</v>
      </c>
      <c r="KI10" s="71">
        <v>4559</v>
      </c>
      <c r="KJ10" s="71">
        <v>2875</v>
      </c>
      <c r="KK10" s="72">
        <v>24617</v>
      </c>
      <c r="KL10" s="73">
        <v>34960</v>
      </c>
    </row>
    <row r="11" spans="1:298" ht="19.5" customHeight="1" x14ac:dyDescent="0.2">
      <c r="A11" s="126" t="s">
        <v>7</v>
      </c>
      <c r="B11" s="316">
        <v>985</v>
      </c>
      <c r="C11" s="82">
        <v>711</v>
      </c>
      <c r="D11" s="83">
        <v>1696</v>
      </c>
      <c r="E11" s="241"/>
      <c r="F11" s="82">
        <v>2272</v>
      </c>
      <c r="G11" s="82">
        <v>1531</v>
      </c>
      <c r="H11" s="82">
        <v>965</v>
      </c>
      <c r="I11" s="82">
        <v>831</v>
      </c>
      <c r="J11" s="82">
        <v>458</v>
      </c>
      <c r="K11" s="84">
        <v>6057</v>
      </c>
      <c r="L11" s="85">
        <v>7753</v>
      </c>
      <c r="M11" s="70">
        <v>34</v>
      </c>
      <c r="N11" s="71">
        <v>31</v>
      </c>
      <c r="O11" s="72">
        <v>65</v>
      </c>
      <c r="P11" s="241"/>
      <c r="Q11" s="71">
        <v>86</v>
      </c>
      <c r="R11" s="71">
        <v>84</v>
      </c>
      <c r="S11" s="71">
        <v>56</v>
      </c>
      <c r="T11" s="71">
        <v>47</v>
      </c>
      <c r="U11" s="71">
        <v>29</v>
      </c>
      <c r="V11" s="72">
        <v>302</v>
      </c>
      <c r="W11" s="73">
        <v>367</v>
      </c>
      <c r="X11" s="70">
        <v>104</v>
      </c>
      <c r="Y11" s="71">
        <v>79</v>
      </c>
      <c r="Z11" s="72">
        <v>183</v>
      </c>
      <c r="AA11" s="241"/>
      <c r="AB11" s="71">
        <v>247</v>
      </c>
      <c r="AC11" s="71">
        <v>196</v>
      </c>
      <c r="AD11" s="71">
        <v>123</v>
      </c>
      <c r="AE11" s="71">
        <v>91</v>
      </c>
      <c r="AF11" s="71">
        <v>65</v>
      </c>
      <c r="AG11" s="72">
        <v>722</v>
      </c>
      <c r="AH11" s="73">
        <v>905</v>
      </c>
      <c r="AI11" s="70">
        <v>166</v>
      </c>
      <c r="AJ11" s="71">
        <v>116</v>
      </c>
      <c r="AK11" s="72">
        <v>282</v>
      </c>
      <c r="AL11" s="241"/>
      <c r="AM11" s="71">
        <v>395</v>
      </c>
      <c r="AN11" s="71">
        <v>236</v>
      </c>
      <c r="AO11" s="71">
        <v>146</v>
      </c>
      <c r="AP11" s="71">
        <v>133</v>
      </c>
      <c r="AQ11" s="71">
        <v>76</v>
      </c>
      <c r="AR11" s="72">
        <v>986</v>
      </c>
      <c r="AS11" s="73">
        <v>1268</v>
      </c>
      <c r="AT11" s="70">
        <v>254</v>
      </c>
      <c r="AU11" s="71">
        <v>180</v>
      </c>
      <c r="AV11" s="72">
        <v>434</v>
      </c>
      <c r="AW11" s="241"/>
      <c r="AX11" s="71">
        <v>547</v>
      </c>
      <c r="AY11" s="71">
        <v>380</v>
      </c>
      <c r="AZ11" s="71">
        <v>222</v>
      </c>
      <c r="BA11" s="71">
        <v>172</v>
      </c>
      <c r="BB11" s="71">
        <v>114</v>
      </c>
      <c r="BC11" s="72">
        <v>1435</v>
      </c>
      <c r="BD11" s="73">
        <v>1869</v>
      </c>
      <c r="BE11" s="70">
        <v>276</v>
      </c>
      <c r="BF11" s="71">
        <v>192</v>
      </c>
      <c r="BG11" s="72">
        <v>468</v>
      </c>
      <c r="BH11" s="244"/>
      <c r="BI11" s="71">
        <v>586</v>
      </c>
      <c r="BJ11" s="71">
        <v>351</v>
      </c>
      <c r="BK11" s="71">
        <v>253</v>
      </c>
      <c r="BL11" s="71">
        <v>207</v>
      </c>
      <c r="BM11" s="71">
        <v>116</v>
      </c>
      <c r="BN11" s="72">
        <v>1513</v>
      </c>
      <c r="BO11" s="73">
        <v>1981</v>
      </c>
      <c r="BP11" s="70">
        <v>151</v>
      </c>
      <c r="BQ11" s="71">
        <v>113</v>
      </c>
      <c r="BR11" s="72">
        <v>264</v>
      </c>
      <c r="BS11" s="244"/>
      <c r="BT11" s="71">
        <v>411</v>
      </c>
      <c r="BU11" s="71">
        <v>284</v>
      </c>
      <c r="BV11" s="71">
        <v>165</v>
      </c>
      <c r="BW11" s="71">
        <v>181</v>
      </c>
      <c r="BX11" s="71">
        <v>58</v>
      </c>
      <c r="BY11" s="72">
        <v>1099</v>
      </c>
      <c r="BZ11" s="73">
        <v>1363</v>
      </c>
      <c r="CA11" s="70">
        <v>13</v>
      </c>
      <c r="CB11" s="71">
        <v>14</v>
      </c>
      <c r="CC11" s="72">
        <v>27</v>
      </c>
      <c r="CD11" s="244"/>
      <c r="CE11" s="71">
        <v>62</v>
      </c>
      <c r="CF11" s="71">
        <v>64</v>
      </c>
      <c r="CG11" s="71">
        <v>38</v>
      </c>
      <c r="CH11" s="71">
        <v>32</v>
      </c>
      <c r="CI11" s="71">
        <v>24</v>
      </c>
      <c r="CJ11" s="72">
        <v>220</v>
      </c>
      <c r="CK11" s="73">
        <v>247</v>
      </c>
      <c r="CL11" s="70">
        <v>998</v>
      </c>
      <c r="CM11" s="71">
        <v>725</v>
      </c>
      <c r="CN11" s="72">
        <v>1723</v>
      </c>
      <c r="CO11" s="244"/>
      <c r="CP11" s="71">
        <v>2334</v>
      </c>
      <c r="CQ11" s="71">
        <v>1595</v>
      </c>
      <c r="CR11" s="71">
        <v>1003</v>
      </c>
      <c r="CS11" s="71">
        <v>863</v>
      </c>
      <c r="CT11" s="71">
        <v>482</v>
      </c>
      <c r="CU11" s="72">
        <v>6277</v>
      </c>
      <c r="CV11" s="73">
        <v>8000</v>
      </c>
      <c r="CW11" s="123">
        <v>1697</v>
      </c>
      <c r="CX11" s="82">
        <v>1892</v>
      </c>
      <c r="CY11" s="83">
        <v>3589</v>
      </c>
      <c r="CZ11" s="241"/>
      <c r="DA11" s="82">
        <v>4316</v>
      </c>
      <c r="DB11" s="82">
        <v>2599</v>
      </c>
      <c r="DC11" s="82">
        <v>1963</v>
      </c>
      <c r="DD11" s="82">
        <v>2035</v>
      </c>
      <c r="DE11" s="82">
        <v>1151</v>
      </c>
      <c r="DF11" s="84">
        <v>12064</v>
      </c>
      <c r="DG11" s="85">
        <v>15653</v>
      </c>
      <c r="DH11" s="70">
        <v>40</v>
      </c>
      <c r="DI11" s="71">
        <v>35</v>
      </c>
      <c r="DJ11" s="72">
        <v>75</v>
      </c>
      <c r="DK11" s="244"/>
      <c r="DL11" s="71">
        <v>92</v>
      </c>
      <c r="DM11" s="71">
        <v>44</v>
      </c>
      <c r="DN11" s="71">
        <v>32</v>
      </c>
      <c r="DO11" s="71">
        <v>42</v>
      </c>
      <c r="DP11" s="71">
        <v>32</v>
      </c>
      <c r="DQ11" s="72">
        <v>242</v>
      </c>
      <c r="DR11" s="73">
        <v>317</v>
      </c>
      <c r="DS11" s="70">
        <v>116</v>
      </c>
      <c r="DT11" s="71">
        <v>126</v>
      </c>
      <c r="DU11" s="72">
        <v>242</v>
      </c>
      <c r="DV11" s="244"/>
      <c r="DW11" s="71">
        <v>275</v>
      </c>
      <c r="DX11" s="71">
        <v>190</v>
      </c>
      <c r="DY11" s="71">
        <v>103</v>
      </c>
      <c r="DZ11" s="71">
        <v>110</v>
      </c>
      <c r="EA11" s="71">
        <v>65</v>
      </c>
      <c r="EB11" s="72">
        <v>743</v>
      </c>
      <c r="EC11" s="73">
        <v>985</v>
      </c>
      <c r="ED11" s="70">
        <v>266</v>
      </c>
      <c r="EE11" s="71">
        <v>259</v>
      </c>
      <c r="EF11" s="72">
        <v>525</v>
      </c>
      <c r="EG11" s="244"/>
      <c r="EH11" s="71">
        <v>532</v>
      </c>
      <c r="EI11" s="71">
        <v>267</v>
      </c>
      <c r="EJ11" s="71">
        <v>170</v>
      </c>
      <c r="EK11" s="71">
        <v>175</v>
      </c>
      <c r="EL11" s="71">
        <v>137</v>
      </c>
      <c r="EM11" s="72">
        <v>1281</v>
      </c>
      <c r="EN11" s="73">
        <v>1806</v>
      </c>
      <c r="EO11" s="70">
        <v>522</v>
      </c>
      <c r="EP11" s="71">
        <v>499</v>
      </c>
      <c r="EQ11" s="72">
        <v>1021</v>
      </c>
      <c r="ER11" s="244"/>
      <c r="ES11" s="71">
        <v>1038</v>
      </c>
      <c r="ET11" s="71">
        <v>520</v>
      </c>
      <c r="EU11" s="71">
        <v>323</v>
      </c>
      <c r="EV11" s="71">
        <v>366</v>
      </c>
      <c r="EW11" s="71">
        <v>192</v>
      </c>
      <c r="EX11" s="72">
        <v>2439</v>
      </c>
      <c r="EY11" s="73">
        <v>3460</v>
      </c>
      <c r="EZ11" s="70">
        <v>490</v>
      </c>
      <c r="FA11" s="71">
        <v>592</v>
      </c>
      <c r="FB11" s="72">
        <v>1082</v>
      </c>
      <c r="FC11" s="244"/>
      <c r="FD11" s="71">
        <v>1271</v>
      </c>
      <c r="FE11" s="71">
        <v>702</v>
      </c>
      <c r="FF11" s="71">
        <v>568</v>
      </c>
      <c r="FG11" s="71">
        <v>524</v>
      </c>
      <c r="FH11" s="71">
        <v>293</v>
      </c>
      <c r="FI11" s="72">
        <v>3358</v>
      </c>
      <c r="FJ11" s="73">
        <v>4440</v>
      </c>
      <c r="FK11" s="70">
        <v>263</v>
      </c>
      <c r="FL11" s="71">
        <v>381</v>
      </c>
      <c r="FM11" s="72">
        <v>644</v>
      </c>
      <c r="FN11" s="244"/>
      <c r="FO11" s="71">
        <v>1108</v>
      </c>
      <c r="FP11" s="71">
        <v>876</v>
      </c>
      <c r="FQ11" s="71">
        <v>767</v>
      </c>
      <c r="FR11" s="71">
        <v>818</v>
      </c>
      <c r="FS11" s="71">
        <v>432</v>
      </c>
      <c r="FT11" s="72">
        <v>4001</v>
      </c>
      <c r="FU11" s="73">
        <v>4645</v>
      </c>
      <c r="FV11" s="70">
        <v>14</v>
      </c>
      <c r="FW11" s="71">
        <v>17</v>
      </c>
      <c r="FX11" s="72">
        <v>31</v>
      </c>
      <c r="FY11" s="244"/>
      <c r="FZ11" s="71">
        <v>64</v>
      </c>
      <c r="GA11" s="71">
        <v>60</v>
      </c>
      <c r="GB11" s="71">
        <v>37</v>
      </c>
      <c r="GC11" s="71">
        <v>24</v>
      </c>
      <c r="GD11" s="71">
        <v>33</v>
      </c>
      <c r="GE11" s="72">
        <v>218</v>
      </c>
      <c r="GF11" s="73">
        <v>249</v>
      </c>
      <c r="GG11" s="70">
        <v>1711</v>
      </c>
      <c r="GH11" s="71">
        <v>1909</v>
      </c>
      <c r="GI11" s="72">
        <v>3620</v>
      </c>
      <c r="GJ11" s="244"/>
      <c r="GK11" s="71">
        <v>4380</v>
      </c>
      <c r="GL11" s="71">
        <v>2659</v>
      </c>
      <c r="GM11" s="71">
        <v>2000</v>
      </c>
      <c r="GN11" s="71">
        <v>2059</v>
      </c>
      <c r="GO11" s="71">
        <v>1184</v>
      </c>
      <c r="GP11" s="72">
        <v>12282</v>
      </c>
      <c r="GQ11" s="73">
        <v>15902</v>
      </c>
      <c r="GR11" s="123">
        <v>2682</v>
      </c>
      <c r="GS11" s="82">
        <v>2603</v>
      </c>
      <c r="GT11" s="83">
        <v>5285</v>
      </c>
      <c r="GU11" s="241"/>
      <c r="GV11" s="82">
        <v>6588</v>
      </c>
      <c r="GW11" s="82">
        <v>4130</v>
      </c>
      <c r="GX11" s="82">
        <v>2928</v>
      </c>
      <c r="GY11" s="82">
        <v>2866</v>
      </c>
      <c r="GZ11" s="82">
        <v>1609</v>
      </c>
      <c r="HA11" s="84">
        <v>18121</v>
      </c>
      <c r="HB11" s="85">
        <v>23406</v>
      </c>
      <c r="HC11" s="70">
        <v>74</v>
      </c>
      <c r="HD11" s="71">
        <v>66</v>
      </c>
      <c r="HE11" s="72">
        <v>140</v>
      </c>
      <c r="HF11" s="244"/>
      <c r="HG11" s="71">
        <v>178</v>
      </c>
      <c r="HH11" s="71">
        <v>128</v>
      </c>
      <c r="HI11" s="71">
        <v>88</v>
      </c>
      <c r="HJ11" s="71">
        <v>89</v>
      </c>
      <c r="HK11" s="71">
        <v>61</v>
      </c>
      <c r="HL11" s="72">
        <v>544</v>
      </c>
      <c r="HM11" s="73">
        <v>684</v>
      </c>
      <c r="HN11" s="70">
        <v>220</v>
      </c>
      <c r="HO11" s="71">
        <v>205</v>
      </c>
      <c r="HP11" s="72">
        <v>425</v>
      </c>
      <c r="HQ11" s="244"/>
      <c r="HR11" s="71">
        <v>522</v>
      </c>
      <c r="HS11" s="71">
        <v>386</v>
      </c>
      <c r="HT11" s="71">
        <v>226</v>
      </c>
      <c r="HU11" s="71">
        <v>201</v>
      </c>
      <c r="HV11" s="71">
        <v>130</v>
      </c>
      <c r="HW11" s="72">
        <v>1465</v>
      </c>
      <c r="HX11" s="73">
        <v>1890</v>
      </c>
      <c r="HY11" s="70">
        <v>432</v>
      </c>
      <c r="HZ11" s="71">
        <v>375</v>
      </c>
      <c r="IA11" s="72">
        <v>807</v>
      </c>
      <c r="IB11" s="244"/>
      <c r="IC11" s="71">
        <v>927</v>
      </c>
      <c r="ID11" s="71">
        <v>503</v>
      </c>
      <c r="IE11" s="71">
        <v>316</v>
      </c>
      <c r="IF11" s="71">
        <v>308</v>
      </c>
      <c r="IG11" s="71">
        <v>213</v>
      </c>
      <c r="IH11" s="72">
        <v>2267</v>
      </c>
      <c r="II11" s="73">
        <v>3074</v>
      </c>
      <c r="IJ11" s="70">
        <v>776</v>
      </c>
      <c r="IK11" s="71">
        <v>679</v>
      </c>
      <c r="IL11" s="72">
        <v>1455</v>
      </c>
      <c r="IM11" s="244"/>
      <c r="IN11" s="71">
        <v>1585</v>
      </c>
      <c r="IO11" s="71">
        <v>900</v>
      </c>
      <c r="IP11" s="71">
        <v>545</v>
      </c>
      <c r="IQ11" s="71">
        <v>538</v>
      </c>
      <c r="IR11" s="71">
        <v>306</v>
      </c>
      <c r="IS11" s="72">
        <v>3874</v>
      </c>
      <c r="IT11" s="73">
        <v>5329</v>
      </c>
      <c r="IU11" s="70">
        <v>766</v>
      </c>
      <c r="IV11" s="71">
        <v>784</v>
      </c>
      <c r="IW11" s="72">
        <v>1550</v>
      </c>
      <c r="IX11" s="244"/>
      <c r="IY11" s="71">
        <v>1857</v>
      </c>
      <c r="IZ11" s="71">
        <v>1053</v>
      </c>
      <c r="JA11" s="71">
        <v>821</v>
      </c>
      <c r="JB11" s="71">
        <v>731</v>
      </c>
      <c r="JC11" s="71">
        <v>409</v>
      </c>
      <c r="JD11" s="72">
        <v>4871</v>
      </c>
      <c r="JE11" s="73">
        <v>6421</v>
      </c>
      <c r="JF11" s="70">
        <v>414</v>
      </c>
      <c r="JG11" s="71">
        <v>494</v>
      </c>
      <c r="JH11" s="72">
        <v>908</v>
      </c>
      <c r="JI11" s="244"/>
      <c r="JJ11" s="71">
        <v>1519</v>
      </c>
      <c r="JK11" s="71">
        <v>1160</v>
      </c>
      <c r="JL11" s="71">
        <v>932</v>
      </c>
      <c r="JM11" s="71">
        <v>999</v>
      </c>
      <c r="JN11" s="71">
        <v>490</v>
      </c>
      <c r="JO11" s="72">
        <v>5100</v>
      </c>
      <c r="JP11" s="73">
        <v>6008</v>
      </c>
      <c r="JQ11" s="70">
        <v>27</v>
      </c>
      <c r="JR11" s="71">
        <v>31</v>
      </c>
      <c r="JS11" s="72">
        <v>58</v>
      </c>
      <c r="JT11" s="244"/>
      <c r="JU11" s="71">
        <v>126</v>
      </c>
      <c r="JV11" s="71">
        <v>124</v>
      </c>
      <c r="JW11" s="71">
        <v>75</v>
      </c>
      <c r="JX11" s="71">
        <v>56</v>
      </c>
      <c r="JY11" s="71">
        <v>57</v>
      </c>
      <c r="JZ11" s="72">
        <v>438</v>
      </c>
      <c r="KA11" s="73">
        <v>496</v>
      </c>
      <c r="KB11" s="70">
        <v>2709</v>
      </c>
      <c r="KC11" s="71">
        <v>2634</v>
      </c>
      <c r="KD11" s="72">
        <v>5343</v>
      </c>
      <c r="KE11" s="244"/>
      <c r="KF11" s="71">
        <v>6714</v>
      </c>
      <c r="KG11" s="71">
        <v>4254</v>
      </c>
      <c r="KH11" s="71">
        <v>3003</v>
      </c>
      <c r="KI11" s="71">
        <v>2922</v>
      </c>
      <c r="KJ11" s="71">
        <v>1666</v>
      </c>
      <c r="KK11" s="72">
        <v>18559</v>
      </c>
      <c r="KL11" s="73">
        <v>23902</v>
      </c>
    </row>
    <row r="12" spans="1:298" ht="19.5" customHeight="1" x14ac:dyDescent="0.2">
      <c r="A12" s="126" t="s">
        <v>8</v>
      </c>
      <c r="B12" s="316">
        <v>521</v>
      </c>
      <c r="C12" s="82">
        <v>358</v>
      </c>
      <c r="D12" s="83">
        <v>879</v>
      </c>
      <c r="E12" s="241"/>
      <c r="F12" s="82">
        <v>909</v>
      </c>
      <c r="G12" s="82">
        <v>857</v>
      </c>
      <c r="H12" s="82">
        <v>628</v>
      </c>
      <c r="I12" s="82">
        <v>465</v>
      </c>
      <c r="J12" s="82">
        <v>266</v>
      </c>
      <c r="K12" s="84">
        <v>3125</v>
      </c>
      <c r="L12" s="85">
        <v>4004</v>
      </c>
      <c r="M12" s="70">
        <v>24</v>
      </c>
      <c r="N12" s="71">
        <v>30</v>
      </c>
      <c r="O12" s="72">
        <v>54</v>
      </c>
      <c r="P12" s="241"/>
      <c r="Q12" s="71">
        <v>37</v>
      </c>
      <c r="R12" s="71">
        <v>50</v>
      </c>
      <c r="S12" s="71">
        <v>32</v>
      </c>
      <c r="T12" s="71">
        <v>26</v>
      </c>
      <c r="U12" s="71">
        <v>14</v>
      </c>
      <c r="V12" s="72">
        <v>159</v>
      </c>
      <c r="W12" s="73">
        <v>213</v>
      </c>
      <c r="X12" s="70">
        <v>61</v>
      </c>
      <c r="Y12" s="71">
        <v>41</v>
      </c>
      <c r="Z12" s="72">
        <v>102</v>
      </c>
      <c r="AA12" s="241"/>
      <c r="AB12" s="71">
        <v>113</v>
      </c>
      <c r="AC12" s="71">
        <v>118</v>
      </c>
      <c r="AD12" s="71">
        <v>81</v>
      </c>
      <c r="AE12" s="71">
        <v>63</v>
      </c>
      <c r="AF12" s="71">
        <v>43</v>
      </c>
      <c r="AG12" s="72">
        <v>418</v>
      </c>
      <c r="AH12" s="73">
        <v>520</v>
      </c>
      <c r="AI12" s="70">
        <v>89</v>
      </c>
      <c r="AJ12" s="71">
        <v>50</v>
      </c>
      <c r="AK12" s="72">
        <v>139</v>
      </c>
      <c r="AL12" s="241"/>
      <c r="AM12" s="71">
        <v>154</v>
      </c>
      <c r="AN12" s="71">
        <v>141</v>
      </c>
      <c r="AO12" s="71">
        <v>110</v>
      </c>
      <c r="AP12" s="71">
        <v>62</v>
      </c>
      <c r="AQ12" s="71">
        <v>52</v>
      </c>
      <c r="AR12" s="72">
        <v>519</v>
      </c>
      <c r="AS12" s="73">
        <v>658</v>
      </c>
      <c r="AT12" s="70">
        <v>135</v>
      </c>
      <c r="AU12" s="71">
        <v>79</v>
      </c>
      <c r="AV12" s="72">
        <v>214</v>
      </c>
      <c r="AW12" s="241"/>
      <c r="AX12" s="71">
        <v>213</v>
      </c>
      <c r="AY12" s="71">
        <v>205</v>
      </c>
      <c r="AZ12" s="71">
        <v>133</v>
      </c>
      <c r="BA12" s="71">
        <v>112</v>
      </c>
      <c r="BB12" s="71">
        <v>59</v>
      </c>
      <c r="BC12" s="72">
        <v>722</v>
      </c>
      <c r="BD12" s="73">
        <v>936</v>
      </c>
      <c r="BE12" s="70">
        <v>132</v>
      </c>
      <c r="BF12" s="71">
        <v>88</v>
      </c>
      <c r="BG12" s="72">
        <v>220</v>
      </c>
      <c r="BH12" s="244"/>
      <c r="BI12" s="71">
        <v>241</v>
      </c>
      <c r="BJ12" s="71">
        <v>190</v>
      </c>
      <c r="BK12" s="71">
        <v>148</v>
      </c>
      <c r="BL12" s="71">
        <v>108</v>
      </c>
      <c r="BM12" s="71">
        <v>52</v>
      </c>
      <c r="BN12" s="72">
        <v>739</v>
      </c>
      <c r="BO12" s="73">
        <v>959</v>
      </c>
      <c r="BP12" s="70">
        <v>80</v>
      </c>
      <c r="BQ12" s="71">
        <v>70</v>
      </c>
      <c r="BR12" s="72">
        <v>150</v>
      </c>
      <c r="BS12" s="244"/>
      <c r="BT12" s="71">
        <v>151</v>
      </c>
      <c r="BU12" s="71">
        <v>153</v>
      </c>
      <c r="BV12" s="71">
        <v>124</v>
      </c>
      <c r="BW12" s="71">
        <v>94</v>
      </c>
      <c r="BX12" s="71">
        <v>46</v>
      </c>
      <c r="BY12" s="72">
        <v>568</v>
      </c>
      <c r="BZ12" s="73">
        <v>718</v>
      </c>
      <c r="CA12" s="70">
        <v>15</v>
      </c>
      <c r="CB12" s="71">
        <v>18</v>
      </c>
      <c r="CC12" s="72">
        <v>33</v>
      </c>
      <c r="CD12" s="244"/>
      <c r="CE12" s="71">
        <v>24</v>
      </c>
      <c r="CF12" s="71">
        <v>38</v>
      </c>
      <c r="CG12" s="71">
        <v>28</v>
      </c>
      <c r="CH12" s="71">
        <v>23</v>
      </c>
      <c r="CI12" s="71">
        <v>18</v>
      </c>
      <c r="CJ12" s="72">
        <v>131</v>
      </c>
      <c r="CK12" s="73">
        <v>164</v>
      </c>
      <c r="CL12" s="70">
        <v>536</v>
      </c>
      <c r="CM12" s="71">
        <v>376</v>
      </c>
      <c r="CN12" s="72">
        <v>912</v>
      </c>
      <c r="CO12" s="244"/>
      <c r="CP12" s="71">
        <v>933</v>
      </c>
      <c r="CQ12" s="71">
        <v>895</v>
      </c>
      <c r="CR12" s="71">
        <v>656</v>
      </c>
      <c r="CS12" s="71">
        <v>488</v>
      </c>
      <c r="CT12" s="71">
        <v>284</v>
      </c>
      <c r="CU12" s="72">
        <v>3256</v>
      </c>
      <c r="CV12" s="73">
        <v>4168</v>
      </c>
      <c r="CW12" s="123">
        <v>996</v>
      </c>
      <c r="CX12" s="82">
        <v>908</v>
      </c>
      <c r="CY12" s="83">
        <v>1904</v>
      </c>
      <c r="CZ12" s="241"/>
      <c r="DA12" s="82">
        <v>1662</v>
      </c>
      <c r="DB12" s="82">
        <v>1574</v>
      </c>
      <c r="DC12" s="82">
        <v>1269</v>
      </c>
      <c r="DD12" s="82">
        <v>1005</v>
      </c>
      <c r="DE12" s="82">
        <v>647</v>
      </c>
      <c r="DF12" s="84">
        <v>6157</v>
      </c>
      <c r="DG12" s="85">
        <v>8061</v>
      </c>
      <c r="DH12" s="70">
        <v>25</v>
      </c>
      <c r="DI12" s="71">
        <v>22</v>
      </c>
      <c r="DJ12" s="72">
        <v>47</v>
      </c>
      <c r="DK12" s="244"/>
      <c r="DL12" s="71">
        <v>43</v>
      </c>
      <c r="DM12" s="71">
        <v>32</v>
      </c>
      <c r="DN12" s="71">
        <v>18</v>
      </c>
      <c r="DO12" s="71">
        <v>22</v>
      </c>
      <c r="DP12" s="71">
        <v>16</v>
      </c>
      <c r="DQ12" s="72">
        <v>131</v>
      </c>
      <c r="DR12" s="73">
        <v>178</v>
      </c>
      <c r="DS12" s="70">
        <v>78</v>
      </c>
      <c r="DT12" s="71">
        <v>66</v>
      </c>
      <c r="DU12" s="72">
        <v>144</v>
      </c>
      <c r="DV12" s="244"/>
      <c r="DW12" s="71">
        <v>100</v>
      </c>
      <c r="DX12" s="71">
        <v>95</v>
      </c>
      <c r="DY12" s="71">
        <v>69</v>
      </c>
      <c r="DZ12" s="71">
        <v>60</v>
      </c>
      <c r="EA12" s="71">
        <v>38</v>
      </c>
      <c r="EB12" s="72">
        <v>362</v>
      </c>
      <c r="EC12" s="73">
        <v>506</v>
      </c>
      <c r="ED12" s="70">
        <v>154</v>
      </c>
      <c r="EE12" s="71">
        <v>146</v>
      </c>
      <c r="EF12" s="72">
        <v>300</v>
      </c>
      <c r="EG12" s="244"/>
      <c r="EH12" s="71">
        <v>209</v>
      </c>
      <c r="EI12" s="71">
        <v>192</v>
      </c>
      <c r="EJ12" s="71">
        <v>111</v>
      </c>
      <c r="EK12" s="71">
        <v>87</v>
      </c>
      <c r="EL12" s="71">
        <v>65</v>
      </c>
      <c r="EM12" s="72">
        <v>664</v>
      </c>
      <c r="EN12" s="73">
        <v>964</v>
      </c>
      <c r="EO12" s="70">
        <v>319</v>
      </c>
      <c r="EP12" s="71">
        <v>238</v>
      </c>
      <c r="EQ12" s="72">
        <v>557</v>
      </c>
      <c r="ER12" s="244"/>
      <c r="ES12" s="71">
        <v>400</v>
      </c>
      <c r="ET12" s="71">
        <v>322</v>
      </c>
      <c r="EU12" s="71">
        <v>243</v>
      </c>
      <c r="EV12" s="71">
        <v>170</v>
      </c>
      <c r="EW12" s="71">
        <v>114</v>
      </c>
      <c r="EX12" s="72">
        <v>1249</v>
      </c>
      <c r="EY12" s="73">
        <v>1806</v>
      </c>
      <c r="EZ12" s="70">
        <v>287</v>
      </c>
      <c r="FA12" s="71">
        <v>275</v>
      </c>
      <c r="FB12" s="72">
        <v>562</v>
      </c>
      <c r="FC12" s="244"/>
      <c r="FD12" s="71">
        <v>482</v>
      </c>
      <c r="FE12" s="71">
        <v>439</v>
      </c>
      <c r="FF12" s="71">
        <v>340</v>
      </c>
      <c r="FG12" s="71">
        <v>248</v>
      </c>
      <c r="FH12" s="71">
        <v>164</v>
      </c>
      <c r="FI12" s="72">
        <v>1673</v>
      </c>
      <c r="FJ12" s="73">
        <v>2235</v>
      </c>
      <c r="FK12" s="70">
        <v>133</v>
      </c>
      <c r="FL12" s="71">
        <v>161</v>
      </c>
      <c r="FM12" s="72">
        <v>294</v>
      </c>
      <c r="FN12" s="244"/>
      <c r="FO12" s="71">
        <v>428</v>
      </c>
      <c r="FP12" s="71">
        <v>494</v>
      </c>
      <c r="FQ12" s="71">
        <v>488</v>
      </c>
      <c r="FR12" s="71">
        <v>418</v>
      </c>
      <c r="FS12" s="71">
        <v>250</v>
      </c>
      <c r="FT12" s="72">
        <v>2078</v>
      </c>
      <c r="FU12" s="73">
        <v>2372</v>
      </c>
      <c r="FV12" s="70">
        <v>6</v>
      </c>
      <c r="FW12" s="71">
        <v>23</v>
      </c>
      <c r="FX12" s="72">
        <v>29</v>
      </c>
      <c r="FY12" s="244"/>
      <c r="FZ12" s="71">
        <v>16</v>
      </c>
      <c r="GA12" s="71">
        <v>35</v>
      </c>
      <c r="GB12" s="71">
        <v>19</v>
      </c>
      <c r="GC12" s="71">
        <v>14</v>
      </c>
      <c r="GD12" s="71">
        <v>18</v>
      </c>
      <c r="GE12" s="72">
        <v>102</v>
      </c>
      <c r="GF12" s="73">
        <v>131</v>
      </c>
      <c r="GG12" s="70">
        <v>1002</v>
      </c>
      <c r="GH12" s="71">
        <v>931</v>
      </c>
      <c r="GI12" s="72">
        <v>1933</v>
      </c>
      <c r="GJ12" s="244"/>
      <c r="GK12" s="71">
        <v>1678</v>
      </c>
      <c r="GL12" s="71">
        <v>1609</v>
      </c>
      <c r="GM12" s="71">
        <v>1288</v>
      </c>
      <c r="GN12" s="71">
        <v>1019</v>
      </c>
      <c r="GO12" s="71">
        <v>665</v>
      </c>
      <c r="GP12" s="72">
        <v>6259</v>
      </c>
      <c r="GQ12" s="73">
        <v>8192</v>
      </c>
      <c r="GR12" s="123">
        <v>1517</v>
      </c>
      <c r="GS12" s="82">
        <v>1266</v>
      </c>
      <c r="GT12" s="83">
        <v>2783</v>
      </c>
      <c r="GU12" s="241"/>
      <c r="GV12" s="82">
        <v>2571</v>
      </c>
      <c r="GW12" s="82">
        <v>2431</v>
      </c>
      <c r="GX12" s="82">
        <v>1897</v>
      </c>
      <c r="GY12" s="82">
        <v>1470</v>
      </c>
      <c r="GZ12" s="82">
        <v>913</v>
      </c>
      <c r="HA12" s="84">
        <v>9282</v>
      </c>
      <c r="HB12" s="85">
        <v>12065</v>
      </c>
      <c r="HC12" s="70">
        <v>49</v>
      </c>
      <c r="HD12" s="71">
        <v>52</v>
      </c>
      <c r="HE12" s="72">
        <v>101</v>
      </c>
      <c r="HF12" s="244"/>
      <c r="HG12" s="71">
        <v>80</v>
      </c>
      <c r="HH12" s="71">
        <v>82</v>
      </c>
      <c r="HI12" s="71">
        <v>50</v>
      </c>
      <c r="HJ12" s="71">
        <v>48</v>
      </c>
      <c r="HK12" s="71">
        <v>30</v>
      </c>
      <c r="HL12" s="72">
        <v>290</v>
      </c>
      <c r="HM12" s="73">
        <v>391</v>
      </c>
      <c r="HN12" s="70">
        <v>139</v>
      </c>
      <c r="HO12" s="71">
        <v>107</v>
      </c>
      <c r="HP12" s="72">
        <v>246</v>
      </c>
      <c r="HQ12" s="244"/>
      <c r="HR12" s="71">
        <v>213</v>
      </c>
      <c r="HS12" s="71">
        <v>213</v>
      </c>
      <c r="HT12" s="71">
        <v>150</v>
      </c>
      <c r="HU12" s="71">
        <v>123</v>
      </c>
      <c r="HV12" s="71">
        <v>81</v>
      </c>
      <c r="HW12" s="72">
        <v>780</v>
      </c>
      <c r="HX12" s="73">
        <v>1026</v>
      </c>
      <c r="HY12" s="70">
        <v>243</v>
      </c>
      <c r="HZ12" s="71">
        <v>196</v>
      </c>
      <c r="IA12" s="72">
        <v>439</v>
      </c>
      <c r="IB12" s="244"/>
      <c r="IC12" s="71">
        <v>363</v>
      </c>
      <c r="ID12" s="71">
        <v>333</v>
      </c>
      <c r="IE12" s="71">
        <v>221</v>
      </c>
      <c r="IF12" s="71">
        <v>149</v>
      </c>
      <c r="IG12" s="71">
        <v>117</v>
      </c>
      <c r="IH12" s="72">
        <v>1183</v>
      </c>
      <c r="II12" s="73">
        <v>1622</v>
      </c>
      <c r="IJ12" s="70">
        <v>454</v>
      </c>
      <c r="IK12" s="71">
        <v>317</v>
      </c>
      <c r="IL12" s="72">
        <v>771</v>
      </c>
      <c r="IM12" s="244"/>
      <c r="IN12" s="71">
        <v>613</v>
      </c>
      <c r="IO12" s="71">
        <v>527</v>
      </c>
      <c r="IP12" s="71">
        <v>376</v>
      </c>
      <c r="IQ12" s="71">
        <v>282</v>
      </c>
      <c r="IR12" s="71">
        <v>173</v>
      </c>
      <c r="IS12" s="72">
        <v>1971</v>
      </c>
      <c r="IT12" s="73">
        <v>2742</v>
      </c>
      <c r="IU12" s="70">
        <v>419</v>
      </c>
      <c r="IV12" s="71">
        <v>363</v>
      </c>
      <c r="IW12" s="72">
        <v>782</v>
      </c>
      <c r="IX12" s="244"/>
      <c r="IY12" s="71">
        <v>723</v>
      </c>
      <c r="IZ12" s="71">
        <v>629</v>
      </c>
      <c r="JA12" s="71">
        <v>488</v>
      </c>
      <c r="JB12" s="71">
        <v>356</v>
      </c>
      <c r="JC12" s="71">
        <v>216</v>
      </c>
      <c r="JD12" s="72">
        <v>2412</v>
      </c>
      <c r="JE12" s="73">
        <v>3194</v>
      </c>
      <c r="JF12" s="70">
        <v>213</v>
      </c>
      <c r="JG12" s="71">
        <v>231</v>
      </c>
      <c r="JH12" s="72">
        <v>444</v>
      </c>
      <c r="JI12" s="244"/>
      <c r="JJ12" s="71">
        <v>579</v>
      </c>
      <c r="JK12" s="71">
        <v>647</v>
      </c>
      <c r="JL12" s="71">
        <v>612</v>
      </c>
      <c r="JM12" s="71">
        <v>512</v>
      </c>
      <c r="JN12" s="71">
        <v>296</v>
      </c>
      <c r="JO12" s="72">
        <v>2646</v>
      </c>
      <c r="JP12" s="73">
        <v>3090</v>
      </c>
      <c r="JQ12" s="70">
        <v>21</v>
      </c>
      <c r="JR12" s="71">
        <v>41</v>
      </c>
      <c r="JS12" s="72">
        <v>62</v>
      </c>
      <c r="JT12" s="244"/>
      <c r="JU12" s="71">
        <v>40</v>
      </c>
      <c r="JV12" s="71">
        <v>73</v>
      </c>
      <c r="JW12" s="71">
        <v>47</v>
      </c>
      <c r="JX12" s="71">
        <v>37</v>
      </c>
      <c r="JY12" s="71">
        <v>36</v>
      </c>
      <c r="JZ12" s="72">
        <v>233</v>
      </c>
      <c r="KA12" s="73">
        <v>295</v>
      </c>
      <c r="KB12" s="70">
        <v>1538</v>
      </c>
      <c r="KC12" s="71">
        <v>1307</v>
      </c>
      <c r="KD12" s="72">
        <v>2845</v>
      </c>
      <c r="KE12" s="244"/>
      <c r="KF12" s="71">
        <v>2611</v>
      </c>
      <c r="KG12" s="71">
        <v>2504</v>
      </c>
      <c r="KH12" s="71">
        <v>1944</v>
      </c>
      <c r="KI12" s="71">
        <v>1507</v>
      </c>
      <c r="KJ12" s="71">
        <v>949</v>
      </c>
      <c r="KK12" s="72">
        <v>9515</v>
      </c>
      <c r="KL12" s="73">
        <v>12360</v>
      </c>
    </row>
    <row r="13" spans="1:298" ht="19.5" customHeight="1" x14ac:dyDescent="0.2">
      <c r="A13" s="126" t="s">
        <v>9</v>
      </c>
      <c r="B13" s="316">
        <v>648</v>
      </c>
      <c r="C13" s="82">
        <v>402</v>
      </c>
      <c r="D13" s="83">
        <v>1050</v>
      </c>
      <c r="E13" s="241"/>
      <c r="F13" s="82">
        <v>806</v>
      </c>
      <c r="G13" s="82">
        <v>568</v>
      </c>
      <c r="H13" s="82">
        <v>427</v>
      </c>
      <c r="I13" s="82">
        <v>389</v>
      </c>
      <c r="J13" s="82">
        <v>214</v>
      </c>
      <c r="K13" s="84">
        <v>2404</v>
      </c>
      <c r="L13" s="85">
        <v>3454</v>
      </c>
      <c r="M13" s="70">
        <v>16</v>
      </c>
      <c r="N13" s="71">
        <v>11</v>
      </c>
      <c r="O13" s="72">
        <v>27</v>
      </c>
      <c r="P13" s="241"/>
      <c r="Q13" s="71">
        <v>21</v>
      </c>
      <c r="R13" s="71">
        <v>29</v>
      </c>
      <c r="S13" s="71">
        <v>15</v>
      </c>
      <c r="T13" s="71">
        <v>12</v>
      </c>
      <c r="U13" s="71">
        <v>9</v>
      </c>
      <c r="V13" s="72">
        <v>86</v>
      </c>
      <c r="W13" s="73">
        <v>113</v>
      </c>
      <c r="X13" s="70">
        <v>51</v>
      </c>
      <c r="Y13" s="71">
        <v>33</v>
      </c>
      <c r="Z13" s="72">
        <v>84</v>
      </c>
      <c r="AA13" s="241"/>
      <c r="AB13" s="71">
        <v>60</v>
      </c>
      <c r="AC13" s="71">
        <v>45</v>
      </c>
      <c r="AD13" s="71">
        <v>40</v>
      </c>
      <c r="AE13" s="71">
        <v>33</v>
      </c>
      <c r="AF13" s="71">
        <v>22</v>
      </c>
      <c r="AG13" s="72">
        <v>200</v>
      </c>
      <c r="AH13" s="73">
        <v>284</v>
      </c>
      <c r="AI13" s="70">
        <v>68</v>
      </c>
      <c r="AJ13" s="71">
        <v>40</v>
      </c>
      <c r="AK13" s="72">
        <v>108</v>
      </c>
      <c r="AL13" s="241"/>
      <c r="AM13" s="71">
        <v>105</v>
      </c>
      <c r="AN13" s="71">
        <v>63</v>
      </c>
      <c r="AO13" s="71">
        <v>66</v>
      </c>
      <c r="AP13" s="71">
        <v>57</v>
      </c>
      <c r="AQ13" s="71">
        <v>36</v>
      </c>
      <c r="AR13" s="72">
        <v>327</v>
      </c>
      <c r="AS13" s="73">
        <v>435</v>
      </c>
      <c r="AT13" s="70">
        <v>159</v>
      </c>
      <c r="AU13" s="71">
        <v>96</v>
      </c>
      <c r="AV13" s="72">
        <v>255</v>
      </c>
      <c r="AW13" s="241"/>
      <c r="AX13" s="71">
        <v>176</v>
      </c>
      <c r="AY13" s="71">
        <v>119</v>
      </c>
      <c r="AZ13" s="71">
        <v>65</v>
      </c>
      <c r="BA13" s="71">
        <v>76</v>
      </c>
      <c r="BB13" s="71">
        <v>47</v>
      </c>
      <c r="BC13" s="72">
        <v>483</v>
      </c>
      <c r="BD13" s="73">
        <v>738</v>
      </c>
      <c r="BE13" s="70">
        <v>213</v>
      </c>
      <c r="BF13" s="71">
        <v>121</v>
      </c>
      <c r="BG13" s="72">
        <v>334</v>
      </c>
      <c r="BH13" s="244"/>
      <c r="BI13" s="71">
        <v>261</v>
      </c>
      <c r="BJ13" s="71">
        <v>159</v>
      </c>
      <c r="BK13" s="71">
        <v>114</v>
      </c>
      <c r="BL13" s="71">
        <v>123</v>
      </c>
      <c r="BM13" s="71">
        <v>38</v>
      </c>
      <c r="BN13" s="72">
        <v>695</v>
      </c>
      <c r="BO13" s="73">
        <v>1029</v>
      </c>
      <c r="BP13" s="70">
        <v>141</v>
      </c>
      <c r="BQ13" s="71">
        <v>101</v>
      </c>
      <c r="BR13" s="72">
        <v>242</v>
      </c>
      <c r="BS13" s="244"/>
      <c r="BT13" s="71">
        <v>183</v>
      </c>
      <c r="BU13" s="71">
        <v>153</v>
      </c>
      <c r="BV13" s="71">
        <v>127</v>
      </c>
      <c r="BW13" s="71">
        <v>88</v>
      </c>
      <c r="BX13" s="71">
        <v>62</v>
      </c>
      <c r="BY13" s="72">
        <v>613</v>
      </c>
      <c r="BZ13" s="73">
        <v>855</v>
      </c>
      <c r="CA13" s="70">
        <v>6</v>
      </c>
      <c r="CB13" s="71">
        <v>17</v>
      </c>
      <c r="CC13" s="72">
        <v>23</v>
      </c>
      <c r="CD13" s="244"/>
      <c r="CE13" s="71">
        <v>27</v>
      </c>
      <c r="CF13" s="71">
        <v>23</v>
      </c>
      <c r="CG13" s="71">
        <v>9</v>
      </c>
      <c r="CH13" s="71">
        <v>11</v>
      </c>
      <c r="CI13" s="71">
        <v>8</v>
      </c>
      <c r="CJ13" s="72">
        <v>78</v>
      </c>
      <c r="CK13" s="73">
        <v>101</v>
      </c>
      <c r="CL13" s="70">
        <v>654</v>
      </c>
      <c r="CM13" s="71">
        <v>419</v>
      </c>
      <c r="CN13" s="72">
        <v>1073</v>
      </c>
      <c r="CO13" s="244"/>
      <c r="CP13" s="71">
        <v>833</v>
      </c>
      <c r="CQ13" s="71">
        <v>591</v>
      </c>
      <c r="CR13" s="71">
        <v>436</v>
      </c>
      <c r="CS13" s="71">
        <v>400</v>
      </c>
      <c r="CT13" s="71">
        <v>222</v>
      </c>
      <c r="CU13" s="72">
        <v>2482</v>
      </c>
      <c r="CV13" s="73">
        <v>3555</v>
      </c>
      <c r="CW13" s="123">
        <v>1323</v>
      </c>
      <c r="CX13" s="82">
        <v>1006</v>
      </c>
      <c r="CY13" s="83">
        <v>2329</v>
      </c>
      <c r="CZ13" s="241"/>
      <c r="DA13" s="82">
        <v>1591</v>
      </c>
      <c r="DB13" s="82">
        <v>1156</v>
      </c>
      <c r="DC13" s="82">
        <v>939</v>
      </c>
      <c r="DD13" s="82">
        <v>1038</v>
      </c>
      <c r="DE13" s="82">
        <v>704</v>
      </c>
      <c r="DF13" s="84">
        <v>5428</v>
      </c>
      <c r="DG13" s="85">
        <v>7757</v>
      </c>
      <c r="DH13" s="70">
        <v>25</v>
      </c>
      <c r="DI13" s="71">
        <v>10</v>
      </c>
      <c r="DJ13" s="72">
        <v>35</v>
      </c>
      <c r="DK13" s="244"/>
      <c r="DL13" s="71">
        <v>13</v>
      </c>
      <c r="DM13" s="71">
        <v>14</v>
      </c>
      <c r="DN13" s="71">
        <v>10</v>
      </c>
      <c r="DO13" s="71">
        <v>11</v>
      </c>
      <c r="DP13" s="71">
        <v>14</v>
      </c>
      <c r="DQ13" s="72">
        <v>62</v>
      </c>
      <c r="DR13" s="73">
        <v>97</v>
      </c>
      <c r="DS13" s="70">
        <v>85</v>
      </c>
      <c r="DT13" s="71">
        <v>60</v>
      </c>
      <c r="DU13" s="72">
        <v>145</v>
      </c>
      <c r="DV13" s="244"/>
      <c r="DW13" s="71">
        <v>63</v>
      </c>
      <c r="DX13" s="71">
        <v>40</v>
      </c>
      <c r="DY13" s="71">
        <v>32</v>
      </c>
      <c r="DZ13" s="71">
        <v>35</v>
      </c>
      <c r="EA13" s="71">
        <v>28</v>
      </c>
      <c r="EB13" s="72">
        <v>198</v>
      </c>
      <c r="EC13" s="73">
        <v>343</v>
      </c>
      <c r="ED13" s="70">
        <v>198</v>
      </c>
      <c r="EE13" s="71">
        <v>135</v>
      </c>
      <c r="EF13" s="72">
        <v>333</v>
      </c>
      <c r="EG13" s="244"/>
      <c r="EH13" s="71">
        <v>154</v>
      </c>
      <c r="EI13" s="71">
        <v>100</v>
      </c>
      <c r="EJ13" s="71">
        <v>51</v>
      </c>
      <c r="EK13" s="71">
        <v>60</v>
      </c>
      <c r="EL13" s="71">
        <v>67</v>
      </c>
      <c r="EM13" s="72">
        <v>432</v>
      </c>
      <c r="EN13" s="73">
        <v>765</v>
      </c>
      <c r="EO13" s="70">
        <v>350</v>
      </c>
      <c r="EP13" s="71">
        <v>235</v>
      </c>
      <c r="EQ13" s="72">
        <v>585</v>
      </c>
      <c r="ER13" s="244"/>
      <c r="ES13" s="71">
        <v>346</v>
      </c>
      <c r="ET13" s="71">
        <v>193</v>
      </c>
      <c r="EU13" s="71">
        <v>134</v>
      </c>
      <c r="EV13" s="71">
        <v>146</v>
      </c>
      <c r="EW13" s="71">
        <v>117</v>
      </c>
      <c r="EX13" s="72">
        <v>936</v>
      </c>
      <c r="EY13" s="73">
        <v>1521</v>
      </c>
      <c r="EZ13" s="70">
        <v>412</v>
      </c>
      <c r="FA13" s="71">
        <v>331</v>
      </c>
      <c r="FB13" s="72">
        <v>743</v>
      </c>
      <c r="FC13" s="244"/>
      <c r="FD13" s="71">
        <v>510</v>
      </c>
      <c r="FE13" s="71">
        <v>339</v>
      </c>
      <c r="FF13" s="71">
        <v>265</v>
      </c>
      <c r="FG13" s="71">
        <v>266</v>
      </c>
      <c r="FH13" s="71">
        <v>167</v>
      </c>
      <c r="FI13" s="72">
        <v>1547</v>
      </c>
      <c r="FJ13" s="73">
        <v>2290</v>
      </c>
      <c r="FK13" s="70">
        <v>253</v>
      </c>
      <c r="FL13" s="71">
        <v>235</v>
      </c>
      <c r="FM13" s="72">
        <v>488</v>
      </c>
      <c r="FN13" s="244"/>
      <c r="FO13" s="71">
        <v>505</v>
      </c>
      <c r="FP13" s="71">
        <v>470</v>
      </c>
      <c r="FQ13" s="71">
        <v>447</v>
      </c>
      <c r="FR13" s="71">
        <v>520</v>
      </c>
      <c r="FS13" s="71">
        <v>311</v>
      </c>
      <c r="FT13" s="72">
        <v>2253</v>
      </c>
      <c r="FU13" s="73">
        <v>2741</v>
      </c>
      <c r="FV13" s="70">
        <v>5</v>
      </c>
      <c r="FW13" s="71">
        <v>14</v>
      </c>
      <c r="FX13" s="72">
        <v>19</v>
      </c>
      <c r="FY13" s="244"/>
      <c r="FZ13" s="71">
        <v>7</v>
      </c>
      <c r="GA13" s="71">
        <v>18</v>
      </c>
      <c r="GB13" s="71">
        <v>11</v>
      </c>
      <c r="GC13" s="71">
        <v>12</v>
      </c>
      <c r="GD13" s="71">
        <v>9</v>
      </c>
      <c r="GE13" s="72">
        <v>57</v>
      </c>
      <c r="GF13" s="73">
        <v>76</v>
      </c>
      <c r="GG13" s="70">
        <v>1328</v>
      </c>
      <c r="GH13" s="71">
        <v>1020</v>
      </c>
      <c r="GI13" s="72">
        <v>2348</v>
      </c>
      <c r="GJ13" s="244"/>
      <c r="GK13" s="71">
        <v>1598</v>
      </c>
      <c r="GL13" s="71">
        <v>1174</v>
      </c>
      <c r="GM13" s="71">
        <v>950</v>
      </c>
      <c r="GN13" s="71">
        <v>1050</v>
      </c>
      <c r="GO13" s="71">
        <v>713</v>
      </c>
      <c r="GP13" s="72">
        <v>5485</v>
      </c>
      <c r="GQ13" s="73">
        <v>7833</v>
      </c>
      <c r="GR13" s="123">
        <v>1971</v>
      </c>
      <c r="GS13" s="82">
        <v>1408</v>
      </c>
      <c r="GT13" s="83">
        <v>3379</v>
      </c>
      <c r="GU13" s="241"/>
      <c r="GV13" s="82">
        <v>2397</v>
      </c>
      <c r="GW13" s="82">
        <v>1724</v>
      </c>
      <c r="GX13" s="82">
        <v>1366</v>
      </c>
      <c r="GY13" s="82">
        <v>1427</v>
      </c>
      <c r="GZ13" s="82">
        <v>918</v>
      </c>
      <c r="HA13" s="84">
        <v>7832</v>
      </c>
      <c r="HB13" s="85">
        <v>11211</v>
      </c>
      <c r="HC13" s="70">
        <v>41</v>
      </c>
      <c r="HD13" s="71">
        <v>21</v>
      </c>
      <c r="HE13" s="72">
        <v>62</v>
      </c>
      <c r="HF13" s="244"/>
      <c r="HG13" s="71">
        <v>34</v>
      </c>
      <c r="HH13" s="71">
        <v>43</v>
      </c>
      <c r="HI13" s="71">
        <v>25</v>
      </c>
      <c r="HJ13" s="71">
        <v>23</v>
      </c>
      <c r="HK13" s="71">
        <v>23</v>
      </c>
      <c r="HL13" s="72">
        <v>148</v>
      </c>
      <c r="HM13" s="73">
        <v>210</v>
      </c>
      <c r="HN13" s="70">
        <v>136</v>
      </c>
      <c r="HO13" s="71">
        <v>93</v>
      </c>
      <c r="HP13" s="72">
        <v>229</v>
      </c>
      <c r="HQ13" s="244"/>
      <c r="HR13" s="71">
        <v>123</v>
      </c>
      <c r="HS13" s="71">
        <v>85</v>
      </c>
      <c r="HT13" s="71">
        <v>72</v>
      </c>
      <c r="HU13" s="71">
        <v>68</v>
      </c>
      <c r="HV13" s="71">
        <v>50</v>
      </c>
      <c r="HW13" s="72">
        <v>398</v>
      </c>
      <c r="HX13" s="73">
        <v>627</v>
      </c>
      <c r="HY13" s="70">
        <v>266</v>
      </c>
      <c r="HZ13" s="71">
        <v>175</v>
      </c>
      <c r="IA13" s="72">
        <v>441</v>
      </c>
      <c r="IB13" s="244"/>
      <c r="IC13" s="71">
        <v>259</v>
      </c>
      <c r="ID13" s="71">
        <v>163</v>
      </c>
      <c r="IE13" s="71">
        <v>117</v>
      </c>
      <c r="IF13" s="71">
        <v>117</v>
      </c>
      <c r="IG13" s="71">
        <v>103</v>
      </c>
      <c r="IH13" s="72">
        <v>759</v>
      </c>
      <c r="II13" s="73">
        <v>1200</v>
      </c>
      <c r="IJ13" s="70">
        <v>509</v>
      </c>
      <c r="IK13" s="71">
        <v>331</v>
      </c>
      <c r="IL13" s="72">
        <v>840</v>
      </c>
      <c r="IM13" s="244"/>
      <c r="IN13" s="71">
        <v>522</v>
      </c>
      <c r="IO13" s="71">
        <v>312</v>
      </c>
      <c r="IP13" s="71">
        <v>199</v>
      </c>
      <c r="IQ13" s="71">
        <v>222</v>
      </c>
      <c r="IR13" s="71">
        <v>164</v>
      </c>
      <c r="IS13" s="72">
        <v>1419</v>
      </c>
      <c r="IT13" s="73">
        <v>2259</v>
      </c>
      <c r="IU13" s="70">
        <v>625</v>
      </c>
      <c r="IV13" s="71">
        <v>452</v>
      </c>
      <c r="IW13" s="72">
        <v>1077</v>
      </c>
      <c r="IX13" s="244"/>
      <c r="IY13" s="71">
        <v>771</v>
      </c>
      <c r="IZ13" s="71">
        <v>498</v>
      </c>
      <c r="JA13" s="71">
        <v>379</v>
      </c>
      <c r="JB13" s="71">
        <v>389</v>
      </c>
      <c r="JC13" s="71">
        <v>205</v>
      </c>
      <c r="JD13" s="72">
        <v>2242</v>
      </c>
      <c r="JE13" s="73">
        <v>3319</v>
      </c>
      <c r="JF13" s="70">
        <v>394</v>
      </c>
      <c r="JG13" s="71">
        <v>336</v>
      </c>
      <c r="JH13" s="72">
        <v>730</v>
      </c>
      <c r="JI13" s="244"/>
      <c r="JJ13" s="71">
        <v>688</v>
      </c>
      <c r="JK13" s="71">
        <v>623</v>
      </c>
      <c r="JL13" s="71">
        <v>574</v>
      </c>
      <c r="JM13" s="71">
        <v>608</v>
      </c>
      <c r="JN13" s="71">
        <v>373</v>
      </c>
      <c r="JO13" s="72">
        <v>2866</v>
      </c>
      <c r="JP13" s="73">
        <v>3596</v>
      </c>
      <c r="JQ13" s="70">
        <v>11</v>
      </c>
      <c r="JR13" s="71">
        <v>31</v>
      </c>
      <c r="JS13" s="72">
        <v>42</v>
      </c>
      <c r="JT13" s="244"/>
      <c r="JU13" s="71">
        <v>34</v>
      </c>
      <c r="JV13" s="71">
        <v>41</v>
      </c>
      <c r="JW13" s="71">
        <v>20</v>
      </c>
      <c r="JX13" s="71">
        <v>23</v>
      </c>
      <c r="JY13" s="71">
        <v>17</v>
      </c>
      <c r="JZ13" s="72">
        <v>135</v>
      </c>
      <c r="KA13" s="73">
        <v>177</v>
      </c>
      <c r="KB13" s="70">
        <v>1982</v>
      </c>
      <c r="KC13" s="71">
        <v>1439</v>
      </c>
      <c r="KD13" s="72">
        <v>3421</v>
      </c>
      <c r="KE13" s="244"/>
      <c r="KF13" s="71">
        <v>2431</v>
      </c>
      <c r="KG13" s="71">
        <v>1765</v>
      </c>
      <c r="KH13" s="71">
        <v>1386</v>
      </c>
      <c r="KI13" s="71">
        <v>1450</v>
      </c>
      <c r="KJ13" s="71">
        <v>935</v>
      </c>
      <c r="KK13" s="72">
        <v>7967</v>
      </c>
      <c r="KL13" s="73">
        <v>11388</v>
      </c>
    </row>
    <row r="14" spans="1:298" ht="19.5" customHeight="1" x14ac:dyDescent="0.2">
      <c r="A14" s="126" t="s">
        <v>10</v>
      </c>
      <c r="B14" s="316">
        <v>1436</v>
      </c>
      <c r="C14" s="82">
        <v>982</v>
      </c>
      <c r="D14" s="83">
        <v>2418</v>
      </c>
      <c r="E14" s="241"/>
      <c r="F14" s="82">
        <v>1656</v>
      </c>
      <c r="G14" s="82">
        <v>976</v>
      </c>
      <c r="H14" s="82">
        <v>739</v>
      </c>
      <c r="I14" s="82">
        <v>578</v>
      </c>
      <c r="J14" s="82">
        <v>407</v>
      </c>
      <c r="K14" s="84">
        <v>4356</v>
      </c>
      <c r="L14" s="85">
        <v>6774</v>
      </c>
      <c r="M14" s="70">
        <v>56</v>
      </c>
      <c r="N14" s="71">
        <v>68</v>
      </c>
      <c r="O14" s="72">
        <v>124</v>
      </c>
      <c r="P14" s="241"/>
      <c r="Q14" s="71">
        <v>70</v>
      </c>
      <c r="R14" s="71">
        <v>55</v>
      </c>
      <c r="S14" s="71">
        <v>34</v>
      </c>
      <c r="T14" s="71">
        <v>29</v>
      </c>
      <c r="U14" s="71">
        <v>28</v>
      </c>
      <c r="V14" s="72">
        <v>216</v>
      </c>
      <c r="W14" s="73">
        <v>340</v>
      </c>
      <c r="X14" s="70">
        <v>140</v>
      </c>
      <c r="Y14" s="71">
        <v>126</v>
      </c>
      <c r="Z14" s="72">
        <v>266</v>
      </c>
      <c r="AA14" s="241"/>
      <c r="AB14" s="71">
        <v>187</v>
      </c>
      <c r="AC14" s="71">
        <v>106</v>
      </c>
      <c r="AD14" s="71">
        <v>75</v>
      </c>
      <c r="AE14" s="71">
        <v>66</v>
      </c>
      <c r="AF14" s="71">
        <v>69</v>
      </c>
      <c r="AG14" s="72">
        <v>503</v>
      </c>
      <c r="AH14" s="73">
        <v>769</v>
      </c>
      <c r="AI14" s="70">
        <v>181</v>
      </c>
      <c r="AJ14" s="71">
        <v>158</v>
      </c>
      <c r="AK14" s="72">
        <v>339</v>
      </c>
      <c r="AL14" s="241"/>
      <c r="AM14" s="71">
        <v>273</v>
      </c>
      <c r="AN14" s="71">
        <v>180</v>
      </c>
      <c r="AO14" s="71">
        <v>123</v>
      </c>
      <c r="AP14" s="71">
        <v>86</v>
      </c>
      <c r="AQ14" s="71">
        <v>56</v>
      </c>
      <c r="AR14" s="72">
        <v>718</v>
      </c>
      <c r="AS14" s="73">
        <v>1057</v>
      </c>
      <c r="AT14" s="70">
        <v>388</v>
      </c>
      <c r="AU14" s="71">
        <v>222</v>
      </c>
      <c r="AV14" s="72">
        <v>610</v>
      </c>
      <c r="AW14" s="241"/>
      <c r="AX14" s="71">
        <v>361</v>
      </c>
      <c r="AY14" s="71">
        <v>203</v>
      </c>
      <c r="AZ14" s="71">
        <v>160</v>
      </c>
      <c r="BA14" s="71">
        <v>134</v>
      </c>
      <c r="BB14" s="71">
        <v>93</v>
      </c>
      <c r="BC14" s="72">
        <v>951</v>
      </c>
      <c r="BD14" s="73">
        <v>1561</v>
      </c>
      <c r="BE14" s="70">
        <v>426</v>
      </c>
      <c r="BF14" s="71">
        <v>248</v>
      </c>
      <c r="BG14" s="72">
        <v>674</v>
      </c>
      <c r="BH14" s="244"/>
      <c r="BI14" s="71">
        <v>434</v>
      </c>
      <c r="BJ14" s="71">
        <v>236</v>
      </c>
      <c r="BK14" s="71">
        <v>182</v>
      </c>
      <c r="BL14" s="71">
        <v>144</v>
      </c>
      <c r="BM14" s="71">
        <v>93</v>
      </c>
      <c r="BN14" s="72">
        <v>1089</v>
      </c>
      <c r="BO14" s="73">
        <v>1763</v>
      </c>
      <c r="BP14" s="70">
        <v>245</v>
      </c>
      <c r="BQ14" s="71">
        <v>160</v>
      </c>
      <c r="BR14" s="72">
        <v>405</v>
      </c>
      <c r="BS14" s="244"/>
      <c r="BT14" s="71">
        <v>331</v>
      </c>
      <c r="BU14" s="71">
        <v>196</v>
      </c>
      <c r="BV14" s="71">
        <v>165</v>
      </c>
      <c r="BW14" s="71">
        <v>119</v>
      </c>
      <c r="BX14" s="71">
        <v>68</v>
      </c>
      <c r="BY14" s="72">
        <v>879</v>
      </c>
      <c r="BZ14" s="73">
        <v>1284</v>
      </c>
      <c r="CA14" s="70">
        <v>33</v>
      </c>
      <c r="CB14" s="71">
        <v>34</v>
      </c>
      <c r="CC14" s="72">
        <v>67</v>
      </c>
      <c r="CD14" s="244"/>
      <c r="CE14" s="71">
        <v>66</v>
      </c>
      <c r="CF14" s="71">
        <v>46</v>
      </c>
      <c r="CG14" s="71">
        <v>29</v>
      </c>
      <c r="CH14" s="71">
        <v>20</v>
      </c>
      <c r="CI14" s="71">
        <v>32</v>
      </c>
      <c r="CJ14" s="72">
        <v>193</v>
      </c>
      <c r="CK14" s="73">
        <v>260</v>
      </c>
      <c r="CL14" s="70">
        <v>1469</v>
      </c>
      <c r="CM14" s="71">
        <v>1016</v>
      </c>
      <c r="CN14" s="72">
        <v>2485</v>
      </c>
      <c r="CO14" s="244"/>
      <c r="CP14" s="71">
        <v>1722</v>
      </c>
      <c r="CQ14" s="71">
        <v>1022</v>
      </c>
      <c r="CR14" s="71">
        <v>768</v>
      </c>
      <c r="CS14" s="71">
        <v>598</v>
      </c>
      <c r="CT14" s="71">
        <v>439</v>
      </c>
      <c r="CU14" s="72">
        <v>4549</v>
      </c>
      <c r="CV14" s="73">
        <v>7034</v>
      </c>
      <c r="CW14" s="123">
        <v>2881</v>
      </c>
      <c r="CX14" s="82">
        <v>2133</v>
      </c>
      <c r="CY14" s="83">
        <v>5014</v>
      </c>
      <c r="CZ14" s="241"/>
      <c r="DA14" s="82">
        <v>3110</v>
      </c>
      <c r="DB14" s="82">
        <v>1722</v>
      </c>
      <c r="DC14" s="82">
        <v>1427</v>
      </c>
      <c r="DD14" s="82">
        <v>1389</v>
      </c>
      <c r="DE14" s="82">
        <v>1224</v>
      </c>
      <c r="DF14" s="84">
        <v>8872</v>
      </c>
      <c r="DG14" s="85">
        <v>13886</v>
      </c>
      <c r="DH14" s="70">
        <v>63</v>
      </c>
      <c r="DI14" s="71">
        <v>49</v>
      </c>
      <c r="DJ14" s="72">
        <v>112</v>
      </c>
      <c r="DK14" s="244"/>
      <c r="DL14" s="71">
        <v>67</v>
      </c>
      <c r="DM14" s="71">
        <v>29</v>
      </c>
      <c r="DN14" s="71">
        <v>20</v>
      </c>
      <c r="DO14" s="71">
        <v>21</v>
      </c>
      <c r="DP14" s="71">
        <v>24</v>
      </c>
      <c r="DQ14" s="72">
        <v>161</v>
      </c>
      <c r="DR14" s="73">
        <v>273</v>
      </c>
      <c r="DS14" s="70">
        <v>208</v>
      </c>
      <c r="DT14" s="71">
        <v>162</v>
      </c>
      <c r="DU14" s="72">
        <v>370</v>
      </c>
      <c r="DV14" s="244"/>
      <c r="DW14" s="71">
        <v>181</v>
      </c>
      <c r="DX14" s="71">
        <v>105</v>
      </c>
      <c r="DY14" s="71">
        <v>57</v>
      </c>
      <c r="DZ14" s="71">
        <v>62</v>
      </c>
      <c r="EA14" s="71">
        <v>61</v>
      </c>
      <c r="EB14" s="72">
        <v>466</v>
      </c>
      <c r="EC14" s="73">
        <v>836</v>
      </c>
      <c r="ED14" s="70">
        <v>458</v>
      </c>
      <c r="EE14" s="71">
        <v>295</v>
      </c>
      <c r="EF14" s="72">
        <v>753</v>
      </c>
      <c r="EG14" s="244"/>
      <c r="EH14" s="71">
        <v>361</v>
      </c>
      <c r="EI14" s="71">
        <v>146</v>
      </c>
      <c r="EJ14" s="71">
        <v>130</v>
      </c>
      <c r="EK14" s="71">
        <v>123</v>
      </c>
      <c r="EL14" s="71">
        <v>109</v>
      </c>
      <c r="EM14" s="72">
        <v>869</v>
      </c>
      <c r="EN14" s="73">
        <v>1622</v>
      </c>
      <c r="EO14" s="70">
        <v>795</v>
      </c>
      <c r="EP14" s="71">
        <v>523</v>
      </c>
      <c r="EQ14" s="72">
        <v>1318</v>
      </c>
      <c r="ER14" s="244"/>
      <c r="ES14" s="71">
        <v>660</v>
      </c>
      <c r="ET14" s="71">
        <v>352</v>
      </c>
      <c r="EU14" s="71">
        <v>235</v>
      </c>
      <c r="EV14" s="71">
        <v>220</v>
      </c>
      <c r="EW14" s="71">
        <v>216</v>
      </c>
      <c r="EX14" s="72">
        <v>1683</v>
      </c>
      <c r="EY14" s="73">
        <v>3001</v>
      </c>
      <c r="EZ14" s="70">
        <v>897</v>
      </c>
      <c r="FA14" s="71">
        <v>622</v>
      </c>
      <c r="FB14" s="72">
        <v>1519</v>
      </c>
      <c r="FC14" s="244"/>
      <c r="FD14" s="71">
        <v>966</v>
      </c>
      <c r="FE14" s="71">
        <v>471</v>
      </c>
      <c r="FF14" s="71">
        <v>382</v>
      </c>
      <c r="FG14" s="71">
        <v>330</v>
      </c>
      <c r="FH14" s="71">
        <v>339</v>
      </c>
      <c r="FI14" s="72">
        <v>2488</v>
      </c>
      <c r="FJ14" s="73">
        <v>4007</v>
      </c>
      <c r="FK14" s="70">
        <v>460</v>
      </c>
      <c r="FL14" s="71">
        <v>482</v>
      </c>
      <c r="FM14" s="72">
        <v>942</v>
      </c>
      <c r="FN14" s="244"/>
      <c r="FO14" s="71">
        <v>875</v>
      </c>
      <c r="FP14" s="71">
        <v>619</v>
      </c>
      <c r="FQ14" s="71">
        <v>603</v>
      </c>
      <c r="FR14" s="71">
        <v>633</v>
      </c>
      <c r="FS14" s="71">
        <v>475</v>
      </c>
      <c r="FT14" s="72">
        <v>3205</v>
      </c>
      <c r="FU14" s="73">
        <v>4147</v>
      </c>
      <c r="FV14" s="70">
        <v>26</v>
      </c>
      <c r="FW14" s="71">
        <v>40</v>
      </c>
      <c r="FX14" s="72">
        <v>66</v>
      </c>
      <c r="FY14" s="244"/>
      <c r="FZ14" s="71">
        <v>48</v>
      </c>
      <c r="GA14" s="71">
        <v>35</v>
      </c>
      <c r="GB14" s="71">
        <v>21</v>
      </c>
      <c r="GC14" s="71">
        <v>17</v>
      </c>
      <c r="GD14" s="71">
        <v>35</v>
      </c>
      <c r="GE14" s="72">
        <v>156</v>
      </c>
      <c r="GF14" s="73">
        <v>222</v>
      </c>
      <c r="GG14" s="70">
        <v>2907</v>
      </c>
      <c r="GH14" s="71">
        <v>2173</v>
      </c>
      <c r="GI14" s="72">
        <v>5080</v>
      </c>
      <c r="GJ14" s="244"/>
      <c r="GK14" s="71">
        <v>3158</v>
      </c>
      <c r="GL14" s="71">
        <v>1757</v>
      </c>
      <c r="GM14" s="71">
        <v>1448</v>
      </c>
      <c r="GN14" s="71">
        <v>1406</v>
      </c>
      <c r="GO14" s="71">
        <v>1259</v>
      </c>
      <c r="GP14" s="72">
        <v>9028</v>
      </c>
      <c r="GQ14" s="73">
        <v>14108</v>
      </c>
      <c r="GR14" s="123">
        <v>4317</v>
      </c>
      <c r="GS14" s="82">
        <v>3115</v>
      </c>
      <c r="GT14" s="83">
        <v>7432</v>
      </c>
      <c r="GU14" s="241"/>
      <c r="GV14" s="82">
        <v>4766</v>
      </c>
      <c r="GW14" s="82">
        <v>2698</v>
      </c>
      <c r="GX14" s="82">
        <v>2166</v>
      </c>
      <c r="GY14" s="82">
        <v>1967</v>
      </c>
      <c r="GZ14" s="82">
        <v>1631</v>
      </c>
      <c r="HA14" s="84">
        <v>13228</v>
      </c>
      <c r="HB14" s="85">
        <v>20660</v>
      </c>
      <c r="HC14" s="70">
        <v>119</v>
      </c>
      <c r="HD14" s="71">
        <v>117</v>
      </c>
      <c r="HE14" s="72">
        <v>236</v>
      </c>
      <c r="HF14" s="244"/>
      <c r="HG14" s="71">
        <v>137</v>
      </c>
      <c r="HH14" s="71">
        <v>84</v>
      </c>
      <c r="HI14" s="71">
        <v>54</v>
      </c>
      <c r="HJ14" s="71">
        <v>50</v>
      </c>
      <c r="HK14" s="71">
        <v>52</v>
      </c>
      <c r="HL14" s="72">
        <v>377</v>
      </c>
      <c r="HM14" s="73">
        <v>613</v>
      </c>
      <c r="HN14" s="70">
        <v>348</v>
      </c>
      <c r="HO14" s="71">
        <v>288</v>
      </c>
      <c r="HP14" s="72">
        <v>636</v>
      </c>
      <c r="HQ14" s="244"/>
      <c r="HR14" s="71">
        <v>368</v>
      </c>
      <c r="HS14" s="71">
        <v>211</v>
      </c>
      <c r="HT14" s="71">
        <v>132</v>
      </c>
      <c r="HU14" s="71">
        <v>128</v>
      </c>
      <c r="HV14" s="71">
        <v>130</v>
      </c>
      <c r="HW14" s="72">
        <v>969</v>
      </c>
      <c r="HX14" s="73">
        <v>1605</v>
      </c>
      <c r="HY14" s="70">
        <v>639</v>
      </c>
      <c r="HZ14" s="71">
        <v>453</v>
      </c>
      <c r="IA14" s="72">
        <v>1092</v>
      </c>
      <c r="IB14" s="244"/>
      <c r="IC14" s="71">
        <v>634</v>
      </c>
      <c r="ID14" s="71">
        <v>326</v>
      </c>
      <c r="IE14" s="71">
        <v>253</v>
      </c>
      <c r="IF14" s="71">
        <v>209</v>
      </c>
      <c r="IG14" s="71">
        <v>165</v>
      </c>
      <c r="IH14" s="72">
        <v>1587</v>
      </c>
      <c r="II14" s="73">
        <v>2679</v>
      </c>
      <c r="IJ14" s="70">
        <v>1183</v>
      </c>
      <c r="IK14" s="71">
        <v>745</v>
      </c>
      <c r="IL14" s="72">
        <v>1928</v>
      </c>
      <c r="IM14" s="244"/>
      <c r="IN14" s="71">
        <v>1021</v>
      </c>
      <c r="IO14" s="71">
        <v>555</v>
      </c>
      <c r="IP14" s="71">
        <v>395</v>
      </c>
      <c r="IQ14" s="71">
        <v>354</v>
      </c>
      <c r="IR14" s="71">
        <v>309</v>
      </c>
      <c r="IS14" s="72">
        <v>2634</v>
      </c>
      <c r="IT14" s="73">
        <v>4562</v>
      </c>
      <c r="IU14" s="70">
        <v>1323</v>
      </c>
      <c r="IV14" s="71">
        <v>870</v>
      </c>
      <c r="IW14" s="72">
        <v>2193</v>
      </c>
      <c r="IX14" s="244"/>
      <c r="IY14" s="71">
        <v>1400</v>
      </c>
      <c r="IZ14" s="71">
        <v>707</v>
      </c>
      <c r="JA14" s="71">
        <v>564</v>
      </c>
      <c r="JB14" s="71">
        <v>474</v>
      </c>
      <c r="JC14" s="71">
        <v>432</v>
      </c>
      <c r="JD14" s="72">
        <v>3577</v>
      </c>
      <c r="JE14" s="73">
        <v>5770</v>
      </c>
      <c r="JF14" s="70">
        <v>705</v>
      </c>
      <c r="JG14" s="71">
        <v>642</v>
      </c>
      <c r="JH14" s="72">
        <v>1347</v>
      </c>
      <c r="JI14" s="244"/>
      <c r="JJ14" s="71">
        <v>1206</v>
      </c>
      <c r="JK14" s="71">
        <v>815</v>
      </c>
      <c r="JL14" s="71">
        <v>768</v>
      </c>
      <c r="JM14" s="71">
        <v>752</v>
      </c>
      <c r="JN14" s="71">
        <v>543</v>
      </c>
      <c r="JO14" s="72">
        <v>4084</v>
      </c>
      <c r="JP14" s="73">
        <v>5431</v>
      </c>
      <c r="JQ14" s="70">
        <v>59</v>
      </c>
      <c r="JR14" s="71">
        <v>74</v>
      </c>
      <c r="JS14" s="72">
        <v>133</v>
      </c>
      <c r="JT14" s="244"/>
      <c r="JU14" s="71">
        <v>114</v>
      </c>
      <c r="JV14" s="71">
        <v>81</v>
      </c>
      <c r="JW14" s="71">
        <v>50</v>
      </c>
      <c r="JX14" s="71">
        <v>37</v>
      </c>
      <c r="JY14" s="71">
        <v>67</v>
      </c>
      <c r="JZ14" s="72">
        <v>349</v>
      </c>
      <c r="KA14" s="73">
        <v>482</v>
      </c>
      <c r="KB14" s="70">
        <v>4376</v>
      </c>
      <c r="KC14" s="71">
        <v>3189</v>
      </c>
      <c r="KD14" s="72">
        <v>7565</v>
      </c>
      <c r="KE14" s="244"/>
      <c r="KF14" s="71">
        <v>4880</v>
      </c>
      <c r="KG14" s="71">
        <v>2779</v>
      </c>
      <c r="KH14" s="71">
        <v>2216</v>
      </c>
      <c r="KI14" s="71">
        <v>2004</v>
      </c>
      <c r="KJ14" s="71">
        <v>1698</v>
      </c>
      <c r="KK14" s="72">
        <v>13577</v>
      </c>
      <c r="KL14" s="73">
        <v>21142</v>
      </c>
    </row>
    <row r="15" spans="1:298" ht="19.5" customHeight="1" x14ac:dyDescent="0.2">
      <c r="A15" s="126" t="s">
        <v>11</v>
      </c>
      <c r="B15" s="316">
        <v>454</v>
      </c>
      <c r="C15" s="82">
        <v>339</v>
      </c>
      <c r="D15" s="83">
        <v>793</v>
      </c>
      <c r="E15" s="241"/>
      <c r="F15" s="82">
        <v>885</v>
      </c>
      <c r="G15" s="82">
        <v>536</v>
      </c>
      <c r="H15" s="82">
        <v>471</v>
      </c>
      <c r="I15" s="82">
        <v>400</v>
      </c>
      <c r="J15" s="82">
        <v>205</v>
      </c>
      <c r="K15" s="84">
        <v>2497</v>
      </c>
      <c r="L15" s="85">
        <v>3290</v>
      </c>
      <c r="M15" s="70">
        <v>24</v>
      </c>
      <c r="N15" s="71">
        <v>14</v>
      </c>
      <c r="O15" s="72">
        <v>38</v>
      </c>
      <c r="P15" s="241"/>
      <c r="Q15" s="71">
        <v>51</v>
      </c>
      <c r="R15" s="71">
        <v>25</v>
      </c>
      <c r="S15" s="71">
        <v>18</v>
      </c>
      <c r="T15" s="71">
        <v>18</v>
      </c>
      <c r="U15" s="71">
        <v>11</v>
      </c>
      <c r="V15" s="72">
        <v>123</v>
      </c>
      <c r="W15" s="73">
        <v>161</v>
      </c>
      <c r="X15" s="70">
        <v>55</v>
      </c>
      <c r="Y15" s="71">
        <v>46</v>
      </c>
      <c r="Z15" s="72">
        <v>101</v>
      </c>
      <c r="AA15" s="241"/>
      <c r="AB15" s="71">
        <v>104</v>
      </c>
      <c r="AC15" s="71">
        <v>62</v>
      </c>
      <c r="AD15" s="71">
        <v>61</v>
      </c>
      <c r="AE15" s="71">
        <v>40</v>
      </c>
      <c r="AF15" s="71">
        <v>33</v>
      </c>
      <c r="AG15" s="72">
        <v>300</v>
      </c>
      <c r="AH15" s="73">
        <v>401</v>
      </c>
      <c r="AI15" s="70">
        <v>66</v>
      </c>
      <c r="AJ15" s="71">
        <v>62</v>
      </c>
      <c r="AK15" s="72">
        <v>128</v>
      </c>
      <c r="AL15" s="241"/>
      <c r="AM15" s="71">
        <v>157</v>
      </c>
      <c r="AN15" s="71">
        <v>90</v>
      </c>
      <c r="AO15" s="71">
        <v>83</v>
      </c>
      <c r="AP15" s="71">
        <v>72</v>
      </c>
      <c r="AQ15" s="71">
        <v>39</v>
      </c>
      <c r="AR15" s="72">
        <v>441</v>
      </c>
      <c r="AS15" s="73">
        <v>569</v>
      </c>
      <c r="AT15" s="70">
        <v>107</v>
      </c>
      <c r="AU15" s="71">
        <v>74</v>
      </c>
      <c r="AV15" s="72">
        <v>181</v>
      </c>
      <c r="AW15" s="241"/>
      <c r="AX15" s="71">
        <v>208</v>
      </c>
      <c r="AY15" s="71">
        <v>129</v>
      </c>
      <c r="AZ15" s="71">
        <v>104</v>
      </c>
      <c r="BA15" s="71">
        <v>88</v>
      </c>
      <c r="BB15" s="71">
        <v>40</v>
      </c>
      <c r="BC15" s="72">
        <v>569</v>
      </c>
      <c r="BD15" s="73">
        <v>750</v>
      </c>
      <c r="BE15" s="70">
        <v>129</v>
      </c>
      <c r="BF15" s="71">
        <v>87</v>
      </c>
      <c r="BG15" s="72">
        <v>216</v>
      </c>
      <c r="BH15" s="244"/>
      <c r="BI15" s="71">
        <v>207</v>
      </c>
      <c r="BJ15" s="71">
        <v>128</v>
      </c>
      <c r="BK15" s="71">
        <v>103</v>
      </c>
      <c r="BL15" s="71">
        <v>108</v>
      </c>
      <c r="BM15" s="71">
        <v>39</v>
      </c>
      <c r="BN15" s="72">
        <v>585</v>
      </c>
      <c r="BO15" s="73">
        <v>801</v>
      </c>
      <c r="BP15" s="70">
        <v>73</v>
      </c>
      <c r="BQ15" s="71">
        <v>56</v>
      </c>
      <c r="BR15" s="72">
        <v>129</v>
      </c>
      <c r="BS15" s="244"/>
      <c r="BT15" s="71">
        <v>158</v>
      </c>
      <c r="BU15" s="71">
        <v>102</v>
      </c>
      <c r="BV15" s="71">
        <v>102</v>
      </c>
      <c r="BW15" s="71">
        <v>74</v>
      </c>
      <c r="BX15" s="71">
        <v>43</v>
      </c>
      <c r="BY15" s="72">
        <v>479</v>
      </c>
      <c r="BZ15" s="73">
        <v>608</v>
      </c>
      <c r="CA15" s="70">
        <v>7</v>
      </c>
      <c r="CB15" s="71">
        <v>9</v>
      </c>
      <c r="CC15" s="72">
        <v>16</v>
      </c>
      <c r="CD15" s="244"/>
      <c r="CE15" s="71">
        <v>24</v>
      </c>
      <c r="CF15" s="71">
        <v>18</v>
      </c>
      <c r="CG15" s="71">
        <v>15</v>
      </c>
      <c r="CH15" s="71">
        <v>6</v>
      </c>
      <c r="CI15" s="71">
        <v>14</v>
      </c>
      <c r="CJ15" s="72">
        <v>77</v>
      </c>
      <c r="CK15" s="73">
        <v>93</v>
      </c>
      <c r="CL15" s="70">
        <v>461</v>
      </c>
      <c r="CM15" s="71">
        <v>348</v>
      </c>
      <c r="CN15" s="72">
        <v>809</v>
      </c>
      <c r="CO15" s="244"/>
      <c r="CP15" s="71">
        <v>909</v>
      </c>
      <c r="CQ15" s="71">
        <v>554</v>
      </c>
      <c r="CR15" s="71">
        <v>486</v>
      </c>
      <c r="CS15" s="71">
        <v>406</v>
      </c>
      <c r="CT15" s="71">
        <v>219</v>
      </c>
      <c r="CU15" s="72">
        <v>2574</v>
      </c>
      <c r="CV15" s="73">
        <v>3383</v>
      </c>
      <c r="CW15" s="123">
        <v>978</v>
      </c>
      <c r="CX15" s="82">
        <v>753</v>
      </c>
      <c r="CY15" s="83">
        <v>1731</v>
      </c>
      <c r="CZ15" s="241"/>
      <c r="DA15" s="82">
        <v>1809</v>
      </c>
      <c r="DB15" s="82">
        <v>1025</v>
      </c>
      <c r="DC15" s="82">
        <v>900</v>
      </c>
      <c r="DD15" s="82">
        <v>929</v>
      </c>
      <c r="DE15" s="82">
        <v>513</v>
      </c>
      <c r="DF15" s="84">
        <v>5176</v>
      </c>
      <c r="DG15" s="85">
        <v>6907</v>
      </c>
      <c r="DH15" s="70">
        <v>24</v>
      </c>
      <c r="DI15" s="71">
        <v>20</v>
      </c>
      <c r="DJ15" s="72">
        <v>44</v>
      </c>
      <c r="DK15" s="244"/>
      <c r="DL15" s="71">
        <v>45</v>
      </c>
      <c r="DM15" s="71">
        <v>24</v>
      </c>
      <c r="DN15" s="71">
        <v>14</v>
      </c>
      <c r="DO15" s="71">
        <v>16</v>
      </c>
      <c r="DP15" s="71">
        <v>12</v>
      </c>
      <c r="DQ15" s="72">
        <v>111</v>
      </c>
      <c r="DR15" s="73">
        <v>155</v>
      </c>
      <c r="DS15" s="70">
        <v>79</v>
      </c>
      <c r="DT15" s="71">
        <v>54</v>
      </c>
      <c r="DU15" s="72">
        <v>133</v>
      </c>
      <c r="DV15" s="244"/>
      <c r="DW15" s="71">
        <v>111</v>
      </c>
      <c r="DX15" s="71">
        <v>57</v>
      </c>
      <c r="DY15" s="71">
        <v>55</v>
      </c>
      <c r="DZ15" s="71">
        <v>43</v>
      </c>
      <c r="EA15" s="71">
        <v>35</v>
      </c>
      <c r="EB15" s="72">
        <v>301</v>
      </c>
      <c r="EC15" s="73">
        <v>434</v>
      </c>
      <c r="ED15" s="70">
        <v>123</v>
      </c>
      <c r="EE15" s="71">
        <v>92</v>
      </c>
      <c r="EF15" s="72">
        <v>215</v>
      </c>
      <c r="EG15" s="244"/>
      <c r="EH15" s="71">
        <v>188</v>
      </c>
      <c r="EI15" s="71">
        <v>115</v>
      </c>
      <c r="EJ15" s="71">
        <v>99</v>
      </c>
      <c r="EK15" s="71">
        <v>80</v>
      </c>
      <c r="EL15" s="71">
        <v>36</v>
      </c>
      <c r="EM15" s="72">
        <v>518</v>
      </c>
      <c r="EN15" s="73">
        <v>733</v>
      </c>
      <c r="EO15" s="70">
        <v>300</v>
      </c>
      <c r="EP15" s="71">
        <v>203</v>
      </c>
      <c r="EQ15" s="72">
        <v>503</v>
      </c>
      <c r="ER15" s="244"/>
      <c r="ES15" s="71">
        <v>401</v>
      </c>
      <c r="ET15" s="71">
        <v>203</v>
      </c>
      <c r="EU15" s="71">
        <v>147</v>
      </c>
      <c r="EV15" s="71">
        <v>144</v>
      </c>
      <c r="EW15" s="71">
        <v>85</v>
      </c>
      <c r="EX15" s="72">
        <v>980</v>
      </c>
      <c r="EY15" s="73">
        <v>1483</v>
      </c>
      <c r="EZ15" s="70">
        <v>289</v>
      </c>
      <c r="FA15" s="71">
        <v>225</v>
      </c>
      <c r="FB15" s="72">
        <v>514</v>
      </c>
      <c r="FC15" s="244"/>
      <c r="FD15" s="71">
        <v>574</v>
      </c>
      <c r="FE15" s="71">
        <v>286</v>
      </c>
      <c r="FF15" s="71">
        <v>245</v>
      </c>
      <c r="FG15" s="71">
        <v>243</v>
      </c>
      <c r="FH15" s="71">
        <v>153</v>
      </c>
      <c r="FI15" s="72">
        <v>1501</v>
      </c>
      <c r="FJ15" s="73">
        <v>2015</v>
      </c>
      <c r="FK15" s="70">
        <v>163</v>
      </c>
      <c r="FL15" s="71">
        <v>159</v>
      </c>
      <c r="FM15" s="72">
        <v>322</v>
      </c>
      <c r="FN15" s="244"/>
      <c r="FO15" s="71">
        <v>490</v>
      </c>
      <c r="FP15" s="71">
        <v>340</v>
      </c>
      <c r="FQ15" s="71">
        <v>340</v>
      </c>
      <c r="FR15" s="71">
        <v>403</v>
      </c>
      <c r="FS15" s="71">
        <v>192</v>
      </c>
      <c r="FT15" s="72">
        <v>1765</v>
      </c>
      <c r="FU15" s="73">
        <v>2087</v>
      </c>
      <c r="FV15" s="70">
        <v>7</v>
      </c>
      <c r="FW15" s="71">
        <v>10</v>
      </c>
      <c r="FX15" s="72">
        <v>17</v>
      </c>
      <c r="FY15" s="244"/>
      <c r="FZ15" s="71">
        <v>25</v>
      </c>
      <c r="GA15" s="71">
        <v>19</v>
      </c>
      <c r="GB15" s="71">
        <v>13</v>
      </c>
      <c r="GC15" s="71">
        <v>10</v>
      </c>
      <c r="GD15" s="71">
        <v>10</v>
      </c>
      <c r="GE15" s="72">
        <v>77</v>
      </c>
      <c r="GF15" s="73">
        <v>94</v>
      </c>
      <c r="GG15" s="70">
        <v>985</v>
      </c>
      <c r="GH15" s="71">
        <v>763</v>
      </c>
      <c r="GI15" s="72">
        <v>1748</v>
      </c>
      <c r="GJ15" s="244"/>
      <c r="GK15" s="71">
        <v>1834</v>
      </c>
      <c r="GL15" s="71">
        <v>1044</v>
      </c>
      <c r="GM15" s="71">
        <v>913</v>
      </c>
      <c r="GN15" s="71">
        <v>939</v>
      </c>
      <c r="GO15" s="71">
        <v>523</v>
      </c>
      <c r="GP15" s="72">
        <v>5253</v>
      </c>
      <c r="GQ15" s="73">
        <v>7001</v>
      </c>
      <c r="GR15" s="123">
        <v>1432</v>
      </c>
      <c r="GS15" s="82">
        <v>1092</v>
      </c>
      <c r="GT15" s="83">
        <v>2524</v>
      </c>
      <c r="GU15" s="241"/>
      <c r="GV15" s="82">
        <v>2694</v>
      </c>
      <c r="GW15" s="82">
        <v>1561</v>
      </c>
      <c r="GX15" s="82">
        <v>1371</v>
      </c>
      <c r="GY15" s="82">
        <v>1329</v>
      </c>
      <c r="GZ15" s="82">
        <v>718</v>
      </c>
      <c r="HA15" s="84">
        <v>7673</v>
      </c>
      <c r="HB15" s="85">
        <v>10197</v>
      </c>
      <c r="HC15" s="70">
        <v>48</v>
      </c>
      <c r="HD15" s="71">
        <v>34</v>
      </c>
      <c r="HE15" s="72">
        <v>82</v>
      </c>
      <c r="HF15" s="244"/>
      <c r="HG15" s="71">
        <v>96</v>
      </c>
      <c r="HH15" s="71">
        <v>49</v>
      </c>
      <c r="HI15" s="71">
        <v>32</v>
      </c>
      <c r="HJ15" s="71">
        <v>34</v>
      </c>
      <c r="HK15" s="71">
        <v>23</v>
      </c>
      <c r="HL15" s="72">
        <v>234</v>
      </c>
      <c r="HM15" s="73">
        <v>316</v>
      </c>
      <c r="HN15" s="70">
        <v>134</v>
      </c>
      <c r="HO15" s="71">
        <v>100</v>
      </c>
      <c r="HP15" s="72">
        <v>234</v>
      </c>
      <c r="HQ15" s="244"/>
      <c r="HR15" s="71">
        <v>215</v>
      </c>
      <c r="HS15" s="71">
        <v>119</v>
      </c>
      <c r="HT15" s="71">
        <v>116</v>
      </c>
      <c r="HU15" s="71">
        <v>83</v>
      </c>
      <c r="HV15" s="71">
        <v>68</v>
      </c>
      <c r="HW15" s="72">
        <v>601</v>
      </c>
      <c r="HX15" s="73">
        <v>835</v>
      </c>
      <c r="HY15" s="70">
        <v>189</v>
      </c>
      <c r="HZ15" s="71">
        <v>154</v>
      </c>
      <c r="IA15" s="72">
        <v>343</v>
      </c>
      <c r="IB15" s="244"/>
      <c r="IC15" s="71">
        <v>345</v>
      </c>
      <c r="ID15" s="71">
        <v>205</v>
      </c>
      <c r="IE15" s="71">
        <v>182</v>
      </c>
      <c r="IF15" s="71">
        <v>152</v>
      </c>
      <c r="IG15" s="71">
        <v>75</v>
      </c>
      <c r="IH15" s="72">
        <v>959</v>
      </c>
      <c r="II15" s="73">
        <v>1302</v>
      </c>
      <c r="IJ15" s="70">
        <v>407</v>
      </c>
      <c r="IK15" s="71">
        <v>277</v>
      </c>
      <c r="IL15" s="72">
        <v>684</v>
      </c>
      <c r="IM15" s="244"/>
      <c r="IN15" s="71">
        <v>609</v>
      </c>
      <c r="IO15" s="71">
        <v>332</v>
      </c>
      <c r="IP15" s="71">
        <v>251</v>
      </c>
      <c r="IQ15" s="71">
        <v>232</v>
      </c>
      <c r="IR15" s="71">
        <v>125</v>
      </c>
      <c r="IS15" s="72">
        <v>1549</v>
      </c>
      <c r="IT15" s="73">
        <v>2233</v>
      </c>
      <c r="IU15" s="70">
        <v>418</v>
      </c>
      <c r="IV15" s="71">
        <v>312</v>
      </c>
      <c r="IW15" s="72">
        <v>730</v>
      </c>
      <c r="IX15" s="244"/>
      <c r="IY15" s="71">
        <v>781</v>
      </c>
      <c r="IZ15" s="71">
        <v>414</v>
      </c>
      <c r="JA15" s="71">
        <v>348</v>
      </c>
      <c r="JB15" s="71">
        <v>351</v>
      </c>
      <c r="JC15" s="71">
        <v>192</v>
      </c>
      <c r="JD15" s="72">
        <v>2086</v>
      </c>
      <c r="JE15" s="73">
        <v>2816</v>
      </c>
      <c r="JF15" s="70">
        <v>236</v>
      </c>
      <c r="JG15" s="71">
        <v>215</v>
      </c>
      <c r="JH15" s="72">
        <v>451</v>
      </c>
      <c r="JI15" s="244"/>
      <c r="JJ15" s="71">
        <v>648</v>
      </c>
      <c r="JK15" s="71">
        <v>442</v>
      </c>
      <c r="JL15" s="71">
        <v>442</v>
      </c>
      <c r="JM15" s="71">
        <v>477</v>
      </c>
      <c r="JN15" s="71">
        <v>235</v>
      </c>
      <c r="JO15" s="72">
        <v>2244</v>
      </c>
      <c r="JP15" s="73">
        <v>2695</v>
      </c>
      <c r="JQ15" s="70">
        <v>14</v>
      </c>
      <c r="JR15" s="71">
        <v>19</v>
      </c>
      <c r="JS15" s="72">
        <v>33</v>
      </c>
      <c r="JT15" s="244"/>
      <c r="JU15" s="71">
        <v>49</v>
      </c>
      <c r="JV15" s="71">
        <v>37</v>
      </c>
      <c r="JW15" s="71">
        <v>28</v>
      </c>
      <c r="JX15" s="71">
        <v>16</v>
      </c>
      <c r="JY15" s="71">
        <v>24</v>
      </c>
      <c r="JZ15" s="72">
        <v>154</v>
      </c>
      <c r="KA15" s="73">
        <v>187</v>
      </c>
      <c r="KB15" s="70">
        <v>1446</v>
      </c>
      <c r="KC15" s="71">
        <v>1111</v>
      </c>
      <c r="KD15" s="72">
        <v>2557</v>
      </c>
      <c r="KE15" s="244"/>
      <c r="KF15" s="71">
        <v>2743</v>
      </c>
      <c r="KG15" s="71">
        <v>1598</v>
      </c>
      <c r="KH15" s="71">
        <v>1399</v>
      </c>
      <c r="KI15" s="71">
        <v>1345</v>
      </c>
      <c r="KJ15" s="71">
        <v>742</v>
      </c>
      <c r="KK15" s="72">
        <v>7827</v>
      </c>
      <c r="KL15" s="73">
        <v>10384</v>
      </c>
    </row>
    <row r="16" spans="1:298" ht="19.5" customHeight="1" x14ac:dyDescent="0.2">
      <c r="A16" s="126" t="s">
        <v>12</v>
      </c>
      <c r="B16" s="316">
        <v>707</v>
      </c>
      <c r="C16" s="82">
        <v>561</v>
      </c>
      <c r="D16" s="83">
        <v>1268</v>
      </c>
      <c r="E16" s="241"/>
      <c r="F16" s="82">
        <v>676</v>
      </c>
      <c r="G16" s="82">
        <v>584</v>
      </c>
      <c r="H16" s="82">
        <v>479</v>
      </c>
      <c r="I16" s="82">
        <v>412</v>
      </c>
      <c r="J16" s="82">
        <v>229</v>
      </c>
      <c r="K16" s="84">
        <v>2380</v>
      </c>
      <c r="L16" s="85">
        <v>3648</v>
      </c>
      <c r="M16" s="86">
        <v>24</v>
      </c>
      <c r="N16" s="71">
        <v>31</v>
      </c>
      <c r="O16" s="72">
        <v>55</v>
      </c>
      <c r="P16" s="241"/>
      <c r="Q16" s="71">
        <v>17</v>
      </c>
      <c r="R16" s="71">
        <v>28</v>
      </c>
      <c r="S16" s="71">
        <v>27</v>
      </c>
      <c r="T16" s="71">
        <v>13</v>
      </c>
      <c r="U16" s="71">
        <v>15</v>
      </c>
      <c r="V16" s="72">
        <v>100</v>
      </c>
      <c r="W16" s="73">
        <v>155</v>
      </c>
      <c r="X16" s="70">
        <v>62</v>
      </c>
      <c r="Y16" s="71">
        <v>67</v>
      </c>
      <c r="Z16" s="72">
        <v>129</v>
      </c>
      <c r="AA16" s="241"/>
      <c r="AB16" s="71">
        <v>64</v>
      </c>
      <c r="AC16" s="71">
        <v>44</v>
      </c>
      <c r="AD16" s="71">
        <v>48</v>
      </c>
      <c r="AE16" s="71">
        <v>41</v>
      </c>
      <c r="AF16" s="71">
        <v>24</v>
      </c>
      <c r="AG16" s="72">
        <v>221</v>
      </c>
      <c r="AH16" s="73">
        <v>350</v>
      </c>
      <c r="AI16" s="86">
        <v>96</v>
      </c>
      <c r="AJ16" s="71">
        <v>88</v>
      </c>
      <c r="AK16" s="72">
        <v>184</v>
      </c>
      <c r="AL16" s="241"/>
      <c r="AM16" s="71">
        <v>75</v>
      </c>
      <c r="AN16" s="71">
        <v>97</v>
      </c>
      <c r="AO16" s="71">
        <v>72</v>
      </c>
      <c r="AP16" s="71">
        <v>57</v>
      </c>
      <c r="AQ16" s="71">
        <v>45</v>
      </c>
      <c r="AR16" s="72">
        <v>346</v>
      </c>
      <c r="AS16" s="73">
        <v>530</v>
      </c>
      <c r="AT16" s="70">
        <v>175</v>
      </c>
      <c r="AU16" s="71">
        <v>129</v>
      </c>
      <c r="AV16" s="72">
        <v>304</v>
      </c>
      <c r="AW16" s="241"/>
      <c r="AX16" s="71">
        <v>180</v>
      </c>
      <c r="AY16" s="71">
        <v>147</v>
      </c>
      <c r="AZ16" s="71">
        <v>104</v>
      </c>
      <c r="BA16" s="71">
        <v>79</v>
      </c>
      <c r="BB16" s="71">
        <v>65</v>
      </c>
      <c r="BC16" s="72">
        <v>575</v>
      </c>
      <c r="BD16" s="73">
        <v>879</v>
      </c>
      <c r="BE16" s="86">
        <v>216</v>
      </c>
      <c r="BF16" s="71">
        <v>146</v>
      </c>
      <c r="BG16" s="72">
        <v>362</v>
      </c>
      <c r="BH16" s="244"/>
      <c r="BI16" s="71">
        <v>205</v>
      </c>
      <c r="BJ16" s="71">
        <v>144</v>
      </c>
      <c r="BK16" s="71">
        <v>132</v>
      </c>
      <c r="BL16" s="71">
        <v>126</v>
      </c>
      <c r="BM16" s="71">
        <v>40</v>
      </c>
      <c r="BN16" s="72">
        <v>647</v>
      </c>
      <c r="BO16" s="73">
        <v>1009</v>
      </c>
      <c r="BP16" s="70">
        <v>134</v>
      </c>
      <c r="BQ16" s="71">
        <v>100</v>
      </c>
      <c r="BR16" s="72">
        <v>234</v>
      </c>
      <c r="BS16" s="244"/>
      <c r="BT16" s="71">
        <v>135</v>
      </c>
      <c r="BU16" s="71">
        <v>124</v>
      </c>
      <c r="BV16" s="71">
        <v>96</v>
      </c>
      <c r="BW16" s="71">
        <v>96</v>
      </c>
      <c r="BX16" s="71">
        <v>40</v>
      </c>
      <c r="BY16" s="72">
        <v>491</v>
      </c>
      <c r="BZ16" s="73">
        <v>725</v>
      </c>
      <c r="CA16" s="70">
        <v>12</v>
      </c>
      <c r="CB16" s="71">
        <v>23</v>
      </c>
      <c r="CC16" s="72">
        <v>35</v>
      </c>
      <c r="CD16" s="244"/>
      <c r="CE16" s="71">
        <v>11</v>
      </c>
      <c r="CF16" s="71">
        <v>23</v>
      </c>
      <c r="CG16" s="71">
        <v>13</v>
      </c>
      <c r="CH16" s="71">
        <v>17</v>
      </c>
      <c r="CI16" s="71">
        <v>13</v>
      </c>
      <c r="CJ16" s="72">
        <v>77</v>
      </c>
      <c r="CK16" s="73">
        <v>112</v>
      </c>
      <c r="CL16" s="70">
        <v>719</v>
      </c>
      <c r="CM16" s="71">
        <v>584</v>
      </c>
      <c r="CN16" s="72">
        <v>1303</v>
      </c>
      <c r="CO16" s="244"/>
      <c r="CP16" s="71">
        <v>687</v>
      </c>
      <c r="CQ16" s="71">
        <v>607</v>
      </c>
      <c r="CR16" s="71">
        <v>492</v>
      </c>
      <c r="CS16" s="71">
        <v>429</v>
      </c>
      <c r="CT16" s="71">
        <v>242</v>
      </c>
      <c r="CU16" s="72">
        <v>2457</v>
      </c>
      <c r="CV16" s="73">
        <v>3760</v>
      </c>
      <c r="CW16" s="123">
        <v>1336</v>
      </c>
      <c r="CX16" s="82">
        <v>1288</v>
      </c>
      <c r="CY16" s="83">
        <v>2624</v>
      </c>
      <c r="CZ16" s="241"/>
      <c r="DA16" s="82">
        <v>1368</v>
      </c>
      <c r="DB16" s="82">
        <v>1002</v>
      </c>
      <c r="DC16" s="82">
        <v>934</v>
      </c>
      <c r="DD16" s="82">
        <v>1024</v>
      </c>
      <c r="DE16" s="82">
        <v>633</v>
      </c>
      <c r="DF16" s="84">
        <v>4961</v>
      </c>
      <c r="DG16" s="85">
        <v>7585</v>
      </c>
      <c r="DH16" s="86">
        <v>27</v>
      </c>
      <c r="DI16" s="71">
        <v>40</v>
      </c>
      <c r="DJ16" s="72">
        <v>67</v>
      </c>
      <c r="DK16" s="244"/>
      <c r="DL16" s="71">
        <v>14</v>
      </c>
      <c r="DM16" s="71">
        <v>19</v>
      </c>
      <c r="DN16" s="71">
        <v>21</v>
      </c>
      <c r="DO16" s="71">
        <v>13</v>
      </c>
      <c r="DP16" s="71">
        <v>15</v>
      </c>
      <c r="DQ16" s="72">
        <v>82</v>
      </c>
      <c r="DR16" s="73">
        <v>149</v>
      </c>
      <c r="DS16" s="70">
        <v>76</v>
      </c>
      <c r="DT16" s="71">
        <v>114</v>
      </c>
      <c r="DU16" s="72">
        <v>190</v>
      </c>
      <c r="DV16" s="244"/>
      <c r="DW16" s="71">
        <v>65</v>
      </c>
      <c r="DX16" s="71">
        <v>61</v>
      </c>
      <c r="DY16" s="71">
        <v>43</v>
      </c>
      <c r="DZ16" s="71">
        <v>43</v>
      </c>
      <c r="EA16" s="71">
        <v>44</v>
      </c>
      <c r="EB16" s="72">
        <v>256</v>
      </c>
      <c r="EC16" s="73">
        <v>446</v>
      </c>
      <c r="ED16" s="86">
        <v>200</v>
      </c>
      <c r="EE16" s="71">
        <v>186</v>
      </c>
      <c r="EF16" s="72">
        <v>386</v>
      </c>
      <c r="EG16" s="244"/>
      <c r="EH16" s="71">
        <v>131</v>
      </c>
      <c r="EI16" s="71">
        <v>102</v>
      </c>
      <c r="EJ16" s="71">
        <v>80</v>
      </c>
      <c r="EK16" s="71">
        <v>86</v>
      </c>
      <c r="EL16" s="71">
        <v>66</v>
      </c>
      <c r="EM16" s="72">
        <v>465</v>
      </c>
      <c r="EN16" s="73">
        <v>851</v>
      </c>
      <c r="EO16" s="70">
        <v>373</v>
      </c>
      <c r="EP16" s="71">
        <v>311</v>
      </c>
      <c r="EQ16" s="72">
        <v>684</v>
      </c>
      <c r="ER16" s="244"/>
      <c r="ES16" s="71">
        <v>333</v>
      </c>
      <c r="ET16" s="71">
        <v>193</v>
      </c>
      <c r="EU16" s="71">
        <v>153</v>
      </c>
      <c r="EV16" s="71">
        <v>165</v>
      </c>
      <c r="EW16" s="71">
        <v>118</v>
      </c>
      <c r="EX16" s="72">
        <v>962</v>
      </c>
      <c r="EY16" s="73">
        <v>1646</v>
      </c>
      <c r="EZ16" s="86">
        <v>426</v>
      </c>
      <c r="FA16" s="71">
        <v>371</v>
      </c>
      <c r="FB16" s="72">
        <v>797</v>
      </c>
      <c r="FC16" s="244"/>
      <c r="FD16" s="71">
        <v>427</v>
      </c>
      <c r="FE16" s="71">
        <v>302</v>
      </c>
      <c r="FF16" s="71">
        <v>273</v>
      </c>
      <c r="FG16" s="71">
        <v>285</v>
      </c>
      <c r="FH16" s="71">
        <v>137</v>
      </c>
      <c r="FI16" s="72">
        <v>1424</v>
      </c>
      <c r="FJ16" s="73">
        <v>2221</v>
      </c>
      <c r="FK16" s="70">
        <v>234</v>
      </c>
      <c r="FL16" s="71">
        <v>266</v>
      </c>
      <c r="FM16" s="72">
        <v>500</v>
      </c>
      <c r="FN16" s="244"/>
      <c r="FO16" s="71">
        <v>398</v>
      </c>
      <c r="FP16" s="71">
        <v>325</v>
      </c>
      <c r="FQ16" s="71">
        <v>364</v>
      </c>
      <c r="FR16" s="71">
        <v>432</v>
      </c>
      <c r="FS16" s="71">
        <v>253</v>
      </c>
      <c r="FT16" s="72">
        <v>1772</v>
      </c>
      <c r="FU16" s="73">
        <v>2272</v>
      </c>
      <c r="FV16" s="70">
        <v>16</v>
      </c>
      <c r="FW16" s="71">
        <v>22</v>
      </c>
      <c r="FX16" s="72">
        <v>38</v>
      </c>
      <c r="FY16" s="244"/>
      <c r="FZ16" s="71">
        <v>18</v>
      </c>
      <c r="GA16" s="71">
        <v>11</v>
      </c>
      <c r="GB16" s="71">
        <v>9</v>
      </c>
      <c r="GC16" s="71">
        <v>20</v>
      </c>
      <c r="GD16" s="71">
        <v>9</v>
      </c>
      <c r="GE16" s="72">
        <v>67</v>
      </c>
      <c r="GF16" s="73">
        <v>105</v>
      </c>
      <c r="GG16" s="70">
        <v>1352</v>
      </c>
      <c r="GH16" s="71">
        <v>1310</v>
      </c>
      <c r="GI16" s="72">
        <v>2662</v>
      </c>
      <c r="GJ16" s="244"/>
      <c r="GK16" s="71">
        <v>1386</v>
      </c>
      <c r="GL16" s="71">
        <v>1013</v>
      </c>
      <c r="GM16" s="71">
        <v>943</v>
      </c>
      <c r="GN16" s="71">
        <v>1044</v>
      </c>
      <c r="GO16" s="71">
        <v>642</v>
      </c>
      <c r="GP16" s="72">
        <v>5028</v>
      </c>
      <c r="GQ16" s="73">
        <v>7690</v>
      </c>
      <c r="GR16" s="123">
        <v>2043</v>
      </c>
      <c r="GS16" s="82">
        <v>1849</v>
      </c>
      <c r="GT16" s="83">
        <v>3892</v>
      </c>
      <c r="GU16" s="241"/>
      <c r="GV16" s="82">
        <v>2044</v>
      </c>
      <c r="GW16" s="82">
        <v>1586</v>
      </c>
      <c r="GX16" s="82">
        <v>1413</v>
      </c>
      <c r="GY16" s="82">
        <v>1436</v>
      </c>
      <c r="GZ16" s="82">
        <v>862</v>
      </c>
      <c r="HA16" s="84">
        <v>7341</v>
      </c>
      <c r="HB16" s="85">
        <v>11233</v>
      </c>
      <c r="HC16" s="86">
        <v>51</v>
      </c>
      <c r="HD16" s="71">
        <v>71</v>
      </c>
      <c r="HE16" s="72">
        <v>122</v>
      </c>
      <c r="HF16" s="244"/>
      <c r="HG16" s="71">
        <v>31</v>
      </c>
      <c r="HH16" s="71">
        <v>47</v>
      </c>
      <c r="HI16" s="71">
        <v>48</v>
      </c>
      <c r="HJ16" s="71">
        <v>26</v>
      </c>
      <c r="HK16" s="71">
        <v>30</v>
      </c>
      <c r="HL16" s="72">
        <v>182</v>
      </c>
      <c r="HM16" s="73">
        <v>304</v>
      </c>
      <c r="HN16" s="70">
        <v>138</v>
      </c>
      <c r="HO16" s="71">
        <v>181</v>
      </c>
      <c r="HP16" s="72">
        <v>319</v>
      </c>
      <c r="HQ16" s="244"/>
      <c r="HR16" s="71">
        <v>129</v>
      </c>
      <c r="HS16" s="71">
        <v>105</v>
      </c>
      <c r="HT16" s="71">
        <v>91</v>
      </c>
      <c r="HU16" s="71">
        <v>84</v>
      </c>
      <c r="HV16" s="71">
        <v>68</v>
      </c>
      <c r="HW16" s="72">
        <v>477</v>
      </c>
      <c r="HX16" s="73">
        <v>796</v>
      </c>
      <c r="HY16" s="86">
        <v>296</v>
      </c>
      <c r="HZ16" s="71">
        <v>274</v>
      </c>
      <c r="IA16" s="72">
        <v>570</v>
      </c>
      <c r="IB16" s="244"/>
      <c r="IC16" s="71">
        <v>206</v>
      </c>
      <c r="ID16" s="71">
        <v>199</v>
      </c>
      <c r="IE16" s="71">
        <v>152</v>
      </c>
      <c r="IF16" s="71">
        <v>143</v>
      </c>
      <c r="IG16" s="71">
        <v>111</v>
      </c>
      <c r="IH16" s="72">
        <v>811</v>
      </c>
      <c r="II16" s="73">
        <v>1381</v>
      </c>
      <c r="IJ16" s="70">
        <v>548</v>
      </c>
      <c r="IK16" s="71">
        <v>440</v>
      </c>
      <c r="IL16" s="72">
        <v>988</v>
      </c>
      <c r="IM16" s="244"/>
      <c r="IN16" s="71">
        <v>513</v>
      </c>
      <c r="IO16" s="71">
        <v>340</v>
      </c>
      <c r="IP16" s="71">
        <v>257</v>
      </c>
      <c r="IQ16" s="71">
        <v>244</v>
      </c>
      <c r="IR16" s="71">
        <v>183</v>
      </c>
      <c r="IS16" s="72">
        <v>1537</v>
      </c>
      <c r="IT16" s="73">
        <v>2525</v>
      </c>
      <c r="IU16" s="86">
        <v>642</v>
      </c>
      <c r="IV16" s="71">
        <v>517</v>
      </c>
      <c r="IW16" s="72">
        <v>1159</v>
      </c>
      <c r="IX16" s="244"/>
      <c r="IY16" s="71">
        <v>632</v>
      </c>
      <c r="IZ16" s="71">
        <v>446</v>
      </c>
      <c r="JA16" s="71">
        <v>405</v>
      </c>
      <c r="JB16" s="71">
        <v>411</v>
      </c>
      <c r="JC16" s="71">
        <v>177</v>
      </c>
      <c r="JD16" s="72">
        <v>2071</v>
      </c>
      <c r="JE16" s="73">
        <v>3230</v>
      </c>
      <c r="JF16" s="70">
        <v>368</v>
      </c>
      <c r="JG16" s="71">
        <v>366</v>
      </c>
      <c r="JH16" s="72">
        <v>734</v>
      </c>
      <c r="JI16" s="244"/>
      <c r="JJ16" s="71">
        <v>533</v>
      </c>
      <c r="JK16" s="71">
        <v>449</v>
      </c>
      <c r="JL16" s="71">
        <v>460</v>
      </c>
      <c r="JM16" s="71">
        <v>528</v>
      </c>
      <c r="JN16" s="71">
        <v>293</v>
      </c>
      <c r="JO16" s="72">
        <v>2263</v>
      </c>
      <c r="JP16" s="73">
        <v>2997</v>
      </c>
      <c r="JQ16" s="70">
        <v>28</v>
      </c>
      <c r="JR16" s="71">
        <v>45</v>
      </c>
      <c r="JS16" s="72">
        <v>73</v>
      </c>
      <c r="JT16" s="244"/>
      <c r="JU16" s="71">
        <v>29</v>
      </c>
      <c r="JV16" s="71">
        <v>34</v>
      </c>
      <c r="JW16" s="71">
        <v>22</v>
      </c>
      <c r="JX16" s="71">
        <v>37</v>
      </c>
      <c r="JY16" s="71">
        <v>22</v>
      </c>
      <c r="JZ16" s="72">
        <v>144</v>
      </c>
      <c r="KA16" s="73">
        <v>217</v>
      </c>
      <c r="KB16" s="70">
        <v>2071</v>
      </c>
      <c r="KC16" s="71">
        <v>1894</v>
      </c>
      <c r="KD16" s="72">
        <v>3965</v>
      </c>
      <c r="KE16" s="244"/>
      <c r="KF16" s="71">
        <v>2073</v>
      </c>
      <c r="KG16" s="71">
        <v>1620</v>
      </c>
      <c r="KH16" s="71">
        <v>1435</v>
      </c>
      <c r="KI16" s="71">
        <v>1473</v>
      </c>
      <c r="KJ16" s="71">
        <v>884</v>
      </c>
      <c r="KK16" s="72">
        <v>7485</v>
      </c>
      <c r="KL16" s="73">
        <v>11450</v>
      </c>
    </row>
    <row r="17" spans="1:298" ht="19.5" customHeight="1" x14ac:dyDescent="0.2">
      <c r="A17" s="126" t="s">
        <v>13</v>
      </c>
      <c r="B17" s="316">
        <v>146</v>
      </c>
      <c r="C17" s="82">
        <v>181</v>
      </c>
      <c r="D17" s="83">
        <v>327</v>
      </c>
      <c r="E17" s="241"/>
      <c r="F17" s="82">
        <v>281</v>
      </c>
      <c r="G17" s="82">
        <v>255</v>
      </c>
      <c r="H17" s="82">
        <v>183</v>
      </c>
      <c r="I17" s="82">
        <v>152</v>
      </c>
      <c r="J17" s="82">
        <v>92</v>
      </c>
      <c r="K17" s="84">
        <v>963</v>
      </c>
      <c r="L17" s="85">
        <v>1290</v>
      </c>
      <c r="M17" s="70">
        <v>5</v>
      </c>
      <c r="N17" s="71">
        <v>1</v>
      </c>
      <c r="O17" s="72">
        <v>6</v>
      </c>
      <c r="P17" s="241"/>
      <c r="Q17" s="71">
        <v>12</v>
      </c>
      <c r="R17" s="71">
        <v>9</v>
      </c>
      <c r="S17" s="71">
        <v>5</v>
      </c>
      <c r="T17" s="71">
        <v>6</v>
      </c>
      <c r="U17" s="71">
        <v>3</v>
      </c>
      <c r="V17" s="72">
        <v>35</v>
      </c>
      <c r="W17" s="73">
        <v>41</v>
      </c>
      <c r="X17" s="70">
        <v>10</v>
      </c>
      <c r="Y17" s="71">
        <v>12</v>
      </c>
      <c r="Z17" s="72">
        <v>22</v>
      </c>
      <c r="AA17" s="241"/>
      <c r="AB17" s="71">
        <v>23</v>
      </c>
      <c r="AC17" s="71">
        <v>25</v>
      </c>
      <c r="AD17" s="71">
        <v>14</v>
      </c>
      <c r="AE17" s="71">
        <v>11</v>
      </c>
      <c r="AF17" s="71">
        <v>14</v>
      </c>
      <c r="AG17" s="72">
        <v>87</v>
      </c>
      <c r="AH17" s="73">
        <v>109</v>
      </c>
      <c r="AI17" s="70">
        <v>20</v>
      </c>
      <c r="AJ17" s="71">
        <v>14</v>
      </c>
      <c r="AK17" s="72">
        <v>34</v>
      </c>
      <c r="AL17" s="241"/>
      <c r="AM17" s="71">
        <v>30</v>
      </c>
      <c r="AN17" s="71">
        <v>31</v>
      </c>
      <c r="AO17" s="71">
        <v>24</v>
      </c>
      <c r="AP17" s="71">
        <v>22</v>
      </c>
      <c r="AQ17" s="71">
        <v>12</v>
      </c>
      <c r="AR17" s="72">
        <v>119</v>
      </c>
      <c r="AS17" s="73">
        <v>153</v>
      </c>
      <c r="AT17" s="70">
        <v>26</v>
      </c>
      <c r="AU17" s="71">
        <v>60</v>
      </c>
      <c r="AV17" s="72">
        <v>86</v>
      </c>
      <c r="AW17" s="241"/>
      <c r="AX17" s="71">
        <v>61</v>
      </c>
      <c r="AY17" s="71">
        <v>40</v>
      </c>
      <c r="AZ17" s="71">
        <v>45</v>
      </c>
      <c r="BA17" s="71">
        <v>32</v>
      </c>
      <c r="BB17" s="71">
        <v>25</v>
      </c>
      <c r="BC17" s="72">
        <v>203</v>
      </c>
      <c r="BD17" s="73">
        <v>289</v>
      </c>
      <c r="BE17" s="70">
        <v>52</v>
      </c>
      <c r="BF17" s="71">
        <v>56</v>
      </c>
      <c r="BG17" s="72">
        <v>108</v>
      </c>
      <c r="BH17" s="244"/>
      <c r="BI17" s="71">
        <v>84</v>
      </c>
      <c r="BJ17" s="71">
        <v>85</v>
      </c>
      <c r="BK17" s="71">
        <v>44</v>
      </c>
      <c r="BL17" s="71">
        <v>46</v>
      </c>
      <c r="BM17" s="71">
        <v>21</v>
      </c>
      <c r="BN17" s="72">
        <v>280</v>
      </c>
      <c r="BO17" s="73">
        <v>388</v>
      </c>
      <c r="BP17" s="70">
        <v>33</v>
      </c>
      <c r="BQ17" s="71">
        <v>38</v>
      </c>
      <c r="BR17" s="72">
        <v>71</v>
      </c>
      <c r="BS17" s="244"/>
      <c r="BT17" s="71">
        <v>71</v>
      </c>
      <c r="BU17" s="71">
        <v>65</v>
      </c>
      <c r="BV17" s="71">
        <v>51</v>
      </c>
      <c r="BW17" s="71">
        <v>35</v>
      </c>
      <c r="BX17" s="71">
        <v>17</v>
      </c>
      <c r="BY17" s="72">
        <v>239</v>
      </c>
      <c r="BZ17" s="73">
        <v>310</v>
      </c>
      <c r="CA17" s="70">
        <v>5</v>
      </c>
      <c r="CB17" s="71">
        <v>4</v>
      </c>
      <c r="CC17" s="72">
        <v>9</v>
      </c>
      <c r="CD17" s="244"/>
      <c r="CE17" s="71">
        <v>6</v>
      </c>
      <c r="CF17" s="71">
        <v>9</v>
      </c>
      <c r="CG17" s="71">
        <v>10</v>
      </c>
      <c r="CH17" s="71">
        <v>1</v>
      </c>
      <c r="CI17" s="71">
        <v>6</v>
      </c>
      <c r="CJ17" s="72">
        <v>32</v>
      </c>
      <c r="CK17" s="73">
        <v>41</v>
      </c>
      <c r="CL17" s="70">
        <v>151</v>
      </c>
      <c r="CM17" s="71">
        <v>185</v>
      </c>
      <c r="CN17" s="72">
        <v>336</v>
      </c>
      <c r="CO17" s="244"/>
      <c r="CP17" s="71">
        <v>287</v>
      </c>
      <c r="CQ17" s="71">
        <v>264</v>
      </c>
      <c r="CR17" s="71">
        <v>193</v>
      </c>
      <c r="CS17" s="71">
        <v>153</v>
      </c>
      <c r="CT17" s="71">
        <v>98</v>
      </c>
      <c r="CU17" s="72">
        <v>995</v>
      </c>
      <c r="CV17" s="73">
        <v>1331</v>
      </c>
      <c r="CW17" s="123">
        <v>359</v>
      </c>
      <c r="CX17" s="82">
        <v>410</v>
      </c>
      <c r="CY17" s="83">
        <v>769</v>
      </c>
      <c r="CZ17" s="241"/>
      <c r="DA17" s="82">
        <v>593</v>
      </c>
      <c r="DB17" s="82">
        <v>478</v>
      </c>
      <c r="DC17" s="82">
        <v>345</v>
      </c>
      <c r="DD17" s="82">
        <v>370</v>
      </c>
      <c r="DE17" s="82">
        <v>299</v>
      </c>
      <c r="DF17" s="84">
        <v>2085</v>
      </c>
      <c r="DG17" s="85">
        <v>2854</v>
      </c>
      <c r="DH17" s="70">
        <v>3</v>
      </c>
      <c r="DI17" s="71">
        <v>6</v>
      </c>
      <c r="DJ17" s="72">
        <v>9</v>
      </c>
      <c r="DK17" s="244"/>
      <c r="DL17" s="71">
        <v>7</v>
      </c>
      <c r="DM17" s="71">
        <v>15</v>
      </c>
      <c r="DN17" s="71">
        <v>2</v>
      </c>
      <c r="DO17" s="71">
        <v>5</v>
      </c>
      <c r="DP17" s="71">
        <v>3</v>
      </c>
      <c r="DQ17" s="72">
        <v>32</v>
      </c>
      <c r="DR17" s="73">
        <v>41</v>
      </c>
      <c r="DS17" s="70">
        <v>16</v>
      </c>
      <c r="DT17" s="71">
        <v>32</v>
      </c>
      <c r="DU17" s="72">
        <v>48</v>
      </c>
      <c r="DV17" s="244"/>
      <c r="DW17" s="71">
        <v>31</v>
      </c>
      <c r="DX17" s="71">
        <v>21</v>
      </c>
      <c r="DY17" s="71">
        <v>17</v>
      </c>
      <c r="DZ17" s="71">
        <v>14</v>
      </c>
      <c r="EA17" s="71">
        <v>17</v>
      </c>
      <c r="EB17" s="72">
        <v>100</v>
      </c>
      <c r="EC17" s="73">
        <v>148</v>
      </c>
      <c r="ED17" s="70">
        <v>39</v>
      </c>
      <c r="EE17" s="71">
        <v>43</v>
      </c>
      <c r="EF17" s="72">
        <v>82</v>
      </c>
      <c r="EG17" s="244"/>
      <c r="EH17" s="71">
        <v>73</v>
      </c>
      <c r="EI17" s="71">
        <v>47</v>
      </c>
      <c r="EJ17" s="71">
        <v>31</v>
      </c>
      <c r="EK17" s="71">
        <v>18</v>
      </c>
      <c r="EL17" s="71">
        <v>27</v>
      </c>
      <c r="EM17" s="72">
        <v>196</v>
      </c>
      <c r="EN17" s="73">
        <v>278</v>
      </c>
      <c r="EO17" s="70">
        <v>110</v>
      </c>
      <c r="EP17" s="71">
        <v>103</v>
      </c>
      <c r="EQ17" s="72">
        <v>213</v>
      </c>
      <c r="ER17" s="244"/>
      <c r="ES17" s="71">
        <v>133</v>
      </c>
      <c r="ET17" s="71">
        <v>81</v>
      </c>
      <c r="EU17" s="71">
        <v>56</v>
      </c>
      <c r="EV17" s="71">
        <v>55</v>
      </c>
      <c r="EW17" s="71">
        <v>51</v>
      </c>
      <c r="EX17" s="72">
        <v>376</v>
      </c>
      <c r="EY17" s="73">
        <v>589</v>
      </c>
      <c r="EZ17" s="70">
        <v>118</v>
      </c>
      <c r="FA17" s="71">
        <v>123</v>
      </c>
      <c r="FB17" s="72">
        <v>241</v>
      </c>
      <c r="FC17" s="244"/>
      <c r="FD17" s="71">
        <v>201</v>
      </c>
      <c r="FE17" s="71">
        <v>136</v>
      </c>
      <c r="FF17" s="71">
        <v>91</v>
      </c>
      <c r="FG17" s="71">
        <v>99</v>
      </c>
      <c r="FH17" s="71">
        <v>69</v>
      </c>
      <c r="FI17" s="72">
        <v>596</v>
      </c>
      <c r="FJ17" s="73">
        <v>837</v>
      </c>
      <c r="FK17" s="70">
        <v>73</v>
      </c>
      <c r="FL17" s="71">
        <v>103</v>
      </c>
      <c r="FM17" s="72">
        <v>176</v>
      </c>
      <c r="FN17" s="244"/>
      <c r="FO17" s="71">
        <v>148</v>
      </c>
      <c r="FP17" s="71">
        <v>178</v>
      </c>
      <c r="FQ17" s="71">
        <v>148</v>
      </c>
      <c r="FR17" s="71">
        <v>179</v>
      </c>
      <c r="FS17" s="71">
        <v>132</v>
      </c>
      <c r="FT17" s="72">
        <v>785</v>
      </c>
      <c r="FU17" s="73">
        <v>961</v>
      </c>
      <c r="FV17" s="70">
        <v>2</v>
      </c>
      <c r="FW17" s="71">
        <v>0</v>
      </c>
      <c r="FX17" s="72">
        <v>2</v>
      </c>
      <c r="FY17" s="244"/>
      <c r="FZ17" s="71">
        <v>7</v>
      </c>
      <c r="GA17" s="71">
        <v>6</v>
      </c>
      <c r="GB17" s="71">
        <v>6</v>
      </c>
      <c r="GC17" s="71">
        <v>4</v>
      </c>
      <c r="GD17" s="71">
        <v>3</v>
      </c>
      <c r="GE17" s="72">
        <v>26</v>
      </c>
      <c r="GF17" s="73">
        <v>28</v>
      </c>
      <c r="GG17" s="70">
        <v>361</v>
      </c>
      <c r="GH17" s="71">
        <v>410</v>
      </c>
      <c r="GI17" s="72">
        <v>771</v>
      </c>
      <c r="GJ17" s="244"/>
      <c r="GK17" s="71">
        <v>600</v>
      </c>
      <c r="GL17" s="71">
        <v>484</v>
      </c>
      <c r="GM17" s="71">
        <v>351</v>
      </c>
      <c r="GN17" s="71">
        <v>374</v>
      </c>
      <c r="GO17" s="71">
        <v>302</v>
      </c>
      <c r="GP17" s="72">
        <v>2111</v>
      </c>
      <c r="GQ17" s="73">
        <v>2882</v>
      </c>
      <c r="GR17" s="123">
        <v>505</v>
      </c>
      <c r="GS17" s="82">
        <v>591</v>
      </c>
      <c r="GT17" s="83">
        <v>1096</v>
      </c>
      <c r="GU17" s="241"/>
      <c r="GV17" s="82">
        <v>874</v>
      </c>
      <c r="GW17" s="82">
        <v>733</v>
      </c>
      <c r="GX17" s="82">
        <v>528</v>
      </c>
      <c r="GY17" s="82">
        <v>522</v>
      </c>
      <c r="GZ17" s="82">
        <v>391</v>
      </c>
      <c r="HA17" s="84">
        <v>3048</v>
      </c>
      <c r="HB17" s="85">
        <v>4144</v>
      </c>
      <c r="HC17" s="70">
        <v>8</v>
      </c>
      <c r="HD17" s="71">
        <v>7</v>
      </c>
      <c r="HE17" s="72">
        <v>15</v>
      </c>
      <c r="HF17" s="244"/>
      <c r="HG17" s="71">
        <v>19</v>
      </c>
      <c r="HH17" s="71">
        <v>24</v>
      </c>
      <c r="HI17" s="71">
        <v>7</v>
      </c>
      <c r="HJ17" s="71">
        <v>11</v>
      </c>
      <c r="HK17" s="71">
        <v>6</v>
      </c>
      <c r="HL17" s="72">
        <v>67</v>
      </c>
      <c r="HM17" s="73">
        <v>82</v>
      </c>
      <c r="HN17" s="70">
        <v>26</v>
      </c>
      <c r="HO17" s="71">
        <v>44</v>
      </c>
      <c r="HP17" s="72">
        <v>70</v>
      </c>
      <c r="HQ17" s="244"/>
      <c r="HR17" s="71">
        <v>54</v>
      </c>
      <c r="HS17" s="71">
        <v>46</v>
      </c>
      <c r="HT17" s="71">
        <v>31</v>
      </c>
      <c r="HU17" s="71">
        <v>25</v>
      </c>
      <c r="HV17" s="71">
        <v>31</v>
      </c>
      <c r="HW17" s="72">
        <v>187</v>
      </c>
      <c r="HX17" s="73">
        <v>257</v>
      </c>
      <c r="HY17" s="70">
        <v>59</v>
      </c>
      <c r="HZ17" s="71">
        <v>57</v>
      </c>
      <c r="IA17" s="72">
        <v>116</v>
      </c>
      <c r="IB17" s="244"/>
      <c r="IC17" s="71">
        <v>103</v>
      </c>
      <c r="ID17" s="71">
        <v>78</v>
      </c>
      <c r="IE17" s="71">
        <v>55</v>
      </c>
      <c r="IF17" s="71">
        <v>40</v>
      </c>
      <c r="IG17" s="71">
        <v>39</v>
      </c>
      <c r="IH17" s="72">
        <v>315</v>
      </c>
      <c r="II17" s="73">
        <v>431</v>
      </c>
      <c r="IJ17" s="70">
        <v>136</v>
      </c>
      <c r="IK17" s="71">
        <v>163</v>
      </c>
      <c r="IL17" s="72">
        <v>299</v>
      </c>
      <c r="IM17" s="244"/>
      <c r="IN17" s="71">
        <v>194</v>
      </c>
      <c r="IO17" s="71">
        <v>121</v>
      </c>
      <c r="IP17" s="71">
        <v>101</v>
      </c>
      <c r="IQ17" s="71">
        <v>87</v>
      </c>
      <c r="IR17" s="71">
        <v>76</v>
      </c>
      <c r="IS17" s="72">
        <v>579</v>
      </c>
      <c r="IT17" s="73">
        <v>878</v>
      </c>
      <c r="IU17" s="70">
        <v>170</v>
      </c>
      <c r="IV17" s="71">
        <v>179</v>
      </c>
      <c r="IW17" s="72">
        <v>349</v>
      </c>
      <c r="IX17" s="244"/>
      <c r="IY17" s="71">
        <v>285</v>
      </c>
      <c r="IZ17" s="71">
        <v>221</v>
      </c>
      <c r="JA17" s="71">
        <v>135</v>
      </c>
      <c r="JB17" s="71">
        <v>145</v>
      </c>
      <c r="JC17" s="71">
        <v>90</v>
      </c>
      <c r="JD17" s="72">
        <v>876</v>
      </c>
      <c r="JE17" s="73">
        <v>1225</v>
      </c>
      <c r="JF17" s="70">
        <v>106</v>
      </c>
      <c r="JG17" s="71">
        <v>141</v>
      </c>
      <c r="JH17" s="72">
        <v>247</v>
      </c>
      <c r="JI17" s="244"/>
      <c r="JJ17" s="71">
        <v>219</v>
      </c>
      <c r="JK17" s="71">
        <v>243</v>
      </c>
      <c r="JL17" s="71">
        <v>199</v>
      </c>
      <c r="JM17" s="71">
        <v>214</v>
      </c>
      <c r="JN17" s="71">
        <v>149</v>
      </c>
      <c r="JO17" s="72">
        <v>1024</v>
      </c>
      <c r="JP17" s="73">
        <v>1271</v>
      </c>
      <c r="JQ17" s="70">
        <v>7</v>
      </c>
      <c r="JR17" s="71">
        <v>4</v>
      </c>
      <c r="JS17" s="72">
        <v>11</v>
      </c>
      <c r="JT17" s="244"/>
      <c r="JU17" s="71">
        <v>13</v>
      </c>
      <c r="JV17" s="71">
        <v>15</v>
      </c>
      <c r="JW17" s="71">
        <v>16</v>
      </c>
      <c r="JX17" s="71">
        <v>5</v>
      </c>
      <c r="JY17" s="71">
        <v>9</v>
      </c>
      <c r="JZ17" s="72">
        <v>58</v>
      </c>
      <c r="KA17" s="73">
        <v>69</v>
      </c>
      <c r="KB17" s="70">
        <v>512</v>
      </c>
      <c r="KC17" s="71">
        <v>595</v>
      </c>
      <c r="KD17" s="72">
        <v>1107</v>
      </c>
      <c r="KE17" s="244"/>
      <c r="KF17" s="71">
        <v>887</v>
      </c>
      <c r="KG17" s="71">
        <v>748</v>
      </c>
      <c r="KH17" s="71">
        <v>544</v>
      </c>
      <c r="KI17" s="71">
        <v>527</v>
      </c>
      <c r="KJ17" s="71">
        <v>400</v>
      </c>
      <c r="KK17" s="72">
        <v>3106</v>
      </c>
      <c r="KL17" s="73">
        <v>4213</v>
      </c>
    </row>
    <row r="18" spans="1:298" ht="19.5" customHeight="1" x14ac:dyDescent="0.2">
      <c r="A18" s="126" t="s">
        <v>15</v>
      </c>
      <c r="B18" s="316">
        <v>108</v>
      </c>
      <c r="C18" s="82">
        <v>134</v>
      </c>
      <c r="D18" s="83">
        <v>242</v>
      </c>
      <c r="E18" s="241"/>
      <c r="F18" s="82">
        <v>247</v>
      </c>
      <c r="G18" s="82">
        <v>216</v>
      </c>
      <c r="H18" s="82">
        <v>156</v>
      </c>
      <c r="I18" s="82">
        <v>113</v>
      </c>
      <c r="J18" s="82">
        <v>60</v>
      </c>
      <c r="K18" s="84">
        <v>792</v>
      </c>
      <c r="L18" s="85">
        <v>1034</v>
      </c>
      <c r="M18" s="70">
        <v>6</v>
      </c>
      <c r="N18" s="71">
        <v>5</v>
      </c>
      <c r="O18" s="72">
        <v>11</v>
      </c>
      <c r="P18" s="241"/>
      <c r="Q18" s="71">
        <v>9</v>
      </c>
      <c r="R18" s="71">
        <v>8</v>
      </c>
      <c r="S18" s="71">
        <v>11</v>
      </c>
      <c r="T18" s="71">
        <v>7</v>
      </c>
      <c r="U18" s="71">
        <v>5</v>
      </c>
      <c r="V18" s="72">
        <v>40</v>
      </c>
      <c r="W18" s="73">
        <v>51</v>
      </c>
      <c r="X18" s="70">
        <v>14</v>
      </c>
      <c r="Y18" s="71">
        <v>11</v>
      </c>
      <c r="Z18" s="72">
        <v>25</v>
      </c>
      <c r="AA18" s="241"/>
      <c r="AB18" s="71">
        <v>28</v>
      </c>
      <c r="AC18" s="71">
        <v>23</v>
      </c>
      <c r="AD18" s="71">
        <v>21</v>
      </c>
      <c r="AE18" s="71">
        <v>12</v>
      </c>
      <c r="AF18" s="71">
        <v>11</v>
      </c>
      <c r="AG18" s="72">
        <v>95</v>
      </c>
      <c r="AH18" s="73">
        <v>120</v>
      </c>
      <c r="AI18" s="70">
        <v>20</v>
      </c>
      <c r="AJ18" s="71">
        <v>23</v>
      </c>
      <c r="AK18" s="72">
        <v>43</v>
      </c>
      <c r="AL18" s="241"/>
      <c r="AM18" s="71">
        <v>44</v>
      </c>
      <c r="AN18" s="71">
        <v>39</v>
      </c>
      <c r="AO18" s="71">
        <v>16</v>
      </c>
      <c r="AP18" s="71">
        <v>19</v>
      </c>
      <c r="AQ18" s="71">
        <v>14</v>
      </c>
      <c r="AR18" s="72">
        <v>132</v>
      </c>
      <c r="AS18" s="73">
        <v>175</v>
      </c>
      <c r="AT18" s="70">
        <v>31</v>
      </c>
      <c r="AU18" s="71">
        <v>33</v>
      </c>
      <c r="AV18" s="72">
        <v>64</v>
      </c>
      <c r="AW18" s="241"/>
      <c r="AX18" s="71">
        <v>55</v>
      </c>
      <c r="AY18" s="71">
        <v>51</v>
      </c>
      <c r="AZ18" s="71">
        <v>38</v>
      </c>
      <c r="BA18" s="71">
        <v>22</v>
      </c>
      <c r="BB18" s="71">
        <v>15</v>
      </c>
      <c r="BC18" s="72">
        <v>181</v>
      </c>
      <c r="BD18" s="73">
        <v>245</v>
      </c>
      <c r="BE18" s="70">
        <v>23</v>
      </c>
      <c r="BF18" s="71">
        <v>34</v>
      </c>
      <c r="BG18" s="72">
        <v>57</v>
      </c>
      <c r="BH18" s="244"/>
      <c r="BI18" s="71">
        <v>72</v>
      </c>
      <c r="BJ18" s="71">
        <v>57</v>
      </c>
      <c r="BK18" s="71">
        <v>39</v>
      </c>
      <c r="BL18" s="71">
        <v>23</v>
      </c>
      <c r="BM18" s="71">
        <v>11</v>
      </c>
      <c r="BN18" s="72">
        <v>202</v>
      </c>
      <c r="BO18" s="73">
        <v>259</v>
      </c>
      <c r="BP18" s="70">
        <v>14</v>
      </c>
      <c r="BQ18" s="71">
        <v>28</v>
      </c>
      <c r="BR18" s="72">
        <v>42</v>
      </c>
      <c r="BS18" s="244"/>
      <c r="BT18" s="71">
        <v>39</v>
      </c>
      <c r="BU18" s="71">
        <v>38</v>
      </c>
      <c r="BV18" s="71">
        <v>31</v>
      </c>
      <c r="BW18" s="71">
        <v>30</v>
      </c>
      <c r="BX18" s="71">
        <v>4</v>
      </c>
      <c r="BY18" s="72">
        <v>142</v>
      </c>
      <c r="BZ18" s="73">
        <v>184</v>
      </c>
      <c r="CA18" s="70">
        <v>2</v>
      </c>
      <c r="CB18" s="71">
        <v>5</v>
      </c>
      <c r="CC18" s="72">
        <v>7</v>
      </c>
      <c r="CD18" s="244"/>
      <c r="CE18" s="71">
        <v>6</v>
      </c>
      <c r="CF18" s="71">
        <v>6</v>
      </c>
      <c r="CG18" s="71">
        <v>5</v>
      </c>
      <c r="CH18" s="71">
        <v>3</v>
      </c>
      <c r="CI18" s="71">
        <v>5</v>
      </c>
      <c r="CJ18" s="72">
        <v>25</v>
      </c>
      <c r="CK18" s="73">
        <v>32</v>
      </c>
      <c r="CL18" s="70">
        <v>110</v>
      </c>
      <c r="CM18" s="71">
        <v>139</v>
      </c>
      <c r="CN18" s="72">
        <v>249</v>
      </c>
      <c r="CO18" s="244"/>
      <c r="CP18" s="71">
        <v>253</v>
      </c>
      <c r="CQ18" s="71">
        <v>222</v>
      </c>
      <c r="CR18" s="71">
        <v>161</v>
      </c>
      <c r="CS18" s="71">
        <v>116</v>
      </c>
      <c r="CT18" s="71">
        <v>65</v>
      </c>
      <c r="CU18" s="72">
        <v>817</v>
      </c>
      <c r="CV18" s="73">
        <v>1066</v>
      </c>
      <c r="CW18" s="123">
        <v>239</v>
      </c>
      <c r="CX18" s="82">
        <v>349</v>
      </c>
      <c r="CY18" s="83">
        <v>588</v>
      </c>
      <c r="CZ18" s="241"/>
      <c r="DA18" s="82">
        <v>410</v>
      </c>
      <c r="DB18" s="82">
        <v>451</v>
      </c>
      <c r="DC18" s="82">
        <v>309</v>
      </c>
      <c r="DD18" s="82">
        <v>318</v>
      </c>
      <c r="DE18" s="82">
        <v>175</v>
      </c>
      <c r="DF18" s="84">
        <v>1663</v>
      </c>
      <c r="DG18" s="85">
        <v>2251</v>
      </c>
      <c r="DH18" s="70">
        <v>6</v>
      </c>
      <c r="DI18" s="71">
        <v>6</v>
      </c>
      <c r="DJ18" s="72">
        <v>12</v>
      </c>
      <c r="DK18" s="244"/>
      <c r="DL18" s="71">
        <v>9</v>
      </c>
      <c r="DM18" s="71">
        <v>9</v>
      </c>
      <c r="DN18" s="71">
        <v>7</v>
      </c>
      <c r="DO18" s="71">
        <v>5</v>
      </c>
      <c r="DP18" s="71">
        <v>5</v>
      </c>
      <c r="DQ18" s="72">
        <v>35</v>
      </c>
      <c r="DR18" s="73">
        <v>47</v>
      </c>
      <c r="DS18" s="70">
        <v>10</v>
      </c>
      <c r="DT18" s="71">
        <v>26</v>
      </c>
      <c r="DU18" s="72">
        <v>36</v>
      </c>
      <c r="DV18" s="244"/>
      <c r="DW18" s="71">
        <v>28</v>
      </c>
      <c r="DX18" s="71">
        <v>35</v>
      </c>
      <c r="DY18" s="71">
        <v>19</v>
      </c>
      <c r="DZ18" s="71">
        <v>8</v>
      </c>
      <c r="EA18" s="71">
        <v>9</v>
      </c>
      <c r="EB18" s="72">
        <v>99</v>
      </c>
      <c r="EC18" s="73">
        <v>135</v>
      </c>
      <c r="ED18" s="70">
        <v>50</v>
      </c>
      <c r="EE18" s="71">
        <v>57</v>
      </c>
      <c r="EF18" s="72">
        <v>107</v>
      </c>
      <c r="EG18" s="244"/>
      <c r="EH18" s="71">
        <v>53</v>
      </c>
      <c r="EI18" s="71">
        <v>40</v>
      </c>
      <c r="EJ18" s="71">
        <v>27</v>
      </c>
      <c r="EK18" s="71">
        <v>20</v>
      </c>
      <c r="EL18" s="71">
        <v>21</v>
      </c>
      <c r="EM18" s="72">
        <v>161</v>
      </c>
      <c r="EN18" s="73">
        <v>268</v>
      </c>
      <c r="EO18" s="70">
        <v>75</v>
      </c>
      <c r="EP18" s="71">
        <v>104</v>
      </c>
      <c r="EQ18" s="72">
        <v>179</v>
      </c>
      <c r="ER18" s="244"/>
      <c r="ES18" s="71">
        <v>105</v>
      </c>
      <c r="ET18" s="71">
        <v>91</v>
      </c>
      <c r="EU18" s="71">
        <v>53</v>
      </c>
      <c r="EV18" s="71">
        <v>50</v>
      </c>
      <c r="EW18" s="71">
        <v>37</v>
      </c>
      <c r="EX18" s="72">
        <v>336</v>
      </c>
      <c r="EY18" s="73">
        <v>515</v>
      </c>
      <c r="EZ18" s="70">
        <v>56</v>
      </c>
      <c r="FA18" s="71">
        <v>95</v>
      </c>
      <c r="FB18" s="72">
        <v>151</v>
      </c>
      <c r="FC18" s="244"/>
      <c r="FD18" s="71">
        <v>120</v>
      </c>
      <c r="FE18" s="71">
        <v>131</v>
      </c>
      <c r="FF18" s="71">
        <v>75</v>
      </c>
      <c r="FG18" s="71">
        <v>91</v>
      </c>
      <c r="FH18" s="71">
        <v>37</v>
      </c>
      <c r="FI18" s="72">
        <v>454</v>
      </c>
      <c r="FJ18" s="73">
        <v>605</v>
      </c>
      <c r="FK18" s="70">
        <v>42</v>
      </c>
      <c r="FL18" s="71">
        <v>61</v>
      </c>
      <c r="FM18" s="72">
        <v>103</v>
      </c>
      <c r="FN18" s="244"/>
      <c r="FO18" s="71">
        <v>95</v>
      </c>
      <c r="FP18" s="71">
        <v>145</v>
      </c>
      <c r="FQ18" s="71">
        <v>128</v>
      </c>
      <c r="FR18" s="71">
        <v>144</v>
      </c>
      <c r="FS18" s="71">
        <v>66</v>
      </c>
      <c r="FT18" s="72">
        <v>578</v>
      </c>
      <c r="FU18" s="73">
        <v>681</v>
      </c>
      <c r="FV18" s="70">
        <v>2</v>
      </c>
      <c r="FW18" s="71">
        <v>6</v>
      </c>
      <c r="FX18" s="72">
        <v>8</v>
      </c>
      <c r="FY18" s="244"/>
      <c r="FZ18" s="71">
        <v>3</v>
      </c>
      <c r="GA18" s="71">
        <v>11</v>
      </c>
      <c r="GB18" s="71">
        <v>2</v>
      </c>
      <c r="GC18" s="71">
        <v>1</v>
      </c>
      <c r="GD18" s="71">
        <v>6</v>
      </c>
      <c r="GE18" s="72">
        <v>23</v>
      </c>
      <c r="GF18" s="73">
        <v>31</v>
      </c>
      <c r="GG18" s="70">
        <v>241</v>
      </c>
      <c r="GH18" s="71">
        <v>355</v>
      </c>
      <c r="GI18" s="72">
        <v>596</v>
      </c>
      <c r="GJ18" s="244"/>
      <c r="GK18" s="71">
        <v>413</v>
      </c>
      <c r="GL18" s="71">
        <v>462</v>
      </c>
      <c r="GM18" s="71">
        <v>311</v>
      </c>
      <c r="GN18" s="71">
        <v>319</v>
      </c>
      <c r="GO18" s="71">
        <v>181</v>
      </c>
      <c r="GP18" s="72">
        <v>1686</v>
      </c>
      <c r="GQ18" s="73">
        <v>2282</v>
      </c>
      <c r="GR18" s="123">
        <v>347</v>
      </c>
      <c r="GS18" s="82">
        <v>483</v>
      </c>
      <c r="GT18" s="83">
        <v>830</v>
      </c>
      <c r="GU18" s="241"/>
      <c r="GV18" s="82">
        <v>657</v>
      </c>
      <c r="GW18" s="82">
        <v>667</v>
      </c>
      <c r="GX18" s="82">
        <v>465</v>
      </c>
      <c r="GY18" s="82">
        <v>431</v>
      </c>
      <c r="GZ18" s="82">
        <v>235</v>
      </c>
      <c r="HA18" s="84">
        <v>2455</v>
      </c>
      <c r="HB18" s="85">
        <v>3285</v>
      </c>
      <c r="HC18" s="70">
        <v>12</v>
      </c>
      <c r="HD18" s="71">
        <v>11</v>
      </c>
      <c r="HE18" s="72">
        <v>23</v>
      </c>
      <c r="HF18" s="244"/>
      <c r="HG18" s="71">
        <v>18</v>
      </c>
      <c r="HH18" s="71">
        <v>17</v>
      </c>
      <c r="HI18" s="71">
        <v>18</v>
      </c>
      <c r="HJ18" s="71">
        <v>12</v>
      </c>
      <c r="HK18" s="71">
        <v>10</v>
      </c>
      <c r="HL18" s="72">
        <v>75</v>
      </c>
      <c r="HM18" s="73">
        <v>98</v>
      </c>
      <c r="HN18" s="70">
        <v>24</v>
      </c>
      <c r="HO18" s="71">
        <v>37</v>
      </c>
      <c r="HP18" s="72">
        <v>61</v>
      </c>
      <c r="HQ18" s="244"/>
      <c r="HR18" s="71">
        <v>56</v>
      </c>
      <c r="HS18" s="71">
        <v>58</v>
      </c>
      <c r="HT18" s="71">
        <v>40</v>
      </c>
      <c r="HU18" s="71">
        <v>20</v>
      </c>
      <c r="HV18" s="71">
        <v>20</v>
      </c>
      <c r="HW18" s="72">
        <v>194</v>
      </c>
      <c r="HX18" s="73">
        <v>255</v>
      </c>
      <c r="HY18" s="70">
        <v>70</v>
      </c>
      <c r="HZ18" s="71">
        <v>80</v>
      </c>
      <c r="IA18" s="72">
        <v>150</v>
      </c>
      <c r="IB18" s="244"/>
      <c r="IC18" s="71">
        <v>97</v>
      </c>
      <c r="ID18" s="71">
        <v>79</v>
      </c>
      <c r="IE18" s="71">
        <v>43</v>
      </c>
      <c r="IF18" s="71">
        <v>39</v>
      </c>
      <c r="IG18" s="71">
        <v>35</v>
      </c>
      <c r="IH18" s="72">
        <v>293</v>
      </c>
      <c r="II18" s="73">
        <v>443</v>
      </c>
      <c r="IJ18" s="70">
        <v>106</v>
      </c>
      <c r="IK18" s="71">
        <v>137</v>
      </c>
      <c r="IL18" s="72">
        <v>243</v>
      </c>
      <c r="IM18" s="244"/>
      <c r="IN18" s="71">
        <v>160</v>
      </c>
      <c r="IO18" s="71">
        <v>142</v>
      </c>
      <c r="IP18" s="71">
        <v>91</v>
      </c>
      <c r="IQ18" s="71">
        <v>72</v>
      </c>
      <c r="IR18" s="71">
        <v>52</v>
      </c>
      <c r="IS18" s="72">
        <v>517</v>
      </c>
      <c r="IT18" s="73">
        <v>760</v>
      </c>
      <c r="IU18" s="70">
        <v>79</v>
      </c>
      <c r="IV18" s="71">
        <v>129</v>
      </c>
      <c r="IW18" s="72">
        <v>208</v>
      </c>
      <c r="IX18" s="244"/>
      <c r="IY18" s="71">
        <v>192</v>
      </c>
      <c r="IZ18" s="71">
        <v>188</v>
      </c>
      <c r="JA18" s="71">
        <v>114</v>
      </c>
      <c r="JB18" s="71">
        <v>114</v>
      </c>
      <c r="JC18" s="71">
        <v>48</v>
      </c>
      <c r="JD18" s="72">
        <v>656</v>
      </c>
      <c r="JE18" s="73">
        <v>864</v>
      </c>
      <c r="JF18" s="70">
        <v>56</v>
      </c>
      <c r="JG18" s="71">
        <v>89</v>
      </c>
      <c r="JH18" s="72">
        <v>145</v>
      </c>
      <c r="JI18" s="244"/>
      <c r="JJ18" s="71">
        <v>134</v>
      </c>
      <c r="JK18" s="71">
        <v>183</v>
      </c>
      <c r="JL18" s="71">
        <v>159</v>
      </c>
      <c r="JM18" s="71">
        <v>174</v>
      </c>
      <c r="JN18" s="71">
        <v>70</v>
      </c>
      <c r="JO18" s="72">
        <v>720</v>
      </c>
      <c r="JP18" s="73">
        <v>865</v>
      </c>
      <c r="JQ18" s="70">
        <v>4</v>
      </c>
      <c r="JR18" s="71">
        <v>11</v>
      </c>
      <c r="JS18" s="72">
        <v>15</v>
      </c>
      <c r="JT18" s="244"/>
      <c r="JU18" s="71">
        <v>9</v>
      </c>
      <c r="JV18" s="71">
        <v>17</v>
      </c>
      <c r="JW18" s="71">
        <v>7</v>
      </c>
      <c r="JX18" s="71">
        <v>4</v>
      </c>
      <c r="JY18" s="71">
        <v>11</v>
      </c>
      <c r="JZ18" s="72">
        <v>48</v>
      </c>
      <c r="KA18" s="73">
        <v>63</v>
      </c>
      <c r="KB18" s="70">
        <v>351</v>
      </c>
      <c r="KC18" s="71">
        <v>494</v>
      </c>
      <c r="KD18" s="72">
        <v>845</v>
      </c>
      <c r="KE18" s="244"/>
      <c r="KF18" s="71">
        <v>666</v>
      </c>
      <c r="KG18" s="71">
        <v>684</v>
      </c>
      <c r="KH18" s="71">
        <v>472</v>
      </c>
      <c r="KI18" s="71">
        <v>435</v>
      </c>
      <c r="KJ18" s="71">
        <v>246</v>
      </c>
      <c r="KK18" s="72">
        <v>2503</v>
      </c>
      <c r="KL18" s="73">
        <v>3348</v>
      </c>
    </row>
    <row r="19" spans="1:298" ht="19.5" customHeight="1" x14ac:dyDescent="0.2">
      <c r="A19" s="126" t="s">
        <v>16</v>
      </c>
      <c r="B19" s="316">
        <v>195</v>
      </c>
      <c r="C19" s="82">
        <v>235</v>
      </c>
      <c r="D19" s="83">
        <v>430</v>
      </c>
      <c r="E19" s="241"/>
      <c r="F19" s="82">
        <v>450</v>
      </c>
      <c r="G19" s="82">
        <v>582</v>
      </c>
      <c r="H19" s="82">
        <v>389</v>
      </c>
      <c r="I19" s="82">
        <v>327</v>
      </c>
      <c r="J19" s="82">
        <v>168</v>
      </c>
      <c r="K19" s="84">
        <v>1916</v>
      </c>
      <c r="L19" s="85">
        <v>2346</v>
      </c>
      <c r="M19" s="70">
        <v>9</v>
      </c>
      <c r="N19" s="71">
        <v>12</v>
      </c>
      <c r="O19" s="72">
        <v>21</v>
      </c>
      <c r="P19" s="241"/>
      <c r="Q19" s="71">
        <v>21</v>
      </c>
      <c r="R19" s="71">
        <v>29</v>
      </c>
      <c r="S19" s="71">
        <v>21</v>
      </c>
      <c r="T19" s="71">
        <v>22</v>
      </c>
      <c r="U19" s="71">
        <v>19</v>
      </c>
      <c r="V19" s="72">
        <v>112</v>
      </c>
      <c r="W19" s="73">
        <v>133</v>
      </c>
      <c r="X19" s="70">
        <v>31</v>
      </c>
      <c r="Y19" s="71">
        <v>41</v>
      </c>
      <c r="Z19" s="72">
        <v>72</v>
      </c>
      <c r="AA19" s="241"/>
      <c r="AB19" s="71">
        <v>56</v>
      </c>
      <c r="AC19" s="71">
        <v>84</v>
      </c>
      <c r="AD19" s="71">
        <v>52</v>
      </c>
      <c r="AE19" s="71">
        <v>47</v>
      </c>
      <c r="AF19" s="71">
        <v>25</v>
      </c>
      <c r="AG19" s="72">
        <v>264</v>
      </c>
      <c r="AH19" s="73">
        <v>336</v>
      </c>
      <c r="AI19" s="70">
        <v>36</v>
      </c>
      <c r="AJ19" s="71">
        <v>42</v>
      </c>
      <c r="AK19" s="72">
        <v>78</v>
      </c>
      <c r="AL19" s="241"/>
      <c r="AM19" s="71">
        <v>91</v>
      </c>
      <c r="AN19" s="71">
        <v>84</v>
      </c>
      <c r="AO19" s="71">
        <v>59</v>
      </c>
      <c r="AP19" s="71">
        <v>56</v>
      </c>
      <c r="AQ19" s="71">
        <v>24</v>
      </c>
      <c r="AR19" s="72">
        <v>314</v>
      </c>
      <c r="AS19" s="73">
        <v>392</v>
      </c>
      <c r="AT19" s="70">
        <v>47</v>
      </c>
      <c r="AU19" s="71">
        <v>55</v>
      </c>
      <c r="AV19" s="72">
        <v>102</v>
      </c>
      <c r="AW19" s="241"/>
      <c r="AX19" s="71">
        <v>100</v>
      </c>
      <c r="AY19" s="71">
        <v>161</v>
      </c>
      <c r="AZ19" s="71">
        <v>92</v>
      </c>
      <c r="BA19" s="71">
        <v>83</v>
      </c>
      <c r="BB19" s="71">
        <v>48</v>
      </c>
      <c r="BC19" s="72">
        <v>484</v>
      </c>
      <c r="BD19" s="73">
        <v>586</v>
      </c>
      <c r="BE19" s="70">
        <v>44</v>
      </c>
      <c r="BF19" s="71">
        <v>52</v>
      </c>
      <c r="BG19" s="72">
        <v>96</v>
      </c>
      <c r="BH19" s="244"/>
      <c r="BI19" s="71">
        <v>108</v>
      </c>
      <c r="BJ19" s="71">
        <v>130</v>
      </c>
      <c r="BK19" s="71">
        <v>97</v>
      </c>
      <c r="BL19" s="71">
        <v>58</v>
      </c>
      <c r="BM19" s="71">
        <v>27</v>
      </c>
      <c r="BN19" s="72">
        <v>420</v>
      </c>
      <c r="BO19" s="73">
        <v>516</v>
      </c>
      <c r="BP19" s="70">
        <v>28</v>
      </c>
      <c r="BQ19" s="71">
        <v>33</v>
      </c>
      <c r="BR19" s="72">
        <v>61</v>
      </c>
      <c r="BS19" s="244"/>
      <c r="BT19" s="71">
        <v>74</v>
      </c>
      <c r="BU19" s="71">
        <v>94</v>
      </c>
      <c r="BV19" s="71">
        <v>68</v>
      </c>
      <c r="BW19" s="71">
        <v>61</v>
      </c>
      <c r="BX19" s="71">
        <v>25</v>
      </c>
      <c r="BY19" s="72">
        <v>322</v>
      </c>
      <c r="BZ19" s="73">
        <v>383</v>
      </c>
      <c r="CA19" s="70">
        <v>14</v>
      </c>
      <c r="CB19" s="71">
        <v>11</v>
      </c>
      <c r="CC19" s="72">
        <v>25</v>
      </c>
      <c r="CD19" s="244"/>
      <c r="CE19" s="71">
        <v>16</v>
      </c>
      <c r="CF19" s="71">
        <v>21</v>
      </c>
      <c r="CG19" s="71">
        <v>15</v>
      </c>
      <c r="CH19" s="71">
        <v>8</v>
      </c>
      <c r="CI19" s="71">
        <v>11</v>
      </c>
      <c r="CJ19" s="72">
        <v>71</v>
      </c>
      <c r="CK19" s="73">
        <v>96</v>
      </c>
      <c r="CL19" s="70">
        <v>209</v>
      </c>
      <c r="CM19" s="71">
        <v>246</v>
      </c>
      <c r="CN19" s="72">
        <v>455</v>
      </c>
      <c r="CO19" s="244"/>
      <c r="CP19" s="71">
        <v>466</v>
      </c>
      <c r="CQ19" s="71">
        <v>603</v>
      </c>
      <c r="CR19" s="71">
        <v>404</v>
      </c>
      <c r="CS19" s="71">
        <v>335</v>
      </c>
      <c r="CT19" s="71">
        <v>179</v>
      </c>
      <c r="CU19" s="72">
        <v>1987</v>
      </c>
      <c r="CV19" s="73">
        <v>2442</v>
      </c>
      <c r="CW19" s="123">
        <v>379</v>
      </c>
      <c r="CX19" s="82">
        <v>528</v>
      </c>
      <c r="CY19" s="83">
        <v>907</v>
      </c>
      <c r="CZ19" s="241"/>
      <c r="DA19" s="82">
        <v>816</v>
      </c>
      <c r="DB19" s="82">
        <v>971</v>
      </c>
      <c r="DC19" s="82">
        <v>782</v>
      </c>
      <c r="DD19" s="82">
        <v>698</v>
      </c>
      <c r="DE19" s="82">
        <v>506</v>
      </c>
      <c r="DF19" s="84">
        <v>3773</v>
      </c>
      <c r="DG19" s="85">
        <v>4680</v>
      </c>
      <c r="DH19" s="70">
        <v>11</v>
      </c>
      <c r="DI19" s="71">
        <v>23</v>
      </c>
      <c r="DJ19" s="72">
        <v>34</v>
      </c>
      <c r="DK19" s="244"/>
      <c r="DL19" s="71">
        <v>17</v>
      </c>
      <c r="DM19" s="71">
        <v>37</v>
      </c>
      <c r="DN19" s="71">
        <v>20</v>
      </c>
      <c r="DO19" s="71">
        <v>15</v>
      </c>
      <c r="DP19" s="71">
        <v>12</v>
      </c>
      <c r="DQ19" s="72">
        <v>101</v>
      </c>
      <c r="DR19" s="73">
        <v>135</v>
      </c>
      <c r="DS19" s="70">
        <v>36</v>
      </c>
      <c r="DT19" s="71">
        <v>58</v>
      </c>
      <c r="DU19" s="72">
        <v>94</v>
      </c>
      <c r="DV19" s="244"/>
      <c r="DW19" s="71">
        <v>62</v>
      </c>
      <c r="DX19" s="71">
        <v>73</v>
      </c>
      <c r="DY19" s="71">
        <v>51</v>
      </c>
      <c r="DZ19" s="71">
        <v>42</v>
      </c>
      <c r="EA19" s="71">
        <v>44</v>
      </c>
      <c r="EB19" s="72">
        <v>272</v>
      </c>
      <c r="EC19" s="73">
        <v>366</v>
      </c>
      <c r="ED19" s="70">
        <v>72</v>
      </c>
      <c r="EE19" s="71">
        <v>94</v>
      </c>
      <c r="EF19" s="72">
        <v>166</v>
      </c>
      <c r="EG19" s="244"/>
      <c r="EH19" s="71">
        <v>97</v>
      </c>
      <c r="EI19" s="71">
        <v>126</v>
      </c>
      <c r="EJ19" s="71">
        <v>81</v>
      </c>
      <c r="EK19" s="71">
        <v>50</v>
      </c>
      <c r="EL19" s="71">
        <v>47</v>
      </c>
      <c r="EM19" s="72">
        <v>401</v>
      </c>
      <c r="EN19" s="73">
        <v>567</v>
      </c>
      <c r="EO19" s="70">
        <v>110</v>
      </c>
      <c r="EP19" s="71">
        <v>134</v>
      </c>
      <c r="EQ19" s="72">
        <v>244</v>
      </c>
      <c r="ER19" s="244"/>
      <c r="ES19" s="71">
        <v>175</v>
      </c>
      <c r="ET19" s="71">
        <v>199</v>
      </c>
      <c r="EU19" s="71">
        <v>149</v>
      </c>
      <c r="EV19" s="71">
        <v>119</v>
      </c>
      <c r="EW19" s="71">
        <v>80</v>
      </c>
      <c r="EX19" s="72">
        <v>722</v>
      </c>
      <c r="EY19" s="73">
        <v>966</v>
      </c>
      <c r="EZ19" s="70">
        <v>96</v>
      </c>
      <c r="FA19" s="71">
        <v>128</v>
      </c>
      <c r="FB19" s="72">
        <v>224</v>
      </c>
      <c r="FC19" s="244"/>
      <c r="FD19" s="71">
        <v>264</v>
      </c>
      <c r="FE19" s="71">
        <v>253</v>
      </c>
      <c r="FF19" s="71">
        <v>190</v>
      </c>
      <c r="FG19" s="71">
        <v>171</v>
      </c>
      <c r="FH19" s="71">
        <v>115</v>
      </c>
      <c r="FI19" s="72">
        <v>993</v>
      </c>
      <c r="FJ19" s="73">
        <v>1217</v>
      </c>
      <c r="FK19" s="70">
        <v>54</v>
      </c>
      <c r="FL19" s="71">
        <v>91</v>
      </c>
      <c r="FM19" s="72">
        <v>145</v>
      </c>
      <c r="FN19" s="244"/>
      <c r="FO19" s="71">
        <v>201</v>
      </c>
      <c r="FP19" s="71">
        <v>283</v>
      </c>
      <c r="FQ19" s="71">
        <v>291</v>
      </c>
      <c r="FR19" s="71">
        <v>301</v>
      </c>
      <c r="FS19" s="71">
        <v>208</v>
      </c>
      <c r="FT19" s="72">
        <v>1284</v>
      </c>
      <c r="FU19" s="73">
        <v>1429</v>
      </c>
      <c r="FV19" s="70">
        <v>9</v>
      </c>
      <c r="FW19" s="71">
        <v>12</v>
      </c>
      <c r="FX19" s="72">
        <v>21</v>
      </c>
      <c r="FY19" s="244"/>
      <c r="FZ19" s="71">
        <v>9</v>
      </c>
      <c r="GA19" s="71">
        <v>18</v>
      </c>
      <c r="GB19" s="71">
        <v>8</v>
      </c>
      <c r="GC19" s="71">
        <v>15</v>
      </c>
      <c r="GD19" s="71">
        <v>11</v>
      </c>
      <c r="GE19" s="72">
        <v>61</v>
      </c>
      <c r="GF19" s="73">
        <v>82</v>
      </c>
      <c r="GG19" s="70">
        <v>388</v>
      </c>
      <c r="GH19" s="71">
        <v>540</v>
      </c>
      <c r="GI19" s="72">
        <v>928</v>
      </c>
      <c r="GJ19" s="244"/>
      <c r="GK19" s="71">
        <v>825</v>
      </c>
      <c r="GL19" s="71">
        <v>989</v>
      </c>
      <c r="GM19" s="71">
        <v>790</v>
      </c>
      <c r="GN19" s="71">
        <v>713</v>
      </c>
      <c r="GO19" s="71">
        <v>517</v>
      </c>
      <c r="GP19" s="72">
        <v>3834</v>
      </c>
      <c r="GQ19" s="73">
        <v>4762</v>
      </c>
      <c r="GR19" s="123">
        <v>574</v>
      </c>
      <c r="GS19" s="82">
        <v>763</v>
      </c>
      <c r="GT19" s="83">
        <v>1337</v>
      </c>
      <c r="GU19" s="241"/>
      <c r="GV19" s="82">
        <v>1266</v>
      </c>
      <c r="GW19" s="82">
        <v>1553</v>
      </c>
      <c r="GX19" s="82">
        <v>1171</v>
      </c>
      <c r="GY19" s="82">
        <v>1025</v>
      </c>
      <c r="GZ19" s="82">
        <v>674</v>
      </c>
      <c r="HA19" s="84">
        <v>5689</v>
      </c>
      <c r="HB19" s="85">
        <v>7026</v>
      </c>
      <c r="HC19" s="70">
        <v>20</v>
      </c>
      <c r="HD19" s="71">
        <v>35</v>
      </c>
      <c r="HE19" s="72">
        <v>55</v>
      </c>
      <c r="HF19" s="244"/>
      <c r="HG19" s="71">
        <v>38</v>
      </c>
      <c r="HH19" s="71">
        <v>66</v>
      </c>
      <c r="HI19" s="71">
        <v>41</v>
      </c>
      <c r="HJ19" s="71">
        <v>37</v>
      </c>
      <c r="HK19" s="71">
        <v>31</v>
      </c>
      <c r="HL19" s="72">
        <v>213</v>
      </c>
      <c r="HM19" s="73">
        <v>268</v>
      </c>
      <c r="HN19" s="70">
        <v>67</v>
      </c>
      <c r="HO19" s="71">
        <v>99</v>
      </c>
      <c r="HP19" s="72">
        <v>166</v>
      </c>
      <c r="HQ19" s="244"/>
      <c r="HR19" s="71">
        <v>118</v>
      </c>
      <c r="HS19" s="71">
        <v>157</v>
      </c>
      <c r="HT19" s="71">
        <v>103</v>
      </c>
      <c r="HU19" s="71">
        <v>89</v>
      </c>
      <c r="HV19" s="71">
        <v>69</v>
      </c>
      <c r="HW19" s="72">
        <v>536</v>
      </c>
      <c r="HX19" s="73">
        <v>702</v>
      </c>
      <c r="HY19" s="70">
        <v>108</v>
      </c>
      <c r="HZ19" s="71">
        <v>136</v>
      </c>
      <c r="IA19" s="72">
        <v>244</v>
      </c>
      <c r="IB19" s="244"/>
      <c r="IC19" s="71">
        <v>188</v>
      </c>
      <c r="ID19" s="71">
        <v>210</v>
      </c>
      <c r="IE19" s="71">
        <v>140</v>
      </c>
      <c r="IF19" s="71">
        <v>106</v>
      </c>
      <c r="IG19" s="71">
        <v>71</v>
      </c>
      <c r="IH19" s="72">
        <v>715</v>
      </c>
      <c r="II19" s="73">
        <v>959</v>
      </c>
      <c r="IJ19" s="70">
        <v>157</v>
      </c>
      <c r="IK19" s="71">
        <v>189</v>
      </c>
      <c r="IL19" s="72">
        <v>346</v>
      </c>
      <c r="IM19" s="244"/>
      <c r="IN19" s="71">
        <v>275</v>
      </c>
      <c r="IO19" s="71">
        <v>360</v>
      </c>
      <c r="IP19" s="71">
        <v>241</v>
      </c>
      <c r="IQ19" s="71">
        <v>202</v>
      </c>
      <c r="IR19" s="71">
        <v>128</v>
      </c>
      <c r="IS19" s="72">
        <v>1206</v>
      </c>
      <c r="IT19" s="73">
        <v>1552</v>
      </c>
      <c r="IU19" s="70">
        <v>140</v>
      </c>
      <c r="IV19" s="71">
        <v>180</v>
      </c>
      <c r="IW19" s="72">
        <v>320</v>
      </c>
      <c r="IX19" s="244"/>
      <c r="IY19" s="71">
        <v>372</v>
      </c>
      <c r="IZ19" s="71">
        <v>383</v>
      </c>
      <c r="JA19" s="71">
        <v>287</v>
      </c>
      <c r="JB19" s="71">
        <v>229</v>
      </c>
      <c r="JC19" s="71">
        <v>142</v>
      </c>
      <c r="JD19" s="72">
        <v>1413</v>
      </c>
      <c r="JE19" s="73">
        <v>1733</v>
      </c>
      <c r="JF19" s="70">
        <v>82</v>
      </c>
      <c r="JG19" s="71">
        <v>124</v>
      </c>
      <c r="JH19" s="72">
        <v>206</v>
      </c>
      <c r="JI19" s="244"/>
      <c r="JJ19" s="71">
        <v>275</v>
      </c>
      <c r="JK19" s="71">
        <v>377</v>
      </c>
      <c r="JL19" s="71">
        <v>359</v>
      </c>
      <c r="JM19" s="71">
        <v>362</v>
      </c>
      <c r="JN19" s="71">
        <v>233</v>
      </c>
      <c r="JO19" s="72">
        <v>1606</v>
      </c>
      <c r="JP19" s="73">
        <v>1812</v>
      </c>
      <c r="JQ19" s="70">
        <v>23</v>
      </c>
      <c r="JR19" s="71">
        <v>23</v>
      </c>
      <c r="JS19" s="72">
        <v>46</v>
      </c>
      <c r="JT19" s="244"/>
      <c r="JU19" s="71">
        <v>25</v>
      </c>
      <c r="JV19" s="71">
        <v>39</v>
      </c>
      <c r="JW19" s="71">
        <v>23</v>
      </c>
      <c r="JX19" s="71">
        <v>23</v>
      </c>
      <c r="JY19" s="71">
        <v>22</v>
      </c>
      <c r="JZ19" s="72">
        <v>132</v>
      </c>
      <c r="KA19" s="73">
        <v>178</v>
      </c>
      <c r="KB19" s="70">
        <v>597</v>
      </c>
      <c r="KC19" s="71">
        <v>786</v>
      </c>
      <c r="KD19" s="72">
        <v>1383</v>
      </c>
      <c r="KE19" s="244"/>
      <c r="KF19" s="71">
        <v>1291</v>
      </c>
      <c r="KG19" s="71">
        <v>1592</v>
      </c>
      <c r="KH19" s="71">
        <v>1194</v>
      </c>
      <c r="KI19" s="71">
        <v>1048</v>
      </c>
      <c r="KJ19" s="71">
        <v>696</v>
      </c>
      <c r="KK19" s="72">
        <v>5821</v>
      </c>
      <c r="KL19" s="73">
        <v>7204</v>
      </c>
    </row>
    <row r="20" spans="1:298" ht="19.5" customHeight="1" x14ac:dyDescent="0.2">
      <c r="A20" s="126" t="s">
        <v>17</v>
      </c>
      <c r="B20" s="316">
        <v>267</v>
      </c>
      <c r="C20" s="82">
        <v>365</v>
      </c>
      <c r="D20" s="83">
        <v>632</v>
      </c>
      <c r="E20" s="241"/>
      <c r="F20" s="82">
        <v>548</v>
      </c>
      <c r="G20" s="82">
        <v>710</v>
      </c>
      <c r="H20" s="82">
        <v>516</v>
      </c>
      <c r="I20" s="82">
        <v>404</v>
      </c>
      <c r="J20" s="82">
        <v>249</v>
      </c>
      <c r="K20" s="84">
        <v>2427</v>
      </c>
      <c r="L20" s="85">
        <v>3059</v>
      </c>
      <c r="M20" s="70">
        <v>12</v>
      </c>
      <c r="N20" s="71">
        <v>24</v>
      </c>
      <c r="O20" s="72">
        <v>36</v>
      </c>
      <c r="P20" s="241"/>
      <c r="Q20" s="71">
        <v>33</v>
      </c>
      <c r="R20" s="71">
        <v>46</v>
      </c>
      <c r="S20" s="71">
        <v>29</v>
      </c>
      <c r="T20" s="71">
        <v>23</v>
      </c>
      <c r="U20" s="71">
        <v>30</v>
      </c>
      <c r="V20" s="72">
        <v>161</v>
      </c>
      <c r="W20" s="73">
        <v>197</v>
      </c>
      <c r="X20" s="70">
        <v>34</v>
      </c>
      <c r="Y20" s="71">
        <v>54</v>
      </c>
      <c r="Z20" s="72">
        <v>88</v>
      </c>
      <c r="AA20" s="241"/>
      <c r="AB20" s="71">
        <v>48</v>
      </c>
      <c r="AC20" s="71">
        <v>103</v>
      </c>
      <c r="AD20" s="71">
        <v>67</v>
      </c>
      <c r="AE20" s="71">
        <v>58</v>
      </c>
      <c r="AF20" s="71">
        <v>37</v>
      </c>
      <c r="AG20" s="72">
        <v>313</v>
      </c>
      <c r="AH20" s="73">
        <v>401</v>
      </c>
      <c r="AI20" s="70">
        <v>55</v>
      </c>
      <c r="AJ20" s="71">
        <v>71</v>
      </c>
      <c r="AK20" s="72">
        <v>126</v>
      </c>
      <c r="AL20" s="241"/>
      <c r="AM20" s="71">
        <v>89</v>
      </c>
      <c r="AN20" s="71">
        <v>123</v>
      </c>
      <c r="AO20" s="71">
        <v>88</v>
      </c>
      <c r="AP20" s="71">
        <v>77</v>
      </c>
      <c r="AQ20" s="71">
        <v>50</v>
      </c>
      <c r="AR20" s="72">
        <v>427</v>
      </c>
      <c r="AS20" s="73">
        <v>553</v>
      </c>
      <c r="AT20" s="70">
        <v>61</v>
      </c>
      <c r="AU20" s="71">
        <v>85</v>
      </c>
      <c r="AV20" s="72">
        <v>146</v>
      </c>
      <c r="AW20" s="241"/>
      <c r="AX20" s="71">
        <v>162</v>
      </c>
      <c r="AY20" s="71">
        <v>166</v>
      </c>
      <c r="AZ20" s="71">
        <v>142</v>
      </c>
      <c r="BA20" s="71">
        <v>92</v>
      </c>
      <c r="BB20" s="71">
        <v>54</v>
      </c>
      <c r="BC20" s="72">
        <v>616</v>
      </c>
      <c r="BD20" s="73">
        <v>762</v>
      </c>
      <c r="BE20" s="70">
        <v>68</v>
      </c>
      <c r="BF20" s="71">
        <v>80</v>
      </c>
      <c r="BG20" s="72">
        <v>148</v>
      </c>
      <c r="BH20" s="244"/>
      <c r="BI20" s="71">
        <v>132</v>
      </c>
      <c r="BJ20" s="71">
        <v>177</v>
      </c>
      <c r="BK20" s="71">
        <v>111</v>
      </c>
      <c r="BL20" s="71">
        <v>89</v>
      </c>
      <c r="BM20" s="71">
        <v>54</v>
      </c>
      <c r="BN20" s="72">
        <v>563</v>
      </c>
      <c r="BO20" s="73">
        <v>711</v>
      </c>
      <c r="BP20" s="70">
        <v>37</v>
      </c>
      <c r="BQ20" s="71">
        <v>51</v>
      </c>
      <c r="BR20" s="72">
        <v>88</v>
      </c>
      <c r="BS20" s="244"/>
      <c r="BT20" s="71">
        <v>84</v>
      </c>
      <c r="BU20" s="71">
        <v>95</v>
      </c>
      <c r="BV20" s="71">
        <v>79</v>
      </c>
      <c r="BW20" s="71">
        <v>65</v>
      </c>
      <c r="BX20" s="71">
        <v>24</v>
      </c>
      <c r="BY20" s="72">
        <v>347</v>
      </c>
      <c r="BZ20" s="73">
        <v>435</v>
      </c>
      <c r="CA20" s="70">
        <v>11</v>
      </c>
      <c r="CB20" s="71">
        <v>22</v>
      </c>
      <c r="CC20" s="72">
        <v>33</v>
      </c>
      <c r="CD20" s="244"/>
      <c r="CE20" s="71">
        <v>23</v>
      </c>
      <c r="CF20" s="71">
        <v>44</v>
      </c>
      <c r="CG20" s="71">
        <v>28</v>
      </c>
      <c r="CH20" s="71">
        <v>19</v>
      </c>
      <c r="CI20" s="71">
        <v>11</v>
      </c>
      <c r="CJ20" s="72">
        <v>125</v>
      </c>
      <c r="CK20" s="73">
        <v>158</v>
      </c>
      <c r="CL20" s="70">
        <v>278</v>
      </c>
      <c r="CM20" s="71">
        <v>387</v>
      </c>
      <c r="CN20" s="72">
        <v>665</v>
      </c>
      <c r="CO20" s="244"/>
      <c r="CP20" s="71">
        <v>571</v>
      </c>
      <c r="CQ20" s="71">
        <v>754</v>
      </c>
      <c r="CR20" s="71">
        <v>544</v>
      </c>
      <c r="CS20" s="71">
        <v>423</v>
      </c>
      <c r="CT20" s="71">
        <v>260</v>
      </c>
      <c r="CU20" s="72">
        <v>2552</v>
      </c>
      <c r="CV20" s="73">
        <v>3217</v>
      </c>
      <c r="CW20" s="123">
        <v>596</v>
      </c>
      <c r="CX20" s="82">
        <v>786</v>
      </c>
      <c r="CY20" s="83">
        <v>1382</v>
      </c>
      <c r="CZ20" s="241"/>
      <c r="DA20" s="82">
        <v>946</v>
      </c>
      <c r="DB20" s="82">
        <v>1195</v>
      </c>
      <c r="DC20" s="82">
        <v>853</v>
      </c>
      <c r="DD20" s="82">
        <v>792</v>
      </c>
      <c r="DE20" s="82">
        <v>574</v>
      </c>
      <c r="DF20" s="84">
        <v>4360</v>
      </c>
      <c r="DG20" s="85">
        <v>5742</v>
      </c>
      <c r="DH20" s="70">
        <v>14</v>
      </c>
      <c r="DI20" s="71">
        <v>29</v>
      </c>
      <c r="DJ20" s="72">
        <v>43</v>
      </c>
      <c r="DK20" s="244"/>
      <c r="DL20" s="71">
        <v>19</v>
      </c>
      <c r="DM20" s="71">
        <v>34</v>
      </c>
      <c r="DN20" s="71">
        <v>27</v>
      </c>
      <c r="DO20" s="71">
        <v>22</v>
      </c>
      <c r="DP20" s="71">
        <v>18</v>
      </c>
      <c r="DQ20" s="72">
        <v>120</v>
      </c>
      <c r="DR20" s="73">
        <v>163</v>
      </c>
      <c r="DS20" s="70">
        <v>61</v>
      </c>
      <c r="DT20" s="71">
        <v>67</v>
      </c>
      <c r="DU20" s="72">
        <v>128</v>
      </c>
      <c r="DV20" s="244"/>
      <c r="DW20" s="71">
        <v>67</v>
      </c>
      <c r="DX20" s="71">
        <v>79</v>
      </c>
      <c r="DY20" s="71">
        <v>64</v>
      </c>
      <c r="DZ20" s="71">
        <v>43</v>
      </c>
      <c r="EA20" s="71">
        <v>43</v>
      </c>
      <c r="EB20" s="72">
        <v>296</v>
      </c>
      <c r="EC20" s="73">
        <v>424</v>
      </c>
      <c r="ED20" s="70">
        <v>96</v>
      </c>
      <c r="EE20" s="71">
        <v>132</v>
      </c>
      <c r="EF20" s="72">
        <v>228</v>
      </c>
      <c r="EG20" s="244"/>
      <c r="EH20" s="71">
        <v>121</v>
      </c>
      <c r="EI20" s="71">
        <v>168</v>
      </c>
      <c r="EJ20" s="71">
        <v>103</v>
      </c>
      <c r="EK20" s="71">
        <v>96</v>
      </c>
      <c r="EL20" s="71">
        <v>73</v>
      </c>
      <c r="EM20" s="72">
        <v>561</v>
      </c>
      <c r="EN20" s="73">
        <v>789</v>
      </c>
      <c r="EO20" s="70">
        <v>184</v>
      </c>
      <c r="EP20" s="71">
        <v>211</v>
      </c>
      <c r="EQ20" s="72">
        <v>395</v>
      </c>
      <c r="ER20" s="244"/>
      <c r="ES20" s="71">
        <v>239</v>
      </c>
      <c r="ET20" s="71">
        <v>288</v>
      </c>
      <c r="EU20" s="71">
        <v>177</v>
      </c>
      <c r="EV20" s="71">
        <v>162</v>
      </c>
      <c r="EW20" s="71">
        <v>104</v>
      </c>
      <c r="EX20" s="72">
        <v>970</v>
      </c>
      <c r="EY20" s="73">
        <v>1365</v>
      </c>
      <c r="EZ20" s="70">
        <v>159</v>
      </c>
      <c r="FA20" s="71">
        <v>231</v>
      </c>
      <c r="FB20" s="72">
        <v>390</v>
      </c>
      <c r="FC20" s="244"/>
      <c r="FD20" s="71">
        <v>291</v>
      </c>
      <c r="FE20" s="71">
        <v>303</v>
      </c>
      <c r="FF20" s="71">
        <v>237</v>
      </c>
      <c r="FG20" s="71">
        <v>188</v>
      </c>
      <c r="FH20" s="71">
        <v>164</v>
      </c>
      <c r="FI20" s="72">
        <v>1183</v>
      </c>
      <c r="FJ20" s="73">
        <v>1573</v>
      </c>
      <c r="FK20" s="70">
        <v>82</v>
      </c>
      <c r="FL20" s="71">
        <v>116</v>
      </c>
      <c r="FM20" s="72">
        <v>198</v>
      </c>
      <c r="FN20" s="244"/>
      <c r="FO20" s="71">
        <v>209</v>
      </c>
      <c r="FP20" s="71">
        <v>323</v>
      </c>
      <c r="FQ20" s="71">
        <v>245</v>
      </c>
      <c r="FR20" s="71">
        <v>281</v>
      </c>
      <c r="FS20" s="71">
        <v>172</v>
      </c>
      <c r="FT20" s="72">
        <v>1230</v>
      </c>
      <c r="FU20" s="73">
        <v>1428</v>
      </c>
      <c r="FV20" s="70">
        <v>3</v>
      </c>
      <c r="FW20" s="71">
        <v>21</v>
      </c>
      <c r="FX20" s="72">
        <v>24</v>
      </c>
      <c r="FY20" s="244"/>
      <c r="FZ20" s="71">
        <v>5</v>
      </c>
      <c r="GA20" s="71">
        <v>33</v>
      </c>
      <c r="GB20" s="71">
        <v>18</v>
      </c>
      <c r="GC20" s="71">
        <v>16</v>
      </c>
      <c r="GD20" s="71">
        <v>14</v>
      </c>
      <c r="GE20" s="72">
        <v>86</v>
      </c>
      <c r="GF20" s="73">
        <v>110</v>
      </c>
      <c r="GG20" s="70">
        <v>599</v>
      </c>
      <c r="GH20" s="71">
        <v>807</v>
      </c>
      <c r="GI20" s="72">
        <v>1406</v>
      </c>
      <c r="GJ20" s="244"/>
      <c r="GK20" s="71">
        <v>951</v>
      </c>
      <c r="GL20" s="71">
        <v>1228</v>
      </c>
      <c r="GM20" s="71">
        <v>871</v>
      </c>
      <c r="GN20" s="71">
        <v>808</v>
      </c>
      <c r="GO20" s="71">
        <v>588</v>
      </c>
      <c r="GP20" s="72">
        <v>4446</v>
      </c>
      <c r="GQ20" s="73">
        <v>5852</v>
      </c>
      <c r="GR20" s="123">
        <v>863</v>
      </c>
      <c r="GS20" s="82">
        <v>1151</v>
      </c>
      <c r="GT20" s="83">
        <v>2014</v>
      </c>
      <c r="GU20" s="241"/>
      <c r="GV20" s="82">
        <v>1494</v>
      </c>
      <c r="GW20" s="82">
        <v>1905</v>
      </c>
      <c r="GX20" s="82">
        <v>1369</v>
      </c>
      <c r="GY20" s="82">
        <v>1196</v>
      </c>
      <c r="GZ20" s="82">
        <v>823</v>
      </c>
      <c r="HA20" s="84">
        <v>6787</v>
      </c>
      <c r="HB20" s="85">
        <v>8801</v>
      </c>
      <c r="HC20" s="70">
        <v>26</v>
      </c>
      <c r="HD20" s="71">
        <v>53</v>
      </c>
      <c r="HE20" s="72">
        <v>79</v>
      </c>
      <c r="HF20" s="244"/>
      <c r="HG20" s="71">
        <v>52</v>
      </c>
      <c r="HH20" s="71">
        <v>80</v>
      </c>
      <c r="HI20" s="71">
        <v>56</v>
      </c>
      <c r="HJ20" s="71">
        <v>45</v>
      </c>
      <c r="HK20" s="71">
        <v>48</v>
      </c>
      <c r="HL20" s="72">
        <v>281</v>
      </c>
      <c r="HM20" s="73">
        <v>360</v>
      </c>
      <c r="HN20" s="70">
        <v>95</v>
      </c>
      <c r="HO20" s="71">
        <v>121</v>
      </c>
      <c r="HP20" s="72">
        <v>216</v>
      </c>
      <c r="HQ20" s="244"/>
      <c r="HR20" s="71">
        <v>115</v>
      </c>
      <c r="HS20" s="71">
        <v>182</v>
      </c>
      <c r="HT20" s="71">
        <v>131</v>
      </c>
      <c r="HU20" s="71">
        <v>101</v>
      </c>
      <c r="HV20" s="71">
        <v>80</v>
      </c>
      <c r="HW20" s="72">
        <v>609</v>
      </c>
      <c r="HX20" s="73">
        <v>825</v>
      </c>
      <c r="HY20" s="70">
        <v>151</v>
      </c>
      <c r="HZ20" s="71">
        <v>203</v>
      </c>
      <c r="IA20" s="72">
        <v>354</v>
      </c>
      <c r="IB20" s="244"/>
      <c r="IC20" s="71">
        <v>210</v>
      </c>
      <c r="ID20" s="71">
        <v>291</v>
      </c>
      <c r="IE20" s="71">
        <v>191</v>
      </c>
      <c r="IF20" s="71">
        <v>173</v>
      </c>
      <c r="IG20" s="71">
        <v>123</v>
      </c>
      <c r="IH20" s="72">
        <v>988</v>
      </c>
      <c r="II20" s="73">
        <v>1342</v>
      </c>
      <c r="IJ20" s="70">
        <v>245</v>
      </c>
      <c r="IK20" s="71">
        <v>296</v>
      </c>
      <c r="IL20" s="72">
        <v>541</v>
      </c>
      <c r="IM20" s="244"/>
      <c r="IN20" s="71">
        <v>401</v>
      </c>
      <c r="IO20" s="71">
        <v>454</v>
      </c>
      <c r="IP20" s="71">
        <v>319</v>
      </c>
      <c r="IQ20" s="71">
        <v>254</v>
      </c>
      <c r="IR20" s="71">
        <v>158</v>
      </c>
      <c r="IS20" s="72">
        <v>1586</v>
      </c>
      <c r="IT20" s="73">
        <v>2127</v>
      </c>
      <c r="IU20" s="70">
        <v>227</v>
      </c>
      <c r="IV20" s="71">
        <v>311</v>
      </c>
      <c r="IW20" s="72">
        <v>538</v>
      </c>
      <c r="IX20" s="244"/>
      <c r="IY20" s="71">
        <v>423</v>
      </c>
      <c r="IZ20" s="71">
        <v>480</v>
      </c>
      <c r="JA20" s="71">
        <v>348</v>
      </c>
      <c r="JB20" s="71">
        <v>277</v>
      </c>
      <c r="JC20" s="71">
        <v>218</v>
      </c>
      <c r="JD20" s="72">
        <v>1746</v>
      </c>
      <c r="JE20" s="73">
        <v>2284</v>
      </c>
      <c r="JF20" s="70">
        <v>119</v>
      </c>
      <c r="JG20" s="71">
        <v>167</v>
      </c>
      <c r="JH20" s="72">
        <v>286</v>
      </c>
      <c r="JI20" s="244"/>
      <c r="JJ20" s="71">
        <v>293</v>
      </c>
      <c r="JK20" s="71">
        <v>418</v>
      </c>
      <c r="JL20" s="71">
        <v>324</v>
      </c>
      <c r="JM20" s="71">
        <v>346</v>
      </c>
      <c r="JN20" s="71">
        <v>196</v>
      </c>
      <c r="JO20" s="72">
        <v>1577</v>
      </c>
      <c r="JP20" s="73">
        <v>1863</v>
      </c>
      <c r="JQ20" s="70">
        <v>14</v>
      </c>
      <c r="JR20" s="71">
        <v>43</v>
      </c>
      <c r="JS20" s="72">
        <v>57</v>
      </c>
      <c r="JT20" s="244"/>
      <c r="JU20" s="71">
        <v>28</v>
      </c>
      <c r="JV20" s="71">
        <v>77</v>
      </c>
      <c r="JW20" s="71">
        <v>46</v>
      </c>
      <c r="JX20" s="71">
        <v>35</v>
      </c>
      <c r="JY20" s="71">
        <v>25</v>
      </c>
      <c r="JZ20" s="72">
        <v>211</v>
      </c>
      <c r="KA20" s="73">
        <v>268</v>
      </c>
      <c r="KB20" s="70">
        <v>877</v>
      </c>
      <c r="KC20" s="71">
        <v>1194</v>
      </c>
      <c r="KD20" s="72">
        <v>2071</v>
      </c>
      <c r="KE20" s="244"/>
      <c r="KF20" s="71">
        <v>1522</v>
      </c>
      <c r="KG20" s="71">
        <v>1982</v>
      </c>
      <c r="KH20" s="71">
        <v>1415</v>
      </c>
      <c r="KI20" s="71">
        <v>1231</v>
      </c>
      <c r="KJ20" s="71">
        <v>848</v>
      </c>
      <c r="KK20" s="72">
        <v>6998</v>
      </c>
      <c r="KL20" s="73">
        <v>9069</v>
      </c>
    </row>
    <row r="21" spans="1:298" ht="19.5" customHeight="1" x14ac:dyDescent="0.2">
      <c r="A21" s="126" t="s">
        <v>18</v>
      </c>
      <c r="B21" s="316">
        <v>411</v>
      </c>
      <c r="C21" s="82">
        <v>401</v>
      </c>
      <c r="D21" s="83">
        <v>812</v>
      </c>
      <c r="E21" s="241"/>
      <c r="F21" s="82">
        <v>884</v>
      </c>
      <c r="G21" s="82">
        <v>704</v>
      </c>
      <c r="H21" s="82">
        <v>497</v>
      </c>
      <c r="I21" s="82">
        <v>442</v>
      </c>
      <c r="J21" s="82">
        <v>254</v>
      </c>
      <c r="K21" s="84">
        <v>2781</v>
      </c>
      <c r="L21" s="85">
        <v>3593</v>
      </c>
      <c r="M21" s="70">
        <v>20</v>
      </c>
      <c r="N21" s="71">
        <v>33</v>
      </c>
      <c r="O21" s="72">
        <v>53</v>
      </c>
      <c r="P21" s="241"/>
      <c r="Q21" s="71">
        <v>51</v>
      </c>
      <c r="R21" s="71">
        <v>49</v>
      </c>
      <c r="S21" s="71">
        <v>29</v>
      </c>
      <c r="T21" s="71">
        <v>40</v>
      </c>
      <c r="U21" s="71">
        <v>20</v>
      </c>
      <c r="V21" s="72">
        <v>189</v>
      </c>
      <c r="W21" s="73">
        <v>242</v>
      </c>
      <c r="X21" s="70">
        <v>50</v>
      </c>
      <c r="Y21" s="71">
        <v>47</v>
      </c>
      <c r="Z21" s="72">
        <v>97</v>
      </c>
      <c r="AA21" s="241"/>
      <c r="AB21" s="71">
        <v>96</v>
      </c>
      <c r="AC21" s="71">
        <v>92</v>
      </c>
      <c r="AD21" s="71">
        <v>75</v>
      </c>
      <c r="AE21" s="71">
        <v>62</v>
      </c>
      <c r="AF21" s="71">
        <v>35</v>
      </c>
      <c r="AG21" s="72">
        <v>360</v>
      </c>
      <c r="AH21" s="73">
        <v>457</v>
      </c>
      <c r="AI21" s="70">
        <v>72</v>
      </c>
      <c r="AJ21" s="71">
        <v>61</v>
      </c>
      <c r="AK21" s="72">
        <v>133</v>
      </c>
      <c r="AL21" s="241"/>
      <c r="AM21" s="71">
        <v>141</v>
      </c>
      <c r="AN21" s="71">
        <v>108</v>
      </c>
      <c r="AO21" s="71">
        <v>83</v>
      </c>
      <c r="AP21" s="71">
        <v>76</v>
      </c>
      <c r="AQ21" s="71">
        <v>55</v>
      </c>
      <c r="AR21" s="72">
        <v>463</v>
      </c>
      <c r="AS21" s="73">
        <v>596</v>
      </c>
      <c r="AT21" s="70">
        <v>124</v>
      </c>
      <c r="AU21" s="71">
        <v>95</v>
      </c>
      <c r="AV21" s="72">
        <v>219</v>
      </c>
      <c r="AW21" s="241"/>
      <c r="AX21" s="71">
        <v>237</v>
      </c>
      <c r="AY21" s="71">
        <v>186</v>
      </c>
      <c r="AZ21" s="71">
        <v>109</v>
      </c>
      <c r="BA21" s="71">
        <v>102</v>
      </c>
      <c r="BB21" s="71">
        <v>61</v>
      </c>
      <c r="BC21" s="72">
        <v>695</v>
      </c>
      <c r="BD21" s="73">
        <v>914</v>
      </c>
      <c r="BE21" s="70">
        <v>91</v>
      </c>
      <c r="BF21" s="71">
        <v>104</v>
      </c>
      <c r="BG21" s="72">
        <v>195</v>
      </c>
      <c r="BH21" s="244"/>
      <c r="BI21" s="71">
        <v>238</v>
      </c>
      <c r="BJ21" s="71">
        <v>165</v>
      </c>
      <c r="BK21" s="71">
        <v>121</v>
      </c>
      <c r="BL21" s="71">
        <v>96</v>
      </c>
      <c r="BM21" s="71">
        <v>41</v>
      </c>
      <c r="BN21" s="72">
        <v>661</v>
      </c>
      <c r="BO21" s="73">
        <v>856</v>
      </c>
      <c r="BP21" s="70">
        <v>54</v>
      </c>
      <c r="BQ21" s="71">
        <v>61</v>
      </c>
      <c r="BR21" s="72">
        <v>115</v>
      </c>
      <c r="BS21" s="244"/>
      <c r="BT21" s="71">
        <v>121</v>
      </c>
      <c r="BU21" s="71">
        <v>104</v>
      </c>
      <c r="BV21" s="71">
        <v>80</v>
      </c>
      <c r="BW21" s="71">
        <v>66</v>
      </c>
      <c r="BX21" s="71">
        <v>42</v>
      </c>
      <c r="BY21" s="72">
        <v>413</v>
      </c>
      <c r="BZ21" s="73">
        <v>528</v>
      </c>
      <c r="CA21" s="70">
        <v>9</v>
      </c>
      <c r="CB21" s="71">
        <v>21</v>
      </c>
      <c r="CC21" s="72">
        <v>30</v>
      </c>
      <c r="CD21" s="244"/>
      <c r="CE21" s="71">
        <v>30</v>
      </c>
      <c r="CF21" s="71">
        <v>39</v>
      </c>
      <c r="CG21" s="71">
        <v>31</v>
      </c>
      <c r="CH21" s="71">
        <v>21</v>
      </c>
      <c r="CI21" s="71">
        <v>24</v>
      </c>
      <c r="CJ21" s="72">
        <v>145</v>
      </c>
      <c r="CK21" s="73">
        <v>175</v>
      </c>
      <c r="CL21" s="70">
        <v>420</v>
      </c>
      <c r="CM21" s="71">
        <v>422</v>
      </c>
      <c r="CN21" s="72">
        <v>842</v>
      </c>
      <c r="CO21" s="244"/>
      <c r="CP21" s="71">
        <v>914</v>
      </c>
      <c r="CQ21" s="71">
        <v>743</v>
      </c>
      <c r="CR21" s="71">
        <v>528</v>
      </c>
      <c r="CS21" s="71">
        <v>463</v>
      </c>
      <c r="CT21" s="71">
        <v>278</v>
      </c>
      <c r="CU21" s="72">
        <v>2926</v>
      </c>
      <c r="CV21" s="73">
        <v>3768</v>
      </c>
      <c r="CW21" s="123">
        <v>809</v>
      </c>
      <c r="CX21" s="82">
        <v>998</v>
      </c>
      <c r="CY21" s="83">
        <v>1807</v>
      </c>
      <c r="CZ21" s="241"/>
      <c r="DA21" s="82">
        <v>1387</v>
      </c>
      <c r="DB21" s="82">
        <v>1233</v>
      </c>
      <c r="DC21" s="82">
        <v>911</v>
      </c>
      <c r="DD21" s="82">
        <v>899</v>
      </c>
      <c r="DE21" s="82">
        <v>630</v>
      </c>
      <c r="DF21" s="84">
        <v>5060</v>
      </c>
      <c r="DG21" s="85">
        <v>6867</v>
      </c>
      <c r="DH21" s="70">
        <v>20</v>
      </c>
      <c r="DI21" s="71">
        <v>29</v>
      </c>
      <c r="DJ21" s="72">
        <v>49</v>
      </c>
      <c r="DK21" s="244"/>
      <c r="DL21" s="71">
        <v>41</v>
      </c>
      <c r="DM21" s="71">
        <v>29</v>
      </c>
      <c r="DN21" s="71">
        <v>21</v>
      </c>
      <c r="DO21" s="71">
        <v>16</v>
      </c>
      <c r="DP21" s="71">
        <v>19</v>
      </c>
      <c r="DQ21" s="72">
        <v>126</v>
      </c>
      <c r="DR21" s="73">
        <v>175</v>
      </c>
      <c r="DS21" s="70">
        <v>78</v>
      </c>
      <c r="DT21" s="71">
        <v>99</v>
      </c>
      <c r="DU21" s="72">
        <v>177</v>
      </c>
      <c r="DV21" s="244"/>
      <c r="DW21" s="71">
        <v>94</v>
      </c>
      <c r="DX21" s="71">
        <v>91</v>
      </c>
      <c r="DY21" s="71">
        <v>51</v>
      </c>
      <c r="DZ21" s="71">
        <v>44</v>
      </c>
      <c r="EA21" s="71">
        <v>43</v>
      </c>
      <c r="EB21" s="72">
        <v>323</v>
      </c>
      <c r="EC21" s="73">
        <v>500</v>
      </c>
      <c r="ED21" s="70">
        <v>156</v>
      </c>
      <c r="EE21" s="71">
        <v>167</v>
      </c>
      <c r="EF21" s="72">
        <v>323</v>
      </c>
      <c r="EG21" s="244"/>
      <c r="EH21" s="71">
        <v>221</v>
      </c>
      <c r="EI21" s="71">
        <v>139</v>
      </c>
      <c r="EJ21" s="71">
        <v>122</v>
      </c>
      <c r="EK21" s="71">
        <v>92</v>
      </c>
      <c r="EL21" s="71">
        <v>68</v>
      </c>
      <c r="EM21" s="72">
        <v>642</v>
      </c>
      <c r="EN21" s="73">
        <v>965</v>
      </c>
      <c r="EO21" s="70">
        <v>241</v>
      </c>
      <c r="EP21" s="71">
        <v>294</v>
      </c>
      <c r="EQ21" s="72">
        <v>535</v>
      </c>
      <c r="ER21" s="244"/>
      <c r="ES21" s="71">
        <v>363</v>
      </c>
      <c r="ET21" s="71">
        <v>274</v>
      </c>
      <c r="EU21" s="71">
        <v>175</v>
      </c>
      <c r="EV21" s="71">
        <v>179</v>
      </c>
      <c r="EW21" s="71">
        <v>134</v>
      </c>
      <c r="EX21" s="72">
        <v>1125</v>
      </c>
      <c r="EY21" s="73">
        <v>1660</v>
      </c>
      <c r="EZ21" s="70">
        <v>219</v>
      </c>
      <c r="FA21" s="71">
        <v>274</v>
      </c>
      <c r="FB21" s="72">
        <v>493</v>
      </c>
      <c r="FC21" s="244"/>
      <c r="FD21" s="71">
        <v>389</v>
      </c>
      <c r="FE21" s="71">
        <v>375</v>
      </c>
      <c r="FF21" s="71">
        <v>238</v>
      </c>
      <c r="FG21" s="71">
        <v>244</v>
      </c>
      <c r="FH21" s="71">
        <v>179</v>
      </c>
      <c r="FI21" s="72">
        <v>1425</v>
      </c>
      <c r="FJ21" s="73">
        <v>1918</v>
      </c>
      <c r="FK21" s="70">
        <v>95</v>
      </c>
      <c r="FL21" s="71">
        <v>135</v>
      </c>
      <c r="FM21" s="72">
        <v>230</v>
      </c>
      <c r="FN21" s="244"/>
      <c r="FO21" s="71">
        <v>279</v>
      </c>
      <c r="FP21" s="71">
        <v>325</v>
      </c>
      <c r="FQ21" s="71">
        <v>304</v>
      </c>
      <c r="FR21" s="71">
        <v>324</v>
      </c>
      <c r="FS21" s="71">
        <v>187</v>
      </c>
      <c r="FT21" s="72">
        <v>1419</v>
      </c>
      <c r="FU21" s="73">
        <v>1649</v>
      </c>
      <c r="FV21" s="70">
        <v>14</v>
      </c>
      <c r="FW21" s="71">
        <v>17</v>
      </c>
      <c r="FX21" s="72">
        <v>31</v>
      </c>
      <c r="FY21" s="244"/>
      <c r="FZ21" s="71">
        <v>24</v>
      </c>
      <c r="GA21" s="71">
        <v>27</v>
      </c>
      <c r="GB21" s="71">
        <v>21</v>
      </c>
      <c r="GC21" s="71">
        <v>15</v>
      </c>
      <c r="GD21" s="71">
        <v>16</v>
      </c>
      <c r="GE21" s="72">
        <v>103</v>
      </c>
      <c r="GF21" s="73">
        <v>134</v>
      </c>
      <c r="GG21" s="70">
        <v>823</v>
      </c>
      <c r="GH21" s="71">
        <v>1015</v>
      </c>
      <c r="GI21" s="72">
        <v>1838</v>
      </c>
      <c r="GJ21" s="244"/>
      <c r="GK21" s="71">
        <v>1411</v>
      </c>
      <c r="GL21" s="71">
        <v>1260</v>
      </c>
      <c r="GM21" s="71">
        <v>932</v>
      </c>
      <c r="GN21" s="71">
        <v>914</v>
      </c>
      <c r="GO21" s="71">
        <v>646</v>
      </c>
      <c r="GP21" s="72">
        <v>5163</v>
      </c>
      <c r="GQ21" s="73">
        <v>7001</v>
      </c>
      <c r="GR21" s="123">
        <v>1220</v>
      </c>
      <c r="GS21" s="82">
        <v>1399</v>
      </c>
      <c r="GT21" s="83">
        <v>2619</v>
      </c>
      <c r="GU21" s="241"/>
      <c r="GV21" s="82">
        <v>2271</v>
      </c>
      <c r="GW21" s="82">
        <v>1937</v>
      </c>
      <c r="GX21" s="82">
        <v>1408</v>
      </c>
      <c r="GY21" s="82">
        <v>1341</v>
      </c>
      <c r="GZ21" s="82">
        <v>884</v>
      </c>
      <c r="HA21" s="84">
        <v>7841</v>
      </c>
      <c r="HB21" s="85">
        <v>10460</v>
      </c>
      <c r="HC21" s="70">
        <v>40</v>
      </c>
      <c r="HD21" s="71">
        <v>62</v>
      </c>
      <c r="HE21" s="72">
        <v>102</v>
      </c>
      <c r="HF21" s="244"/>
      <c r="HG21" s="71">
        <v>92</v>
      </c>
      <c r="HH21" s="71">
        <v>78</v>
      </c>
      <c r="HI21" s="71">
        <v>50</v>
      </c>
      <c r="HJ21" s="71">
        <v>56</v>
      </c>
      <c r="HK21" s="71">
        <v>39</v>
      </c>
      <c r="HL21" s="72">
        <v>315</v>
      </c>
      <c r="HM21" s="73">
        <v>417</v>
      </c>
      <c r="HN21" s="70">
        <v>128</v>
      </c>
      <c r="HO21" s="71">
        <v>146</v>
      </c>
      <c r="HP21" s="72">
        <v>274</v>
      </c>
      <c r="HQ21" s="244"/>
      <c r="HR21" s="71">
        <v>190</v>
      </c>
      <c r="HS21" s="71">
        <v>183</v>
      </c>
      <c r="HT21" s="71">
        <v>126</v>
      </c>
      <c r="HU21" s="71">
        <v>106</v>
      </c>
      <c r="HV21" s="71">
        <v>78</v>
      </c>
      <c r="HW21" s="72">
        <v>683</v>
      </c>
      <c r="HX21" s="73">
        <v>957</v>
      </c>
      <c r="HY21" s="70">
        <v>228</v>
      </c>
      <c r="HZ21" s="71">
        <v>228</v>
      </c>
      <c r="IA21" s="72">
        <v>456</v>
      </c>
      <c r="IB21" s="244"/>
      <c r="IC21" s="71">
        <v>362</v>
      </c>
      <c r="ID21" s="71">
        <v>247</v>
      </c>
      <c r="IE21" s="71">
        <v>205</v>
      </c>
      <c r="IF21" s="71">
        <v>168</v>
      </c>
      <c r="IG21" s="71">
        <v>123</v>
      </c>
      <c r="IH21" s="72">
        <v>1105</v>
      </c>
      <c r="II21" s="73">
        <v>1561</v>
      </c>
      <c r="IJ21" s="70">
        <v>365</v>
      </c>
      <c r="IK21" s="71">
        <v>389</v>
      </c>
      <c r="IL21" s="72">
        <v>754</v>
      </c>
      <c r="IM21" s="244"/>
      <c r="IN21" s="71">
        <v>600</v>
      </c>
      <c r="IO21" s="71">
        <v>460</v>
      </c>
      <c r="IP21" s="71">
        <v>284</v>
      </c>
      <c r="IQ21" s="71">
        <v>281</v>
      </c>
      <c r="IR21" s="71">
        <v>195</v>
      </c>
      <c r="IS21" s="72">
        <v>1820</v>
      </c>
      <c r="IT21" s="73">
        <v>2574</v>
      </c>
      <c r="IU21" s="70">
        <v>310</v>
      </c>
      <c r="IV21" s="71">
        <v>378</v>
      </c>
      <c r="IW21" s="72">
        <v>688</v>
      </c>
      <c r="IX21" s="244"/>
      <c r="IY21" s="71">
        <v>627</v>
      </c>
      <c r="IZ21" s="71">
        <v>540</v>
      </c>
      <c r="JA21" s="71">
        <v>359</v>
      </c>
      <c r="JB21" s="71">
        <v>340</v>
      </c>
      <c r="JC21" s="71">
        <v>220</v>
      </c>
      <c r="JD21" s="72">
        <v>2086</v>
      </c>
      <c r="JE21" s="73">
        <v>2774</v>
      </c>
      <c r="JF21" s="70">
        <v>149</v>
      </c>
      <c r="JG21" s="71">
        <v>196</v>
      </c>
      <c r="JH21" s="72">
        <v>345</v>
      </c>
      <c r="JI21" s="244"/>
      <c r="JJ21" s="71">
        <v>400</v>
      </c>
      <c r="JK21" s="71">
        <v>429</v>
      </c>
      <c r="JL21" s="71">
        <v>384</v>
      </c>
      <c r="JM21" s="71">
        <v>390</v>
      </c>
      <c r="JN21" s="71">
        <v>229</v>
      </c>
      <c r="JO21" s="72">
        <v>1832</v>
      </c>
      <c r="JP21" s="73">
        <v>2177</v>
      </c>
      <c r="JQ21" s="70">
        <v>23</v>
      </c>
      <c r="JR21" s="71">
        <v>38</v>
      </c>
      <c r="JS21" s="72">
        <v>61</v>
      </c>
      <c r="JT21" s="244"/>
      <c r="JU21" s="71">
        <v>54</v>
      </c>
      <c r="JV21" s="71">
        <v>66</v>
      </c>
      <c r="JW21" s="71">
        <v>52</v>
      </c>
      <c r="JX21" s="71">
        <v>36</v>
      </c>
      <c r="JY21" s="71">
        <v>40</v>
      </c>
      <c r="JZ21" s="72">
        <v>248</v>
      </c>
      <c r="KA21" s="73">
        <v>309</v>
      </c>
      <c r="KB21" s="70">
        <v>1243</v>
      </c>
      <c r="KC21" s="71">
        <v>1437</v>
      </c>
      <c r="KD21" s="72">
        <v>2680</v>
      </c>
      <c r="KE21" s="244"/>
      <c r="KF21" s="71">
        <v>2325</v>
      </c>
      <c r="KG21" s="71">
        <v>2003</v>
      </c>
      <c r="KH21" s="71">
        <v>1460</v>
      </c>
      <c r="KI21" s="71">
        <v>1377</v>
      </c>
      <c r="KJ21" s="71">
        <v>924</v>
      </c>
      <c r="KK21" s="72">
        <v>8089</v>
      </c>
      <c r="KL21" s="73">
        <v>10769</v>
      </c>
    </row>
    <row r="22" spans="1:298" ht="19.5" customHeight="1" x14ac:dyDescent="0.2">
      <c r="A22" s="126" t="s">
        <v>19</v>
      </c>
      <c r="B22" s="316">
        <v>165</v>
      </c>
      <c r="C22" s="82">
        <v>152</v>
      </c>
      <c r="D22" s="83">
        <v>317</v>
      </c>
      <c r="E22" s="241"/>
      <c r="F22" s="82">
        <v>378</v>
      </c>
      <c r="G22" s="82">
        <v>311</v>
      </c>
      <c r="H22" s="82">
        <v>192</v>
      </c>
      <c r="I22" s="82">
        <v>145</v>
      </c>
      <c r="J22" s="82">
        <v>99</v>
      </c>
      <c r="K22" s="84">
        <v>1125</v>
      </c>
      <c r="L22" s="85">
        <v>1442</v>
      </c>
      <c r="M22" s="86">
        <v>9</v>
      </c>
      <c r="N22" s="71">
        <v>7</v>
      </c>
      <c r="O22" s="72">
        <v>16</v>
      </c>
      <c r="P22" s="241"/>
      <c r="Q22" s="71">
        <v>23</v>
      </c>
      <c r="R22" s="71">
        <v>22</v>
      </c>
      <c r="S22" s="71">
        <v>10</v>
      </c>
      <c r="T22" s="71">
        <v>8</v>
      </c>
      <c r="U22" s="71">
        <v>9</v>
      </c>
      <c r="V22" s="72">
        <v>72</v>
      </c>
      <c r="W22" s="73">
        <v>88</v>
      </c>
      <c r="X22" s="70">
        <v>14</v>
      </c>
      <c r="Y22" s="71">
        <v>11</v>
      </c>
      <c r="Z22" s="72">
        <v>25</v>
      </c>
      <c r="AA22" s="241"/>
      <c r="AB22" s="71">
        <v>43</v>
      </c>
      <c r="AC22" s="71">
        <v>51</v>
      </c>
      <c r="AD22" s="71">
        <v>29</v>
      </c>
      <c r="AE22" s="71">
        <v>16</v>
      </c>
      <c r="AF22" s="71">
        <v>12</v>
      </c>
      <c r="AG22" s="72">
        <v>151</v>
      </c>
      <c r="AH22" s="73">
        <v>176</v>
      </c>
      <c r="AI22" s="86">
        <v>38</v>
      </c>
      <c r="AJ22" s="71">
        <v>23</v>
      </c>
      <c r="AK22" s="72">
        <v>61</v>
      </c>
      <c r="AL22" s="241"/>
      <c r="AM22" s="71">
        <v>56</v>
      </c>
      <c r="AN22" s="71">
        <v>47</v>
      </c>
      <c r="AO22" s="71">
        <v>27</v>
      </c>
      <c r="AP22" s="71">
        <v>32</v>
      </c>
      <c r="AQ22" s="71">
        <v>18</v>
      </c>
      <c r="AR22" s="72">
        <v>180</v>
      </c>
      <c r="AS22" s="73">
        <v>241</v>
      </c>
      <c r="AT22" s="70">
        <v>46</v>
      </c>
      <c r="AU22" s="71">
        <v>35</v>
      </c>
      <c r="AV22" s="72">
        <v>81</v>
      </c>
      <c r="AW22" s="241"/>
      <c r="AX22" s="71">
        <v>94</v>
      </c>
      <c r="AY22" s="71">
        <v>66</v>
      </c>
      <c r="AZ22" s="71">
        <v>48</v>
      </c>
      <c r="BA22" s="71">
        <v>40</v>
      </c>
      <c r="BB22" s="71">
        <v>21</v>
      </c>
      <c r="BC22" s="72">
        <v>269</v>
      </c>
      <c r="BD22" s="73">
        <v>350</v>
      </c>
      <c r="BE22" s="86">
        <v>39</v>
      </c>
      <c r="BF22" s="71">
        <v>42</v>
      </c>
      <c r="BG22" s="72">
        <v>81</v>
      </c>
      <c r="BH22" s="244"/>
      <c r="BI22" s="71">
        <v>104</v>
      </c>
      <c r="BJ22" s="71">
        <v>72</v>
      </c>
      <c r="BK22" s="71">
        <v>50</v>
      </c>
      <c r="BL22" s="71">
        <v>25</v>
      </c>
      <c r="BM22" s="71">
        <v>24</v>
      </c>
      <c r="BN22" s="72">
        <v>275</v>
      </c>
      <c r="BO22" s="73">
        <v>356</v>
      </c>
      <c r="BP22" s="70">
        <v>19</v>
      </c>
      <c r="BQ22" s="71">
        <v>34</v>
      </c>
      <c r="BR22" s="72">
        <v>53</v>
      </c>
      <c r="BS22" s="244"/>
      <c r="BT22" s="71">
        <v>58</v>
      </c>
      <c r="BU22" s="71">
        <v>53</v>
      </c>
      <c r="BV22" s="71">
        <v>28</v>
      </c>
      <c r="BW22" s="71">
        <v>24</v>
      </c>
      <c r="BX22" s="71">
        <v>15</v>
      </c>
      <c r="BY22" s="72">
        <v>178</v>
      </c>
      <c r="BZ22" s="73">
        <v>231</v>
      </c>
      <c r="CA22" s="70">
        <v>2</v>
      </c>
      <c r="CB22" s="71">
        <v>10</v>
      </c>
      <c r="CC22" s="72">
        <v>12</v>
      </c>
      <c r="CD22" s="244"/>
      <c r="CE22" s="71">
        <v>13</v>
      </c>
      <c r="CF22" s="71">
        <v>13</v>
      </c>
      <c r="CG22" s="71">
        <v>15</v>
      </c>
      <c r="CH22" s="71">
        <v>7</v>
      </c>
      <c r="CI22" s="71">
        <v>6</v>
      </c>
      <c r="CJ22" s="72">
        <v>54</v>
      </c>
      <c r="CK22" s="73">
        <v>66</v>
      </c>
      <c r="CL22" s="70">
        <v>167</v>
      </c>
      <c r="CM22" s="71">
        <v>162</v>
      </c>
      <c r="CN22" s="72">
        <v>329</v>
      </c>
      <c r="CO22" s="244"/>
      <c r="CP22" s="71">
        <v>391</v>
      </c>
      <c r="CQ22" s="71">
        <v>324</v>
      </c>
      <c r="CR22" s="71">
        <v>207</v>
      </c>
      <c r="CS22" s="71">
        <v>152</v>
      </c>
      <c r="CT22" s="71">
        <v>105</v>
      </c>
      <c r="CU22" s="72">
        <v>1179</v>
      </c>
      <c r="CV22" s="73">
        <v>1508</v>
      </c>
      <c r="CW22" s="123">
        <v>313</v>
      </c>
      <c r="CX22" s="82">
        <v>381</v>
      </c>
      <c r="CY22" s="83">
        <v>694</v>
      </c>
      <c r="CZ22" s="241"/>
      <c r="DA22" s="82">
        <v>616</v>
      </c>
      <c r="DB22" s="82">
        <v>507</v>
      </c>
      <c r="DC22" s="82">
        <v>414</v>
      </c>
      <c r="DD22" s="82">
        <v>349</v>
      </c>
      <c r="DE22" s="82">
        <v>245</v>
      </c>
      <c r="DF22" s="84">
        <v>2131</v>
      </c>
      <c r="DG22" s="85">
        <v>2825</v>
      </c>
      <c r="DH22" s="86">
        <v>12</v>
      </c>
      <c r="DI22" s="71">
        <v>8</v>
      </c>
      <c r="DJ22" s="72">
        <v>20</v>
      </c>
      <c r="DK22" s="244"/>
      <c r="DL22" s="71">
        <v>15</v>
      </c>
      <c r="DM22" s="71">
        <v>13</v>
      </c>
      <c r="DN22" s="71">
        <v>12</v>
      </c>
      <c r="DO22" s="71">
        <v>0</v>
      </c>
      <c r="DP22" s="71">
        <v>2</v>
      </c>
      <c r="DQ22" s="72">
        <v>42</v>
      </c>
      <c r="DR22" s="73">
        <v>62</v>
      </c>
      <c r="DS22" s="70">
        <v>24</v>
      </c>
      <c r="DT22" s="71">
        <v>33</v>
      </c>
      <c r="DU22" s="72">
        <v>57</v>
      </c>
      <c r="DV22" s="244"/>
      <c r="DW22" s="71">
        <v>53</v>
      </c>
      <c r="DX22" s="71">
        <v>34</v>
      </c>
      <c r="DY22" s="71">
        <v>13</v>
      </c>
      <c r="DZ22" s="71">
        <v>16</v>
      </c>
      <c r="EA22" s="71">
        <v>16</v>
      </c>
      <c r="EB22" s="72">
        <v>132</v>
      </c>
      <c r="EC22" s="73">
        <v>189</v>
      </c>
      <c r="ED22" s="86">
        <v>53</v>
      </c>
      <c r="EE22" s="71">
        <v>56</v>
      </c>
      <c r="EF22" s="72">
        <v>109</v>
      </c>
      <c r="EG22" s="244"/>
      <c r="EH22" s="71">
        <v>81</v>
      </c>
      <c r="EI22" s="71">
        <v>59</v>
      </c>
      <c r="EJ22" s="71">
        <v>38</v>
      </c>
      <c r="EK22" s="71">
        <v>34</v>
      </c>
      <c r="EL22" s="71">
        <v>38</v>
      </c>
      <c r="EM22" s="72">
        <v>250</v>
      </c>
      <c r="EN22" s="73">
        <v>359</v>
      </c>
      <c r="EO22" s="70">
        <v>103</v>
      </c>
      <c r="EP22" s="71">
        <v>97</v>
      </c>
      <c r="EQ22" s="72">
        <v>200</v>
      </c>
      <c r="ER22" s="244"/>
      <c r="ES22" s="71">
        <v>147</v>
      </c>
      <c r="ET22" s="71">
        <v>113</v>
      </c>
      <c r="EU22" s="71">
        <v>74</v>
      </c>
      <c r="EV22" s="71">
        <v>62</v>
      </c>
      <c r="EW22" s="71">
        <v>47</v>
      </c>
      <c r="EX22" s="72">
        <v>443</v>
      </c>
      <c r="EY22" s="73">
        <v>643</v>
      </c>
      <c r="EZ22" s="86">
        <v>81</v>
      </c>
      <c r="FA22" s="71">
        <v>112</v>
      </c>
      <c r="FB22" s="72">
        <v>193</v>
      </c>
      <c r="FC22" s="244"/>
      <c r="FD22" s="71">
        <v>163</v>
      </c>
      <c r="FE22" s="71">
        <v>131</v>
      </c>
      <c r="FF22" s="71">
        <v>115</v>
      </c>
      <c r="FG22" s="71">
        <v>75</v>
      </c>
      <c r="FH22" s="71">
        <v>48</v>
      </c>
      <c r="FI22" s="72">
        <v>532</v>
      </c>
      <c r="FJ22" s="73">
        <v>725</v>
      </c>
      <c r="FK22" s="70">
        <v>40</v>
      </c>
      <c r="FL22" s="71">
        <v>75</v>
      </c>
      <c r="FM22" s="72">
        <v>115</v>
      </c>
      <c r="FN22" s="244"/>
      <c r="FO22" s="71">
        <v>157</v>
      </c>
      <c r="FP22" s="71">
        <v>157</v>
      </c>
      <c r="FQ22" s="71">
        <v>162</v>
      </c>
      <c r="FR22" s="71">
        <v>162</v>
      </c>
      <c r="FS22" s="71">
        <v>94</v>
      </c>
      <c r="FT22" s="72">
        <v>732</v>
      </c>
      <c r="FU22" s="73">
        <v>847</v>
      </c>
      <c r="FV22" s="70">
        <v>4</v>
      </c>
      <c r="FW22" s="71">
        <v>5</v>
      </c>
      <c r="FX22" s="72">
        <v>9</v>
      </c>
      <c r="FY22" s="244"/>
      <c r="FZ22" s="71">
        <v>7</v>
      </c>
      <c r="GA22" s="71">
        <v>9</v>
      </c>
      <c r="GB22" s="71">
        <v>4</v>
      </c>
      <c r="GC22" s="71">
        <v>2</v>
      </c>
      <c r="GD22" s="71">
        <v>4</v>
      </c>
      <c r="GE22" s="72">
        <v>26</v>
      </c>
      <c r="GF22" s="73">
        <v>35</v>
      </c>
      <c r="GG22" s="70">
        <v>317</v>
      </c>
      <c r="GH22" s="71">
        <v>386</v>
      </c>
      <c r="GI22" s="72">
        <v>703</v>
      </c>
      <c r="GJ22" s="244"/>
      <c r="GK22" s="71">
        <v>623</v>
      </c>
      <c r="GL22" s="71">
        <v>516</v>
      </c>
      <c r="GM22" s="71">
        <v>418</v>
      </c>
      <c r="GN22" s="71">
        <v>351</v>
      </c>
      <c r="GO22" s="71">
        <v>249</v>
      </c>
      <c r="GP22" s="72">
        <v>2157</v>
      </c>
      <c r="GQ22" s="73">
        <v>2860</v>
      </c>
      <c r="GR22" s="123">
        <v>478</v>
      </c>
      <c r="GS22" s="82">
        <v>533</v>
      </c>
      <c r="GT22" s="83">
        <v>1011</v>
      </c>
      <c r="GU22" s="241"/>
      <c r="GV22" s="82">
        <v>994</v>
      </c>
      <c r="GW22" s="82">
        <v>818</v>
      </c>
      <c r="GX22" s="82">
        <v>606</v>
      </c>
      <c r="GY22" s="82">
        <v>494</v>
      </c>
      <c r="GZ22" s="82">
        <v>344</v>
      </c>
      <c r="HA22" s="84">
        <v>3256</v>
      </c>
      <c r="HB22" s="85">
        <v>4267</v>
      </c>
      <c r="HC22" s="86">
        <v>21</v>
      </c>
      <c r="HD22" s="71">
        <v>15</v>
      </c>
      <c r="HE22" s="72">
        <v>36</v>
      </c>
      <c r="HF22" s="244"/>
      <c r="HG22" s="71">
        <v>38</v>
      </c>
      <c r="HH22" s="71">
        <v>35</v>
      </c>
      <c r="HI22" s="71">
        <v>22</v>
      </c>
      <c r="HJ22" s="71">
        <v>8</v>
      </c>
      <c r="HK22" s="71">
        <v>11</v>
      </c>
      <c r="HL22" s="72">
        <v>114</v>
      </c>
      <c r="HM22" s="73">
        <v>150</v>
      </c>
      <c r="HN22" s="70">
        <v>38</v>
      </c>
      <c r="HO22" s="71">
        <v>44</v>
      </c>
      <c r="HP22" s="72">
        <v>82</v>
      </c>
      <c r="HQ22" s="244"/>
      <c r="HR22" s="71">
        <v>96</v>
      </c>
      <c r="HS22" s="71">
        <v>85</v>
      </c>
      <c r="HT22" s="71">
        <v>42</v>
      </c>
      <c r="HU22" s="71">
        <v>32</v>
      </c>
      <c r="HV22" s="71">
        <v>28</v>
      </c>
      <c r="HW22" s="72">
        <v>283</v>
      </c>
      <c r="HX22" s="73">
        <v>365</v>
      </c>
      <c r="HY22" s="86">
        <v>91</v>
      </c>
      <c r="HZ22" s="71">
        <v>79</v>
      </c>
      <c r="IA22" s="72">
        <v>170</v>
      </c>
      <c r="IB22" s="244"/>
      <c r="IC22" s="71">
        <v>137</v>
      </c>
      <c r="ID22" s="71">
        <v>106</v>
      </c>
      <c r="IE22" s="71">
        <v>65</v>
      </c>
      <c r="IF22" s="71">
        <v>66</v>
      </c>
      <c r="IG22" s="71">
        <v>56</v>
      </c>
      <c r="IH22" s="72">
        <v>430</v>
      </c>
      <c r="II22" s="73">
        <v>600</v>
      </c>
      <c r="IJ22" s="70">
        <v>149</v>
      </c>
      <c r="IK22" s="71">
        <v>132</v>
      </c>
      <c r="IL22" s="72">
        <v>281</v>
      </c>
      <c r="IM22" s="244"/>
      <c r="IN22" s="71">
        <v>241</v>
      </c>
      <c r="IO22" s="71">
        <v>179</v>
      </c>
      <c r="IP22" s="71">
        <v>122</v>
      </c>
      <c r="IQ22" s="71">
        <v>102</v>
      </c>
      <c r="IR22" s="71">
        <v>68</v>
      </c>
      <c r="IS22" s="72">
        <v>712</v>
      </c>
      <c r="IT22" s="73">
        <v>993</v>
      </c>
      <c r="IU22" s="86">
        <v>120</v>
      </c>
      <c r="IV22" s="71">
        <v>154</v>
      </c>
      <c r="IW22" s="72">
        <v>274</v>
      </c>
      <c r="IX22" s="244"/>
      <c r="IY22" s="71">
        <v>267</v>
      </c>
      <c r="IZ22" s="71">
        <v>203</v>
      </c>
      <c r="JA22" s="71">
        <v>165</v>
      </c>
      <c r="JB22" s="71">
        <v>100</v>
      </c>
      <c r="JC22" s="71">
        <v>72</v>
      </c>
      <c r="JD22" s="72">
        <v>807</v>
      </c>
      <c r="JE22" s="73">
        <v>1081</v>
      </c>
      <c r="JF22" s="70">
        <v>59</v>
      </c>
      <c r="JG22" s="71">
        <v>109</v>
      </c>
      <c r="JH22" s="72">
        <v>168</v>
      </c>
      <c r="JI22" s="244"/>
      <c r="JJ22" s="71">
        <v>215</v>
      </c>
      <c r="JK22" s="71">
        <v>210</v>
      </c>
      <c r="JL22" s="71">
        <v>190</v>
      </c>
      <c r="JM22" s="71">
        <v>186</v>
      </c>
      <c r="JN22" s="71">
        <v>109</v>
      </c>
      <c r="JO22" s="72">
        <v>910</v>
      </c>
      <c r="JP22" s="73">
        <v>1078</v>
      </c>
      <c r="JQ22" s="70">
        <v>6</v>
      </c>
      <c r="JR22" s="71">
        <v>15</v>
      </c>
      <c r="JS22" s="72">
        <v>21</v>
      </c>
      <c r="JT22" s="244"/>
      <c r="JU22" s="71">
        <v>20</v>
      </c>
      <c r="JV22" s="71">
        <v>22</v>
      </c>
      <c r="JW22" s="71">
        <v>19</v>
      </c>
      <c r="JX22" s="71">
        <v>9</v>
      </c>
      <c r="JY22" s="71">
        <v>10</v>
      </c>
      <c r="JZ22" s="72">
        <v>80</v>
      </c>
      <c r="KA22" s="73">
        <v>101</v>
      </c>
      <c r="KB22" s="70">
        <v>484</v>
      </c>
      <c r="KC22" s="71">
        <v>548</v>
      </c>
      <c r="KD22" s="72">
        <v>1032</v>
      </c>
      <c r="KE22" s="244"/>
      <c r="KF22" s="71">
        <v>1014</v>
      </c>
      <c r="KG22" s="71">
        <v>840</v>
      </c>
      <c r="KH22" s="71">
        <v>625</v>
      </c>
      <c r="KI22" s="71">
        <v>503</v>
      </c>
      <c r="KJ22" s="71">
        <v>354</v>
      </c>
      <c r="KK22" s="72">
        <v>3336</v>
      </c>
      <c r="KL22" s="73">
        <v>4368</v>
      </c>
    </row>
    <row r="23" spans="1:298" ht="19.5" customHeight="1" x14ac:dyDescent="0.2">
      <c r="A23" s="126" t="s">
        <v>20</v>
      </c>
      <c r="B23" s="316">
        <v>246</v>
      </c>
      <c r="C23" s="82">
        <v>307</v>
      </c>
      <c r="D23" s="83">
        <v>553</v>
      </c>
      <c r="E23" s="241"/>
      <c r="F23" s="82">
        <v>538</v>
      </c>
      <c r="G23" s="82">
        <v>328</v>
      </c>
      <c r="H23" s="82">
        <v>232</v>
      </c>
      <c r="I23" s="82">
        <v>200</v>
      </c>
      <c r="J23" s="82">
        <v>103</v>
      </c>
      <c r="K23" s="84">
        <v>1401</v>
      </c>
      <c r="L23" s="85">
        <v>1954</v>
      </c>
      <c r="M23" s="70">
        <v>14</v>
      </c>
      <c r="N23" s="71">
        <v>8</v>
      </c>
      <c r="O23" s="72">
        <v>22</v>
      </c>
      <c r="P23" s="241"/>
      <c r="Q23" s="71">
        <v>26</v>
      </c>
      <c r="R23" s="71">
        <v>16</v>
      </c>
      <c r="S23" s="71">
        <v>13</v>
      </c>
      <c r="T23" s="71">
        <v>12</v>
      </c>
      <c r="U23" s="71">
        <v>7</v>
      </c>
      <c r="V23" s="72">
        <v>74</v>
      </c>
      <c r="W23" s="73">
        <v>96</v>
      </c>
      <c r="X23" s="70">
        <v>24</v>
      </c>
      <c r="Y23" s="71">
        <v>34</v>
      </c>
      <c r="Z23" s="72">
        <v>58</v>
      </c>
      <c r="AA23" s="241"/>
      <c r="AB23" s="71">
        <v>68</v>
      </c>
      <c r="AC23" s="71">
        <v>41</v>
      </c>
      <c r="AD23" s="71">
        <v>30</v>
      </c>
      <c r="AE23" s="71">
        <v>26</v>
      </c>
      <c r="AF23" s="71">
        <v>18</v>
      </c>
      <c r="AG23" s="72">
        <v>183</v>
      </c>
      <c r="AH23" s="73">
        <v>241</v>
      </c>
      <c r="AI23" s="70">
        <v>55</v>
      </c>
      <c r="AJ23" s="71">
        <v>53</v>
      </c>
      <c r="AK23" s="72">
        <v>108</v>
      </c>
      <c r="AL23" s="241"/>
      <c r="AM23" s="71">
        <v>91</v>
      </c>
      <c r="AN23" s="71">
        <v>52</v>
      </c>
      <c r="AO23" s="71">
        <v>37</v>
      </c>
      <c r="AP23" s="71">
        <v>45</v>
      </c>
      <c r="AQ23" s="71">
        <v>24</v>
      </c>
      <c r="AR23" s="72">
        <v>249</v>
      </c>
      <c r="AS23" s="73">
        <v>357</v>
      </c>
      <c r="AT23" s="70">
        <v>58</v>
      </c>
      <c r="AU23" s="71">
        <v>95</v>
      </c>
      <c r="AV23" s="72">
        <v>153</v>
      </c>
      <c r="AW23" s="241"/>
      <c r="AX23" s="71">
        <v>161</v>
      </c>
      <c r="AY23" s="71">
        <v>96</v>
      </c>
      <c r="AZ23" s="71">
        <v>69</v>
      </c>
      <c r="BA23" s="71">
        <v>44</v>
      </c>
      <c r="BB23" s="71">
        <v>27</v>
      </c>
      <c r="BC23" s="72">
        <v>397</v>
      </c>
      <c r="BD23" s="73">
        <v>550</v>
      </c>
      <c r="BE23" s="70">
        <v>61</v>
      </c>
      <c r="BF23" s="71">
        <v>80</v>
      </c>
      <c r="BG23" s="72">
        <v>141</v>
      </c>
      <c r="BH23" s="244"/>
      <c r="BI23" s="71">
        <v>135</v>
      </c>
      <c r="BJ23" s="71">
        <v>83</v>
      </c>
      <c r="BK23" s="71">
        <v>48</v>
      </c>
      <c r="BL23" s="71">
        <v>43</v>
      </c>
      <c r="BM23" s="71">
        <v>16</v>
      </c>
      <c r="BN23" s="72">
        <v>325</v>
      </c>
      <c r="BO23" s="73">
        <v>466</v>
      </c>
      <c r="BP23" s="70">
        <v>34</v>
      </c>
      <c r="BQ23" s="71">
        <v>37</v>
      </c>
      <c r="BR23" s="72">
        <v>71</v>
      </c>
      <c r="BS23" s="244"/>
      <c r="BT23" s="71">
        <v>57</v>
      </c>
      <c r="BU23" s="71">
        <v>40</v>
      </c>
      <c r="BV23" s="71">
        <v>35</v>
      </c>
      <c r="BW23" s="71">
        <v>30</v>
      </c>
      <c r="BX23" s="71">
        <v>11</v>
      </c>
      <c r="BY23" s="72">
        <v>173</v>
      </c>
      <c r="BZ23" s="73">
        <v>244</v>
      </c>
      <c r="CA23" s="70">
        <v>4</v>
      </c>
      <c r="CB23" s="71">
        <v>16</v>
      </c>
      <c r="CC23" s="72">
        <v>20</v>
      </c>
      <c r="CD23" s="244"/>
      <c r="CE23" s="71">
        <v>28</v>
      </c>
      <c r="CF23" s="71">
        <v>12</v>
      </c>
      <c r="CG23" s="71">
        <v>15</v>
      </c>
      <c r="CH23" s="71">
        <v>11</v>
      </c>
      <c r="CI23" s="71">
        <v>2</v>
      </c>
      <c r="CJ23" s="72">
        <v>68</v>
      </c>
      <c r="CK23" s="73">
        <v>88</v>
      </c>
      <c r="CL23" s="70">
        <v>250</v>
      </c>
      <c r="CM23" s="71">
        <v>323</v>
      </c>
      <c r="CN23" s="72">
        <v>573</v>
      </c>
      <c r="CO23" s="244"/>
      <c r="CP23" s="71">
        <v>566</v>
      </c>
      <c r="CQ23" s="71">
        <v>340</v>
      </c>
      <c r="CR23" s="71">
        <v>247</v>
      </c>
      <c r="CS23" s="71">
        <v>211</v>
      </c>
      <c r="CT23" s="71">
        <v>105</v>
      </c>
      <c r="CU23" s="72">
        <v>1469</v>
      </c>
      <c r="CV23" s="73">
        <v>2042</v>
      </c>
      <c r="CW23" s="123">
        <v>445</v>
      </c>
      <c r="CX23" s="82">
        <v>571</v>
      </c>
      <c r="CY23" s="83">
        <v>1016</v>
      </c>
      <c r="CZ23" s="241"/>
      <c r="DA23" s="82">
        <v>813</v>
      </c>
      <c r="DB23" s="82">
        <v>487</v>
      </c>
      <c r="DC23" s="82">
        <v>468</v>
      </c>
      <c r="DD23" s="82">
        <v>413</v>
      </c>
      <c r="DE23" s="82">
        <v>248</v>
      </c>
      <c r="DF23" s="84">
        <v>2429</v>
      </c>
      <c r="DG23" s="85">
        <v>3445</v>
      </c>
      <c r="DH23" s="70">
        <v>10</v>
      </c>
      <c r="DI23" s="71">
        <v>13</v>
      </c>
      <c r="DJ23" s="72">
        <v>23</v>
      </c>
      <c r="DK23" s="244"/>
      <c r="DL23" s="71">
        <v>23</v>
      </c>
      <c r="DM23" s="71">
        <v>10</v>
      </c>
      <c r="DN23" s="71">
        <v>7</v>
      </c>
      <c r="DO23" s="71">
        <v>15</v>
      </c>
      <c r="DP23" s="71">
        <v>6</v>
      </c>
      <c r="DQ23" s="72">
        <v>61</v>
      </c>
      <c r="DR23" s="73">
        <v>84</v>
      </c>
      <c r="DS23" s="70">
        <v>43</v>
      </c>
      <c r="DT23" s="71">
        <v>41</v>
      </c>
      <c r="DU23" s="72">
        <v>84</v>
      </c>
      <c r="DV23" s="244"/>
      <c r="DW23" s="71">
        <v>67</v>
      </c>
      <c r="DX23" s="71">
        <v>27</v>
      </c>
      <c r="DY23" s="71">
        <v>22</v>
      </c>
      <c r="DZ23" s="71">
        <v>26</v>
      </c>
      <c r="EA23" s="71">
        <v>22</v>
      </c>
      <c r="EB23" s="72">
        <v>164</v>
      </c>
      <c r="EC23" s="73">
        <v>248</v>
      </c>
      <c r="ED23" s="70">
        <v>85</v>
      </c>
      <c r="EE23" s="71">
        <v>90</v>
      </c>
      <c r="EF23" s="72">
        <v>175</v>
      </c>
      <c r="EG23" s="244"/>
      <c r="EH23" s="71">
        <v>118</v>
      </c>
      <c r="EI23" s="71">
        <v>55</v>
      </c>
      <c r="EJ23" s="71">
        <v>37</v>
      </c>
      <c r="EK23" s="71">
        <v>36</v>
      </c>
      <c r="EL23" s="71">
        <v>37</v>
      </c>
      <c r="EM23" s="72">
        <v>283</v>
      </c>
      <c r="EN23" s="73">
        <v>458</v>
      </c>
      <c r="EO23" s="70">
        <v>133</v>
      </c>
      <c r="EP23" s="71">
        <v>170</v>
      </c>
      <c r="EQ23" s="72">
        <v>303</v>
      </c>
      <c r="ER23" s="244"/>
      <c r="ES23" s="71">
        <v>183</v>
      </c>
      <c r="ET23" s="71">
        <v>113</v>
      </c>
      <c r="EU23" s="71">
        <v>98</v>
      </c>
      <c r="EV23" s="71">
        <v>80</v>
      </c>
      <c r="EW23" s="71">
        <v>42</v>
      </c>
      <c r="EX23" s="72">
        <v>516</v>
      </c>
      <c r="EY23" s="73">
        <v>819</v>
      </c>
      <c r="EZ23" s="70">
        <v>127</v>
      </c>
      <c r="FA23" s="71">
        <v>144</v>
      </c>
      <c r="FB23" s="72">
        <v>271</v>
      </c>
      <c r="FC23" s="244"/>
      <c r="FD23" s="71">
        <v>220</v>
      </c>
      <c r="FE23" s="71">
        <v>128</v>
      </c>
      <c r="FF23" s="71">
        <v>143</v>
      </c>
      <c r="FG23" s="71">
        <v>98</v>
      </c>
      <c r="FH23" s="71">
        <v>68</v>
      </c>
      <c r="FI23" s="72">
        <v>657</v>
      </c>
      <c r="FJ23" s="73">
        <v>928</v>
      </c>
      <c r="FK23" s="70">
        <v>47</v>
      </c>
      <c r="FL23" s="71">
        <v>113</v>
      </c>
      <c r="FM23" s="72">
        <v>160</v>
      </c>
      <c r="FN23" s="244"/>
      <c r="FO23" s="71">
        <v>202</v>
      </c>
      <c r="FP23" s="71">
        <v>154</v>
      </c>
      <c r="FQ23" s="71">
        <v>161</v>
      </c>
      <c r="FR23" s="71">
        <v>158</v>
      </c>
      <c r="FS23" s="71">
        <v>73</v>
      </c>
      <c r="FT23" s="72">
        <v>748</v>
      </c>
      <c r="FU23" s="73">
        <v>908</v>
      </c>
      <c r="FV23" s="70">
        <v>6</v>
      </c>
      <c r="FW23" s="71">
        <v>13</v>
      </c>
      <c r="FX23" s="72">
        <v>19</v>
      </c>
      <c r="FY23" s="244"/>
      <c r="FZ23" s="71">
        <v>15</v>
      </c>
      <c r="GA23" s="71">
        <v>10</v>
      </c>
      <c r="GB23" s="71">
        <v>5</v>
      </c>
      <c r="GC23" s="71">
        <v>8</v>
      </c>
      <c r="GD23" s="71">
        <v>6</v>
      </c>
      <c r="GE23" s="72">
        <v>44</v>
      </c>
      <c r="GF23" s="73">
        <v>63</v>
      </c>
      <c r="GG23" s="70">
        <v>451</v>
      </c>
      <c r="GH23" s="71">
        <v>584</v>
      </c>
      <c r="GI23" s="72">
        <v>1035</v>
      </c>
      <c r="GJ23" s="244"/>
      <c r="GK23" s="71">
        <v>828</v>
      </c>
      <c r="GL23" s="71">
        <v>497</v>
      </c>
      <c r="GM23" s="71">
        <v>473</v>
      </c>
      <c r="GN23" s="71">
        <v>421</v>
      </c>
      <c r="GO23" s="71">
        <v>254</v>
      </c>
      <c r="GP23" s="72">
        <v>2473</v>
      </c>
      <c r="GQ23" s="73">
        <v>3508</v>
      </c>
      <c r="GR23" s="123">
        <v>691</v>
      </c>
      <c r="GS23" s="82">
        <v>878</v>
      </c>
      <c r="GT23" s="83">
        <v>1569</v>
      </c>
      <c r="GU23" s="241"/>
      <c r="GV23" s="82">
        <v>1351</v>
      </c>
      <c r="GW23" s="82">
        <v>815</v>
      </c>
      <c r="GX23" s="82">
        <v>700</v>
      </c>
      <c r="GY23" s="82">
        <v>613</v>
      </c>
      <c r="GZ23" s="82">
        <v>351</v>
      </c>
      <c r="HA23" s="84">
        <v>3830</v>
      </c>
      <c r="HB23" s="85">
        <v>5399</v>
      </c>
      <c r="HC23" s="70">
        <v>24</v>
      </c>
      <c r="HD23" s="71">
        <v>21</v>
      </c>
      <c r="HE23" s="72">
        <v>45</v>
      </c>
      <c r="HF23" s="244"/>
      <c r="HG23" s="71">
        <v>49</v>
      </c>
      <c r="HH23" s="71">
        <v>26</v>
      </c>
      <c r="HI23" s="71">
        <v>20</v>
      </c>
      <c r="HJ23" s="71">
        <v>27</v>
      </c>
      <c r="HK23" s="71">
        <v>13</v>
      </c>
      <c r="HL23" s="72">
        <v>135</v>
      </c>
      <c r="HM23" s="73">
        <v>180</v>
      </c>
      <c r="HN23" s="70">
        <v>67</v>
      </c>
      <c r="HO23" s="71">
        <v>75</v>
      </c>
      <c r="HP23" s="72">
        <v>142</v>
      </c>
      <c r="HQ23" s="244"/>
      <c r="HR23" s="71">
        <v>135</v>
      </c>
      <c r="HS23" s="71">
        <v>68</v>
      </c>
      <c r="HT23" s="71">
        <v>52</v>
      </c>
      <c r="HU23" s="71">
        <v>52</v>
      </c>
      <c r="HV23" s="71">
        <v>40</v>
      </c>
      <c r="HW23" s="72">
        <v>347</v>
      </c>
      <c r="HX23" s="73">
        <v>489</v>
      </c>
      <c r="HY23" s="70">
        <v>140</v>
      </c>
      <c r="HZ23" s="71">
        <v>143</v>
      </c>
      <c r="IA23" s="72">
        <v>283</v>
      </c>
      <c r="IB23" s="244"/>
      <c r="IC23" s="71">
        <v>209</v>
      </c>
      <c r="ID23" s="71">
        <v>107</v>
      </c>
      <c r="IE23" s="71">
        <v>74</v>
      </c>
      <c r="IF23" s="71">
        <v>81</v>
      </c>
      <c r="IG23" s="71">
        <v>61</v>
      </c>
      <c r="IH23" s="72">
        <v>532</v>
      </c>
      <c r="II23" s="73">
        <v>815</v>
      </c>
      <c r="IJ23" s="70">
        <v>191</v>
      </c>
      <c r="IK23" s="71">
        <v>265</v>
      </c>
      <c r="IL23" s="72">
        <v>456</v>
      </c>
      <c r="IM23" s="244"/>
      <c r="IN23" s="71">
        <v>344</v>
      </c>
      <c r="IO23" s="71">
        <v>209</v>
      </c>
      <c r="IP23" s="71">
        <v>167</v>
      </c>
      <c r="IQ23" s="71">
        <v>124</v>
      </c>
      <c r="IR23" s="71">
        <v>69</v>
      </c>
      <c r="IS23" s="72">
        <v>913</v>
      </c>
      <c r="IT23" s="73">
        <v>1369</v>
      </c>
      <c r="IU23" s="70">
        <v>188</v>
      </c>
      <c r="IV23" s="71">
        <v>224</v>
      </c>
      <c r="IW23" s="72">
        <v>412</v>
      </c>
      <c r="IX23" s="244"/>
      <c r="IY23" s="71">
        <v>355</v>
      </c>
      <c r="IZ23" s="71">
        <v>211</v>
      </c>
      <c r="JA23" s="71">
        <v>191</v>
      </c>
      <c r="JB23" s="71">
        <v>141</v>
      </c>
      <c r="JC23" s="71">
        <v>84</v>
      </c>
      <c r="JD23" s="72">
        <v>982</v>
      </c>
      <c r="JE23" s="73">
        <v>1394</v>
      </c>
      <c r="JF23" s="70">
        <v>81</v>
      </c>
      <c r="JG23" s="71">
        <v>150</v>
      </c>
      <c r="JH23" s="72">
        <v>231</v>
      </c>
      <c r="JI23" s="244"/>
      <c r="JJ23" s="71">
        <v>259</v>
      </c>
      <c r="JK23" s="71">
        <v>194</v>
      </c>
      <c r="JL23" s="71">
        <v>196</v>
      </c>
      <c r="JM23" s="71">
        <v>188</v>
      </c>
      <c r="JN23" s="71">
        <v>84</v>
      </c>
      <c r="JO23" s="72">
        <v>921</v>
      </c>
      <c r="JP23" s="73">
        <v>1152</v>
      </c>
      <c r="JQ23" s="70">
        <v>10</v>
      </c>
      <c r="JR23" s="71">
        <v>29</v>
      </c>
      <c r="JS23" s="72">
        <v>39</v>
      </c>
      <c r="JT23" s="244"/>
      <c r="JU23" s="71">
        <v>43</v>
      </c>
      <c r="JV23" s="71">
        <v>22</v>
      </c>
      <c r="JW23" s="71">
        <v>20</v>
      </c>
      <c r="JX23" s="71">
        <v>19</v>
      </c>
      <c r="JY23" s="71">
        <v>8</v>
      </c>
      <c r="JZ23" s="72">
        <v>112</v>
      </c>
      <c r="KA23" s="73">
        <v>151</v>
      </c>
      <c r="KB23" s="70">
        <v>701</v>
      </c>
      <c r="KC23" s="71">
        <v>907</v>
      </c>
      <c r="KD23" s="72">
        <v>1608</v>
      </c>
      <c r="KE23" s="244"/>
      <c r="KF23" s="71">
        <v>1394</v>
      </c>
      <c r="KG23" s="71">
        <v>837</v>
      </c>
      <c r="KH23" s="71">
        <v>720</v>
      </c>
      <c r="KI23" s="71">
        <v>632</v>
      </c>
      <c r="KJ23" s="71">
        <v>359</v>
      </c>
      <c r="KK23" s="72">
        <v>3942</v>
      </c>
      <c r="KL23" s="73">
        <v>5550</v>
      </c>
    </row>
    <row r="24" spans="1:298" ht="19.5" customHeight="1" x14ac:dyDescent="0.2">
      <c r="A24" s="126" t="s">
        <v>21</v>
      </c>
      <c r="B24" s="316">
        <v>281</v>
      </c>
      <c r="C24" s="82">
        <v>233</v>
      </c>
      <c r="D24" s="83">
        <v>514</v>
      </c>
      <c r="E24" s="241"/>
      <c r="F24" s="82">
        <v>412</v>
      </c>
      <c r="G24" s="82">
        <v>438</v>
      </c>
      <c r="H24" s="82">
        <v>288</v>
      </c>
      <c r="I24" s="82">
        <v>207</v>
      </c>
      <c r="J24" s="82">
        <v>110</v>
      </c>
      <c r="K24" s="84">
        <v>1455</v>
      </c>
      <c r="L24" s="85">
        <v>1969</v>
      </c>
      <c r="M24" s="70">
        <v>12</v>
      </c>
      <c r="N24" s="71">
        <v>14</v>
      </c>
      <c r="O24" s="72">
        <v>26</v>
      </c>
      <c r="P24" s="241"/>
      <c r="Q24" s="71">
        <v>17</v>
      </c>
      <c r="R24" s="71">
        <v>20</v>
      </c>
      <c r="S24" s="71">
        <v>15</v>
      </c>
      <c r="T24" s="71">
        <v>14</v>
      </c>
      <c r="U24" s="71">
        <v>9</v>
      </c>
      <c r="V24" s="72">
        <v>75</v>
      </c>
      <c r="W24" s="73">
        <v>101</v>
      </c>
      <c r="X24" s="70">
        <v>35</v>
      </c>
      <c r="Y24" s="71">
        <v>33</v>
      </c>
      <c r="Z24" s="72">
        <v>68</v>
      </c>
      <c r="AA24" s="241"/>
      <c r="AB24" s="71">
        <v>41</v>
      </c>
      <c r="AC24" s="71">
        <v>57</v>
      </c>
      <c r="AD24" s="71">
        <v>36</v>
      </c>
      <c r="AE24" s="71">
        <v>38</v>
      </c>
      <c r="AF24" s="71">
        <v>16</v>
      </c>
      <c r="AG24" s="72">
        <v>188</v>
      </c>
      <c r="AH24" s="73">
        <v>256</v>
      </c>
      <c r="AI24" s="70">
        <v>57</v>
      </c>
      <c r="AJ24" s="71">
        <v>36</v>
      </c>
      <c r="AK24" s="72">
        <v>93</v>
      </c>
      <c r="AL24" s="241"/>
      <c r="AM24" s="71">
        <v>69</v>
      </c>
      <c r="AN24" s="71">
        <v>79</v>
      </c>
      <c r="AO24" s="71">
        <v>50</v>
      </c>
      <c r="AP24" s="71">
        <v>33</v>
      </c>
      <c r="AQ24" s="71">
        <v>13</v>
      </c>
      <c r="AR24" s="72">
        <v>244</v>
      </c>
      <c r="AS24" s="73">
        <v>337</v>
      </c>
      <c r="AT24" s="70">
        <v>71</v>
      </c>
      <c r="AU24" s="71">
        <v>67</v>
      </c>
      <c r="AV24" s="72">
        <v>138</v>
      </c>
      <c r="AW24" s="241"/>
      <c r="AX24" s="71">
        <v>102</v>
      </c>
      <c r="AY24" s="71">
        <v>122</v>
      </c>
      <c r="AZ24" s="71">
        <v>70</v>
      </c>
      <c r="BA24" s="71">
        <v>42</v>
      </c>
      <c r="BB24" s="71">
        <v>30</v>
      </c>
      <c r="BC24" s="72">
        <v>366</v>
      </c>
      <c r="BD24" s="73">
        <v>504</v>
      </c>
      <c r="BE24" s="70">
        <v>71</v>
      </c>
      <c r="BF24" s="71">
        <v>60</v>
      </c>
      <c r="BG24" s="72">
        <v>131</v>
      </c>
      <c r="BH24" s="244"/>
      <c r="BI24" s="71">
        <v>125</v>
      </c>
      <c r="BJ24" s="71">
        <v>98</v>
      </c>
      <c r="BK24" s="71">
        <v>74</v>
      </c>
      <c r="BL24" s="71">
        <v>58</v>
      </c>
      <c r="BM24" s="71">
        <v>26</v>
      </c>
      <c r="BN24" s="72">
        <v>381</v>
      </c>
      <c r="BO24" s="73">
        <v>512</v>
      </c>
      <c r="BP24" s="70">
        <v>35</v>
      </c>
      <c r="BQ24" s="71">
        <v>23</v>
      </c>
      <c r="BR24" s="72">
        <v>58</v>
      </c>
      <c r="BS24" s="244"/>
      <c r="BT24" s="71">
        <v>58</v>
      </c>
      <c r="BU24" s="71">
        <v>62</v>
      </c>
      <c r="BV24" s="71">
        <v>43</v>
      </c>
      <c r="BW24" s="71">
        <v>22</v>
      </c>
      <c r="BX24" s="71">
        <v>16</v>
      </c>
      <c r="BY24" s="72">
        <v>201</v>
      </c>
      <c r="BZ24" s="73">
        <v>259</v>
      </c>
      <c r="CA24" s="70">
        <v>5</v>
      </c>
      <c r="CB24" s="71">
        <v>14</v>
      </c>
      <c r="CC24" s="72">
        <v>19</v>
      </c>
      <c r="CD24" s="244"/>
      <c r="CE24" s="71">
        <v>12</v>
      </c>
      <c r="CF24" s="71">
        <v>16</v>
      </c>
      <c r="CG24" s="71">
        <v>5</v>
      </c>
      <c r="CH24" s="71">
        <v>8</v>
      </c>
      <c r="CI24" s="71">
        <v>13</v>
      </c>
      <c r="CJ24" s="72">
        <v>54</v>
      </c>
      <c r="CK24" s="73">
        <v>73</v>
      </c>
      <c r="CL24" s="70">
        <v>286</v>
      </c>
      <c r="CM24" s="71">
        <v>247</v>
      </c>
      <c r="CN24" s="72">
        <v>533</v>
      </c>
      <c r="CO24" s="244"/>
      <c r="CP24" s="71">
        <v>424</v>
      </c>
      <c r="CQ24" s="71">
        <v>454</v>
      </c>
      <c r="CR24" s="71">
        <v>293</v>
      </c>
      <c r="CS24" s="71">
        <v>215</v>
      </c>
      <c r="CT24" s="71">
        <v>123</v>
      </c>
      <c r="CU24" s="72">
        <v>1509</v>
      </c>
      <c r="CV24" s="73">
        <v>2042</v>
      </c>
      <c r="CW24" s="123">
        <v>511</v>
      </c>
      <c r="CX24" s="82">
        <v>584</v>
      </c>
      <c r="CY24" s="83">
        <v>1095</v>
      </c>
      <c r="CZ24" s="241"/>
      <c r="DA24" s="82">
        <v>688</v>
      </c>
      <c r="DB24" s="82">
        <v>698</v>
      </c>
      <c r="DC24" s="82">
        <v>526</v>
      </c>
      <c r="DD24" s="82">
        <v>430</v>
      </c>
      <c r="DE24" s="82">
        <v>329</v>
      </c>
      <c r="DF24" s="84">
        <v>2671</v>
      </c>
      <c r="DG24" s="85">
        <v>3766</v>
      </c>
      <c r="DH24" s="70">
        <v>11</v>
      </c>
      <c r="DI24" s="71">
        <v>17</v>
      </c>
      <c r="DJ24" s="72">
        <v>28</v>
      </c>
      <c r="DK24" s="244"/>
      <c r="DL24" s="71">
        <v>18</v>
      </c>
      <c r="DM24" s="71">
        <v>17</v>
      </c>
      <c r="DN24" s="71">
        <v>20</v>
      </c>
      <c r="DO24" s="71">
        <v>13</v>
      </c>
      <c r="DP24" s="71">
        <v>9</v>
      </c>
      <c r="DQ24" s="72">
        <v>77</v>
      </c>
      <c r="DR24" s="73">
        <v>105</v>
      </c>
      <c r="DS24" s="70">
        <v>46</v>
      </c>
      <c r="DT24" s="71">
        <v>52</v>
      </c>
      <c r="DU24" s="72">
        <v>98</v>
      </c>
      <c r="DV24" s="244"/>
      <c r="DW24" s="71">
        <v>43</v>
      </c>
      <c r="DX24" s="71">
        <v>34</v>
      </c>
      <c r="DY24" s="71">
        <v>31</v>
      </c>
      <c r="DZ24" s="71">
        <v>29</v>
      </c>
      <c r="EA24" s="71">
        <v>28</v>
      </c>
      <c r="EB24" s="72">
        <v>165</v>
      </c>
      <c r="EC24" s="73">
        <v>263</v>
      </c>
      <c r="ED24" s="70">
        <v>93</v>
      </c>
      <c r="EE24" s="71">
        <v>97</v>
      </c>
      <c r="EF24" s="72">
        <v>190</v>
      </c>
      <c r="EG24" s="244"/>
      <c r="EH24" s="71">
        <v>99</v>
      </c>
      <c r="EI24" s="71">
        <v>81</v>
      </c>
      <c r="EJ24" s="71">
        <v>61</v>
      </c>
      <c r="EK24" s="71">
        <v>41</v>
      </c>
      <c r="EL24" s="71">
        <v>33</v>
      </c>
      <c r="EM24" s="72">
        <v>315</v>
      </c>
      <c r="EN24" s="73">
        <v>505</v>
      </c>
      <c r="EO24" s="70">
        <v>158</v>
      </c>
      <c r="EP24" s="71">
        <v>153</v>
      </c>
      <c r="EQ24" s="72">
        <v>311</v>
      </c>
      <c r="ER24" s="244"/>
      <c r="ES24" s="71">
        <v>192</v>
      </c>
      <c r="ET24" s="71">
        <v>143</v>
      </c>
      <c r="EU24" s="71">
        <v>105</v>
      </c>
      <c r="EV24" s="71">
        <v>90</v>
      </c>
      <c r="EW24" s="71">
        <v>85</v>
      </c>
      <c r="EX24" s="72">
        <v>615</v>
      </c>
      <c r="EY24" s="73">
        <v>926</v>
      </c>
      <c r="EZ24" s="70">
        <v>136</v>
      </c>
      <c r="FA24" s="71">
        <v>171</v>
      </c>
      <c r="FB24" s="72">
        <v>307</v>
      </c>
      <c r="FC24" s="244"/>
      <c r="FD24" s="71">
        <v>180</v>
      </c>
      <c r="FE24" s="71">
        <v>214</v>
      </c>
      <c r="FF24" s="71">
        <v>141</v>
      </c>
      <c r="FG24" s="71">
        <v>114</v>
      </c>
      <c r="FH24" s="71">
        <v>75</v>
      </c>
      <c r="FI24" s="72">
        <v>724</v>
      </c>
      <c r="FJ24" s="73">
        <v>1031</v>
      </c>
      <c r="FK24" s="70">
        <v>67</v>
      </c>
      <c r="FL24" s="71">
        <v>94</v>
      </c>
      <c r="FM24" s="72">
        <v>161</v>
      </c>
      <c r="FN24" s="244"/>
      <c r="FO24" s="71">
        <v>156</v>
      </c>
      <c r="FP24" s="71">
        <v>209</v>
      </c>
      <c r="FQ24" s="71">
        <v>168</v>
      </c>
      <c r="FR24" s="71">
        <v>143</v>
      </c>
      <c r="FS24" s="71">
        <v>99</v>
      </c>
      <c r="FT24" s="72">
        <v>775</v>
      </c>
      <c r="FU24" s="73">
        <v>936</v>
      </c>
      <c r="FV24" s="70">
        <v>11</v>
      </c>
      <c r="FW24" s="71">
        <v>10</v>
      </c>
      <c r="FX24" s="72">
        <v>21</v>
      </c>
      <c r="FY24" s="244"/>
      <c r="FZ24" s="71">
        <v>6</v>
      </c>
      <c r="GA24" s="71">
        <v>25</v>
      </c>
      <c r="GB24" s="71">
        <v>8</v>
      </c>
      <c r="GC24" s="71">
        <v>5</v>
      </c>
      <c r="GD24" s="71">
        <v>8</v>
      </c>
      <c r="GE24" s="72">
        <v>52</v>
      </c>
      <c r="GF24" s="73">
        <v>73</v>
      </c>
      <c r="GG24" s="70">
        <v>522</v>
      </c>
      <c r="GH24" s="71">
        <v>594</v>
      </c>
      <c r="GI24" s="72">
        <v>1116</v>
      </c>
      <c r="GJ24" s="244"/>
      <c r="GK24" s="71">
        <v>694</v>
      </c>
      <c r="GL24" s="71">
        <v>723</v>
      </c>
      <c r="GM24" s="71">
        <v>534</v>
      </c>
      <c r="GN24" s="71">
        <v>435</v>
      </c>
      <c r="GO24" s="71">
        <v>337</v>
      </c>
      <c r="GP24" s="72">
        <v>2723</v>
      </c>
      <c r="GQ24" s="73">
        <v>3839</v>
      </c>
      <c r="GR24" s="123">
        <v>792</v>
      </c>
      <c r="GS24" s="82">
        <v>817</v>
      </c>
      <c r="GT24" s="83">
        <v>1609</v>
      </c>
      <c r="GU24" s="241"/>
      <c r="GV24" s="82">
        <v>1100</v>
      </c>
      <c r="GW24" s="82">
        <v>1136</v>
      </c>
      <c r="GX24" s="82">
        <v>814</v>
      </c>
      <c r="GY24" s="82">
        <v>637</v>
      </c>
      <c r="GZ24" s="82">
        <v>439</v>
      </c>
      <c r="HA24" s="84">
        <v>4126</v>
      </c>
      <c r="HB24" s="85">
        <v>5735</v>
      </c>
      <c r="HC24" s="70">
        <v>23</v>
      </c>
      <c r="HD24" s="71">
        <v>31</v>
      </c>
      <c r="HE24" s="72">
        <v>54</v>
      </c>
      <c r="HF24" s="244"/>
      <c r="HG24" s="71">
        <v>35</v>
      </c>
      <c r="HH24" s="71">
        <v>37</v>
      </c>
      <c r="HI24" s="71">
        <v>35</v>
      </c>
      <c r="HJ24" s="71">
        <v>27</v>
      </c>
      <c r="HK24" s="71">
        <v>18</v>
      </c>
      <c r="HL24" s="72">
        <v>152</v>
      </c>
      <c r="HM24" s="73">
        <v>206</v>
      </c>
      <c r="HN24" s="70">
        <v>81</v>
      </c>
      <c r="HO24" s="71">
        <v>85</v>
      </c>
      <c r="HP24" s="72">
        <v>166</v>
      </c>
      <c r="HQ24" s="244"/>
      <c r="HR24" s="71">
        <v>84</v>
      </c>
      <c r="HS24" s="71">
        <v>91</v>
      </c>
      <c r="HT24" s="71">
        <v>67</v>
      </c>
      <c r="HU24" s="71">
        <v>67</v>
      </c>
      <c r="HV24" s="71">
        <v>44</v>
      </c>
      <c r="HW24" s="72">
        <v>353</v>
      </c>
      <c r="HX24" s="73">
        <v>519</v>
      </c>
      <c r="HY24" s="70">
        <v>150</v>
      </c>
      <c r="HZ24" s="71">
        <v>133</v>
      </c>
      <c r="IA24" s="72">
        <v>283</v>
      </c>
      <c r="IB24" s="244"/>
      <c r="IC24" s="71">
        <v>168</v>
      </c>
      <c r="ID24" s="71">
        <v>160</v>
      </c>
      <c r="IE24" s="71">
        <v>111</v>
      </c>
      <c r="IF24" s="71">
        <v>74</v>
      </c>
      <c r="IG24" s="71">
        <v>46</v>
      </c>
      <c r="IH24" s="72">
        <v>559</v>
      </c>
      <c r="II24" s="73">
        <v>842</v>
      </c>
      <c r="IJ24" s="70">
        <v>229</v>
      </c>
      <c r="IK24" s="71">
        <v>220</v>
      </c>
      <c r="IL24" s="72">
        <v>449</v>
      </c>
      <c r="IM24" s="244"/>
      <c r="IN24" s="71">
        <v>294</v>
      </c>
      <c r="IO24" s="71">
        <v>265</v>
      </c>
      <c r="IP24" s="71">
        <v>175</v>
      </c>
      <c r="IQ24" s="71">
        <v>132</v>
      </c>
      <c r="IR24" s="71">
        <v>115</v>
      </c>
      <c r="IS24" s="72">
        <v>981</v>
      </c>
      <c r="IT24" s="73">
        <v>1430</v>
      </c>
      <c r="IU24" s="70">
        <v>207</v>
      </c>
      <c r="IV24" s="71">
        <v>231</v>
      </c>
      <c r="IW24" s="72">
        <v>438</v>
      </c>
      <c r="IX24" s="244"/>
      <c r="IY24" s="71">
        <v>305</v>
      </c>
      <c r="IZ24" s="71">
        <v>312</v>
      </c>
      <c r="JA24" s="71">
        <v>215</v>
      </c>
      <c r="JB24" s="71">
        <v>172</v>
      </c>
      <c r="JC24" s="71">
        <v>101</v>
      </c>
      <c r="JD24" s="72">
        <v>1105</v>
      </c>
      <c r="JE24" s="73">
        <v>1543</v>
      </c>
      <c r="JF24" s="70">
        <v>102</v>
      </c>
      <c r="JG24" s="71">
        <v>117</v>
      </c>
      <c r="JH24" s="72">
        <v>219</v>
      </c>
      <c r="JI24" s="244"/>
      <c r="JJ24" s="71">
        <v>214</v>
      </c>
      <c r="JK24" s="71">
        <v>271</v>
      </c>
      <c r="JL24" s="71">
        <v>211</v>
      </c>
      <c r="JM24" s="71">
        <v>165</v>
      </c>
      <c r="JN24" s="71">
        <v>115</v>
      </c>
      <c r="JO24" s="72">
        <v>976</v>
      </c>
      <c r="JP24" s="73">
        <v>1195</v>
      </c>
      <c r="JQ24" s="70">
        <v>16</v>
      </c>
      <c r="JR24" s="71">
        <v>24</v>
      </c>
      <c r="JS24" s="72">
        <v>40</v>
      </c>
      <c r="JT24" s="244"/>
      <c r="JU24" s="71">
        <v>18</v>
      </c>
      <c r="JV24" s="71">
        <v>41</v>
      </c>
      <c r="JW24" s="71">
        <v>13</v>
      </c>
      <c r="JX24" s="71">
        <v>13</v>
      </c>
      <c r="JY24" s="71">
        <v>21</v>
      </c>
      <c r="JZ24" s="72">
        <v>106</v>
      </c>
      <c r="KA24" s="73">
        <v>146</v>
      </c>
      <c r="KB24" s="70">
        <v>808</v>
      </c>
      <c r="KC24" s="71">
        <v>841</v>
      </c>
      <c r="KD24" s="72">
        <v>1649</v>
      </c>
      <c r="KE24" s="244"/>
      <c r="KF24" s="71">
        <v>1118</v>
      </c>
      <c r="KG24" s="71">
        <v>1177</v>
      </c>
      <c r="KH24" s="71">
        <v>827</v>
      </c>
      <c r="KI24" s="71">
        <v>650</v>
      </c>
      <c r="KJ24" s="71">
        <v>460</v>
      </c>
      <c r="KK24" s="72">
        <v>4232</v>
      </c>
      <c r="KL24" s="73">
        <v>5881</v>
      </c>
    </row>
    <row r="25" spans="1:298" ht="19.5" customHeight="1" x14ac:dyDescent="0.2">
      <c r="A25" s="126" t="s">
        <v>22</v>
      </c>
      <c r="B25" s="316">
        <v>80</v>
      </c>
      <c r="C25" s="82">
        <v>58</v>
      </c>
      <c r="D25" s="83">
        <v>138</v>
      </c>
      <c r="E25" s="241"/>
      <c r="F25" s="82">
        <v>200</v>
      </c>
      <c r="G25" s="82">
        <v>160</v>
      </c>
      <c r="H25" s="82">
        <v>89</v>
      </c>
      <c r="I25" s="82">
        <v>75</v>
      </c>
      <c r="J25" s="82">
        <v>51</v>
      </c>
      <c r="K25" s="84">
        <v>575</v>
      </c>
      <c r="L25" s="85">
        <v>713</v>
      </c>
      <c r="M25" s="70">
        <v>3</v>
      </c>
      <c r="N25" s="71">
        <v>2</v>
      </c>
      <c r="O25" s="72">
        <v>5</v>
      </c>
      <c r="P25" s="241"/>
      <c r="Q25" s="71">
        <v>5</v>
      </c>
      <c r="R25" s="71">
        <v>5</v>
      </c>
      <c r="S25" s="71">
        <v>1</v>
      </c>
      <c r="T25" s="71">
        <v>4</v>
      </c>
      <c r="U25" s="71">
        <v>5</v>
      </c>
      <c r="V25" s="72">
        <v>20</v>
      </c>
      <c r="W25" s="73">
        <v>25</v>
      </c>
      <c r="X25" s="70">
        <v>10</v>
      </c>
      <c r="Y25" s="71">
        <v>12</v>
      </c>
      <c r="Z25" s="72">
        <v>22</v>
      </c>
      <c r="AA25" s="241"/>
      <c r="AB25" s="71">
        <v>21</v>
      </c>
      <c r="AC25" s="71">
        <v>10</v>
      </c>
      <c r="AD25" s="71">
        <v>7</v>
      </c>
      <c r="AE25" s="71">
        <v>9</v>
      </c>
      <c r="AF25" s="71">
        <v>7</v>
      </c>
      <c r="AG25" s="72">
        <v>54</v>
      </c>
      <c r="AH25" s="73">
        <v>76</v>
      </c>
      <c r="AI25" s="70">
        <v>9</v>
      </c>
      <c r="AJ25" s="71">
        <v>7</v>
      </c>
      <c r="AK25" s="72">
        <v>16</v>
      </c>
      <c r="AL25" s="241"/>
      <c r="AM25" s="71">
        <v>36</v>
      </c>
      <c r="AN25" s="71">
        <v>18</v>
      </c>
      <c r="AO25" s="71">
        <v>17</v>
      </c>
      <c r="AP25" s="71">
        <v>5</v>
      </c>
      <c r="AQ25" s="71">
        <v>13</v>
      </c>
      <c r="AR25" s="72">
        <v>89</v>
      </c>
      <c r="AS25" s="73">
        <v>105</v>
      </c>
      <c r="AT25" s="70">
        <v>21</v>
      </c>
      <c r="AU25" s="71">
        <v>11</v>
      </c>
      <c r="AV25" s="72">
        <v>32</v>
      </c>
      <c r="AW25" s="241"/>
      <c r="AX25" s="71">
        <v>51</v>
      </c>
      <c r="AY25" s="71">
        <v>50</v>
      </c>
      <c r="AZ25" s="71">
        <v>19</v>
      </c>
      <c r="BA25" s="71">
        <v>20</v>
      </c>
      <c r="BB25" s="71">
        <v>11</v>
      </c>
      <c r="BC25" s="72">
        <v>151</v>
      </c>
      <c r="BD25" s="73">
        <v>183</v>
      </c>
      <c r="BE25" s="70">
        <v>21</v>
      </c>
      <c r="BF25" s="71">
        <v>19</v>
      </c>
      <c r="BG25" s="72">
        <v>40</v>
      </c>
      <c r="BH25" s="244"/>
      <c r="BI25" s="71">
        <v>54</v>
      </c>
      <c r="BJ25" s="71">
        <v>42</v>
      </c>
      <c r="BK25" s="71">
        <v>28</v>
      </c>
      <c r="BL25" s="71">
        <v>20</v>
      </c>
      <c r="BM25" s="71">
        <v>9</v>
      </c>
      <c r="BN25" s="72">
        <v>153</v>
      </c>
      <c r="BO25" s="73">
        <v>193</v>
      </c>
      <c r="BP25" s="70">
        <v>16</v>
      </c>
      <c r="BQ25" s="71">
        <v>7</v>
      </c>
      <c r="BR25" s="72">
        <v>23</v>
      </c>
      <c r="BS25" s="244"/>
      <c r="BT25" s="71">
        <v>33</v>
      </c>
      <c r="BU25" s="71">
        <v>35</v>
      </c>
      <c r="BV25" s="71">
        <v>17</v>
      </c>
      <c r="BW25" s="71">
        <v>17</v>
      </c>
      <c r="BX25" s="71">
        <v>6</v>
      </c>
      <c r="BY25" s="72">
        <v>108</v>
      </c>
      <c r="BZ25" s="73">
        <v>131</v>
      </c>
      <c r="CA25" s="70">
        <v>1</v>
      </c>
      <c r="CB25" s="71">
        <v>5</v>
      </c>
      <c r="CC25" s="72">
        <v>6</v>
      </c>
      <c r="CD25" s="244"/>
      <c r="CE25" s="71">
        <v>7</v>
      </c>
      <c r="CF25" s="71">
        <v>5</v>
      </c>
      <c r="CG25" s="71">
        <v>2</v>
      </c>
      <c r="CH25" s="71">
        <v>3</v>
      </c>
      <c r="CI25" s="71">
        <v>2</v>
      </c>
      <c r="CJ25" s="72">
        <v>19</v>
      </c>
      <c r="CK25" s="73">
        <v>25</v>
      </c>
      <c r="CL25" s="70">
        <v>81</v>
      </c>
      <c r="CM25" s="71">
        <v>63</v>
      </c>
      <c r="CN25" s="72">
        <v>144</v>
      </c>
      <c r="CO25" s="244"/>
      <c r="CP25" s="71">
        <v>207</v>
      </c>
      <c r="CQ25" s="71">
        <v>165</v>
      </c>
      <c r="CR25" s="71">
        <v>91</v>
      </c>
      <c r="CS25" s="71">
        <v>78</v>
      </c>
      <c r="CT25" s="71">
        <v>53</v>
      </c>
      <c r="CU25" s="72">
        <v>594</v>
      </c>
      <c r="CV25" s="73">
        <v>738</v>
      </c>
      <c r="CW25" s="123">
        <v>117</v>
      </c>
      <c r="CX25" s="82">
        <v>233</v>
      </c>
      <c r="CY25" s="83">
        <v>350</v>
      </c>
      <c r="CZ25" s="241"/>
      <c r="DA25" s="82">
        <v>364</v>
      </c>
      <c r="DB25" s="82">
        <v>309</v>
      </c>
      <c r="DC25" s="82">
        <v>190</v>
      </c>
      <c r="DD25" s="82">
        <v>202</v>
      </c>
      <c r="DE25" s="82">
        <v>114</v>
      </c>
      <c r="DF25" s="84">
        <v>1179</v>
      </c>
      <c r="DG25" s="85">
        <v>1529</v>
      </c>
      <c r="DH25" s="70">
        <v>6</v>
      </c>
      <c r="DI25" s="71">
        <v>8</v>
      </c>
      <c r="DJ25" s="72">
        <v>14</v>
      </c>
      <c r="DK25" s="244"/>
      <c r="DL25" s="71">
        <v>6</v>
      </c>
      <c r="DM25" s="71">
        <v>8</v>
      </c>
      <c r="DN25" s="71">
        <v>2</v>
      </c>
      <c r="DO25" s="71">
        <v>1</v>
      </c>
      <c r="DP25" s="71">
        <v>3</v>
      </c>
      <c r="DQ25" s="72">
        <v>20</v>
      </c>
      <c r="DR25" s="73">
        <v>34</v>
      </c>
      <c r="DS25" s="70">
        <v>7</v>
      </c>
      <c r="DT25" s="71">
        <v>10</v>
      </c>
      <c r="DU25" s="72">
        <v>17</v>
      </c>
      <c r="DV25" s="244"/>
      <c r="DW25" s="71">
        <v>25</v>
      </c>
      <c r="DX25" s="71">
        <v>14</v>
      </c>
      <c r="DY25" s="71">
        <v>10</v>
      </c>
      <c r="DZ25" s="71">
        <v>7</v>
      </c>
      <c r="EA25" s="71">
        <v>8</v>
      </c>
      <c r="EB25" s="72">
        <v>64</v>
      </c>
      <c r="EC25" s="73">
        <v>81</v>
      </c>
      <c r="ED25" s="70">
        <v>21</v>
      </c>
      <c r="EE25" s="71">
        <v>33</v>
      </c>
      <c r="EF25" s="72">
        <v>54</v>
      </c>
      <c r="EG25" s="244"/>
      <c r="EH25" s="71">
        <v>45</v>
      </c>
      <c r="EI25" s="71">
        <v>32</v>
      </c>
      <c r="EJ25" s="71">
        <v>13</v>
      </c>
      <c r="EK25" s="71">
        <v>16</v>
      </c>
      <c r="EL25" s="71">
        <v>14</v>
      </c>
      <c r="EM25" s="72">
        <v>120</v>
      </c>
      <c r="EN25" s="73">
        <v>174</v>
      </c>
      <c r="EO25" s="70">
        <v>36</v>
      </c>
      <c r="EP25" s="71">
        <v>62</v>
      </c>
      <c r="EQ25" s="72">
        <v>98</v>
      </c>
      <c r="ER25" s="244"/>
      <c r="ES25" s="71">
        <v>84</v>
      </c>
      <c r="ET25" s="71">
        <v>55</v>
      </c>
      <c r="EU25" s="71">
        <v>36</v>
      </c>
      <c r="EV25" s="71">
        <v>47</v>
      </c>
      <c r="EW25" s="71">
        <v>16</v>
      </c>
      <c r="EX25" s="72">
        <v>238</v>
      </c>
      <c r="EY25" s="73">
        <v>336</v>
      </c>
      <c r="EZ25" s="70">
        <v>33</v>
      </c>
      <c r="FA25" s="71">
        <v>75</v>
      </c>
      <c r="FB25" s="72">
        <v>108</v>
      </c>
      <c r="FC25" s="244"/>
      <c r="FD25" s="71">
        <v>108</v>
      </c>
      <c r="FE25" s="71">
        <v>88</v>
      </c>
      <c r="FF25" s="71">
        <v>48</v>
      </c>
      <c r="FG25" s="71">
        <v>46</v>
      </c>
      <c r="FH25" s="71">
        <v>37</v>
      </c>
      <c r="FI25" s="72">
        <v>327</v>
      </c>
      <c r="FJ25" s="73">
        <v>435</v>
      </c>
      <c r="FK25" s="70">
        <v>14</v>
      </c>
      <c r="FL25" s="71">
        <v>45</v>
      </c>
      <c r="FM25" s="72">
        <v>59</v>
      </c>
      <c r="FN25" s="244"/>
      <c r="FO25" s="71">
        <v>96</v>
      </c>
      <c r="FP25" s="71">
        <v>112</v>
      </c>
      <c r="FQ25" s="71">
        <v>81</v>
      </c>
      <c r="FR25" s="71">
        <v>85</v>
      </c>
      <c r="FS25" s="71">
        <v>36</v>
      </c>
      <c r="FT25" s="72">
        <v>410</v>
      </c>
      <c r="FU25" s="73">
        <v>469</v>
      </c>
      <c r="FV25" s="70">
        <v>1</v>
      </c>
      <c r="FW25" s="71">
        <v>2</v>
      </c>
      <c r="FX25" s="72">
        <v>3</v>
      </c>
      <c r="FY25" s="244"/>
      <c r="FZ25" s="71">
        <v>6</v>
      </c>
      <c r="GA25" s="71">
        <v>4</v>
      </c>
      <c r="GB25" s="71">
        <v>5</v>
      </c>
      <c r="GC25" s="71">
        <v>5</v>
      </c>
      <c r="GD25" s="71">
        <v>1</v>
      </c>
      <c r="GE25" s="72">
        <v>21</v>
      </c>
      <c r="GF25" s="73">
        <v>24</v>
      </c>
      <c r="GG25" s="70">
        <v>118</v>
      </c>
      <c r="GH25" s="71">
        <v>235</v>
      </c>
      <c r="GI25" s="72">
        <v>353</v>
      </c>
      <c r="GJ25" s="244"/>
      <c r="GK25" s="71">
        <v>370</v>
      </c>
      <c r="GL25" s="71">
        <v>313</v>
      </c>
      <c r="GM25" s="71">
        <v>195</v>
      </c>
      <c r="GN25" s="71">
        <v>207</v>
      </c>
      <c r="GO25" s="71">
        <v>115</v>
      </c>
      <c r="GP25" s="72">
        <v>1200</v>
      </c>
      <c r="GQ25" s="73">
        <v>1553</v>
      </c>
      <c r="GR25" s="123">
        <v>197</v>
      </c>
      <c r="GS25" s="82">
        <v>291</v>
      </c>
      <c r="GT25" s="83">
        <v>488</v>
      </c>
      <c r="GU25" s="241"/>
      <c r="GV25" s="82">
        <v>564</v>
      </c>
      <c r="GW25" s="82">
        <v>469</v>
      </c>
      <c r="GX25" s="82">
        <v>279</v>
      </c>
      <c r="GY25" s="82">
        <v>277</v>
      </c>
      <c r="GZ25" s="82">
        <v>165</v>
      </c>
      <c r="HA25" s="84">
        <v>1754</v>
      </c>
      <c r="HB25" s="85">
        <v>2242</v>
      </c>
      <c r="HC25" s="70">
        <v>9</v>
      </c>
      <c r="HD25" s="71">
        <v>10</v>
      </c>
      <c r="HE25" s="72">
        <v>19</v>
      </c>
      <c r="HF25" s="244"/>
      <c r="HG25" s="71">
        <v>11</v>
      </c>
      <c r="HH25" s="71">
        <v>13</v>
      </c>
      <c r="HI25" s="71">
        <v>3</v>
      </c>
      <c r="HJ25" s="71">
        <v>5</v>
      </c>
      <c r="HK25" s="71">
        <v>8</v>
      </c>
      <c r="HL25" s="72">
        <v>40</v>
      </c>
      <c r="HM25" s="73">
        <v>59</v>
      </c>
      <c r="HN25" s="70">
        <v>17</v>
      </c>
      <c r="HO25" s="71">
        <v>22</v>
      </c>
      <c r="HP25" s="72">
        <v>39</v>
      </c>
      <c r="HQ25" s="244"/>
      <c r="HR25" s="71">
        <v>46</v>
      </c>
      <c r="HS25" s="71">
        <v>24</v>
      </c>
      <c r="HT25" s="71">
        <v>17</v>
      </c>
      <c r="HU25" s="71">
        <v>16</v>
      </c>
      <c r="HV25" s="71">
        <v>15</v>
      </c>
      <c r="HW25" s="72">
        <v>118</v>
      </c>
      <c r="HX25" s="73">
        <v>157</v>
      </c>
      <c r="HY25" s="70">
        <v>30</v>
      </c>
      <c r="HZ25" s="71">
        <v>40</v>
      </c>
      <c r="IA25" s="72">
        <v>70</v>
      </c>
      <c r="IB25" s="244"/>
      <c r="IC25" s="71">
        <v>81</v>
      </c>
      <c r="ID25" s="71">
        <v>50</v>
      </c>
      <c r="IE25" s="71">
        <v>30</v>
      </c>
      <c r="IF25" s="71">
        <v>21</v>
      </c>
      <c r="IG25" s="71">
        <v>27</v>
      </c>
      <c r="IH25" s="72">
        <v>209</v>
      </c>
      <c r="II25" s="73">
        <v>279</v>
      </c>
      <c r="IJ25" s="70">
        <v>57</v>
      </c>
      <c r="IK25" s="71">
        <v>73</v>
      </c>
      <c r="IL25" s="72">
        <v>130</v>
      </c>
      <c r="IM25" s="244"/>
      <c r="IN25" s="71">
        <v>135</v>
      </c>
      <c r="IO25" s="71">
        <v>105</v>
      </c>
      <c r="IP25" s="71">
        <v>55</v>
      </c>
      <c r="IQ25" s="71">
        <v>67</v>
      </c>
      <c r="IR25" s="71">
        <v>27</v>
      </c>
      <c r="IS25" s="72">
        <v>389</v>
      </c>
      <c r="IT25" s="73">
        <v>519</v>
      </c>
      <c r="IU25" s="70">
        <v>54</v>
      </c>
      <c r="IV25" s="71">
        <v>94</v>
      </c>
      <c r="IW25" s="72">
        <v>148</v>
      </c>
      <c r="IX25" s="244"/>
      <c r="IY25" s="71">
        <v>162</v>
      </c>
      <c r="IZ25" s="71">
        <v>130</v>
      </c>
      <c r="JA25" s="71">
        <v>76</v>
      </c>
      <c r="JB25" s="71">
        <v>66</v>
      </c>
      <c r="JC25" s="71">
        <v>46</v>
      </c>
      <c r="JD25" s="72">
        <v>480</v>
      </c>
      <c r="JE25" s="73">
        <v>628</v>
      </c>
      <c r="JF25" s="70">
        <v>30</v>
      </c>
      <c r="JG25" s="71">
        <v>52</v>
      </c>
      <c r="JH25" s="72">
        <v>82</v>
      </c>
      <c r="JI25" s="244"/>
      <c r="JJ25" s="71">
        <v>129</v>
      </c>
      <c r="JK25" s="71">
        <v>147</v>
      </c>
      <c r="JL25" s="71">
        <v>98</v>
      </c>
      <c r="JM25" s="71">
        <v>102</v>
      </c>
      <c r="JN25" s="71">
        <v>42</v>
      </c>
      <c r="JO25" s="72">
        <v>518</v>
      </c>
      <c r="JP25" s="73">
        <v>600</v>
      </c>
      <c r="JQ25" s="70">
        <v>2</v>
      </c>
      <c r="JR25" s="71">
        <v>7</v>
      </c>
      <c r="JS25" s="72">
        <v>9</v>
      </c>
      <c r="JT25" s="244"/>
      <c r="JU25" s="71">
        <v>13</v>
      </c>
      <c r="JV25" s="71">
        <v>9</v>
      </c>
      <c r="JW25" s="71">
        <v>7</v>
      </c>
      <c r="JX25" s="71">
        <v>8</v>
      </c>
      <c r="JY25" s="71">
        <v>3</v>
      </c>
      <c r="JZ25" s="72">
        <v>40</v>
      </c>
      <c r="KA25" s="73">
        <v>49</v>
      </c>
      <c r="KB25" s="70">
        <v>199</v>
      </c>
      <c r="KC25" s="71">
        <v>298</v>
      </c>
      <c r="KD25" s="72">
        <v>497</v>
      </c>
      <c r="KE25" s="244"/>
      <c r="KF25" s="71">
        <v>577</v>
      </c>
      <c r="KG25" s="71">
        <v>478</v>
      </c>
      <c r="KH25" s="71">
        <v>286</v>
      </c>
      <c r="KI25" s="71">
        <v>285</v>
      </c>
      <c r="KJ25" s="71">
        <v>168</v>
      </c>
      <c r="KK25" s="72">
        <v>1794</v>
      </c>
      <c r="KL25" s="73">
        <v>2291</v>
      </c>
    </row>
    <row r="26" spans="1:298" ht="19.5" customHeight="1" x14ac:dyDescent="0.2">
      <c r="A26" s="126" t="s">
        <v>23</v>
      </c>
      <c r="B26" s="316">
        <v>172</v>
      </c>
      <c r="C26" s="82">
        <v>164</v>
      </c>
      <c r="D26" s="83">
        <v>336</v>
      </c>
      <c r="E26" s="241"/>
      <c r="F26" s="82">
        <v>306</v>
      </c>
      <c r="G26" s="82">
        <v>266</v>
      </c>
      <c r="H26" s="82">
        <v>185</v>
      </c>
      <c r="I26" s="82">
        <v>165</v>
      </c>
      <c r="J26" s="82">
        <v>84</v>
      </c>
      <c r="K26" s="84">
        <v>1006</v>
      </c>
      <c r="L26" s="85">
        <v>1342</v>
      </c>
      <c r="M26" s="70">
        <v>11</v>
      </c>
      <c r="N26" s="71">
        <v>12</v>
      </c>
      <c r="O26" s="72">
        <v>23</v>
      </c>
      <c r="P26" s="241"/>
      <c r="Q26" s="71">
        <v>11</v>
      </c>
      <c r="R26" s="71">
        <v>12</v>
      </c>
      <c r="S26" s="71">
        <v>6</v>
      </c>
      <c r="T26" s="71">
        <v>10</v>
      </c>
      <c r="U26" s="71">
        <v>3</v>
      </c>
      <c r="V26" s="72">
        <v>42</v>
      </c>
      <c r="W26" s="73">
        <v>65</v>
      </c>
      <c r="X26" s="70">
        <v>28</v>
      </c>
      <c r="Y26" s="71">
        <v>16</v>
      </c>
      <c r="Z26" s="72">
        <v>44</v>
      </c>
      <c r="AA26" s="241"/>
      <c r="AB26" s="71">
        <v>34</v>
      </c>
      <c r="AC26" s="71">
        <v>37</v>
      </c>
      <c r="AD26" s="71">
        <v>19</v>
      </c>
      <c r="AE26" s="71">
        <v>23</v>
      </c>
      <c r="AF26" s="71">
        <v>13</v>
      </c>
      <c r="AG26" s="72">
        <v>126</v>
      </c>
      <c r="AH26" s="73">
        <v>170</v>
      </c>
      <c r="AI26" s="70">
        <v>36</v>
      </c>
      <c r="AJ26" s="71">
        <v>38</v>
      </c>
      <c r="AK26" s="72">
        <v>74</v>
      </c>
      <c r="AL26" s="241"/>
      <c r="AM26" s="71">
        <v>68</v>
      </c>
      <c r="AN26" s="71">
        <v>53</v>
      </c>
      <c r="AO26" s="71">
        <v>21</v>
      </c>
      <c r="AP26" s="71">
        <v>23</v>
      </c>
      <c r="AQ26" s="71">
        <v>23</v>
      </c>
      <c r="AR26" s="72">
        <v>188</v>
      </c>
      <c r="AS26" s="73">
        <v>262</v>
      </c>
      <c r="AT26" s="70">
        <v>46</v>
      </c>
      <c r="AU26" s="71">
        <v>43</v>
      </c>
      <c r="AV26" s="72">
        <v>89</v>
      </c>
      <c r="AW26" s="241"/>
      <c r="AX26" s="71">
        <v>87</v>
      </c>
      <c r="AY26" s="71">
        <v>73</v>
      </c>
      <c r="AZ26" s="71">
        <v>56</v>
      </c>
      <c r="BA26" s="71">
        <v>40</v>
      </c>
      <c r="BB26" s="71">
        <v>19</v>
      </c>
      <c r="BC26" s="72">
        <v>275</v>
      </c>
      <c r="BD26" s="73">
        <v>364</v>
      </c>
      <c r="BE26" s="70">
        <v>42</v>
      </c>
      <c r="BF26" s="71">
        <v>37</v>
      </c>
      <c r="BG26" s="72">
        <v>79</v>
      </c>
      <c r="BH26" s="244"/>
      <c r="BI26" s="71">
        <v>83</v>
      </c>
      <c r="BJ26" s="71">
        <v>57</v>
      </c>
      <c r="BK26" s="71">
        <v>54</v>
      </c>
      <c r="BL26" s="71">
        <v>39</v>
      </c>
      <c r="BM26" s="71">
        <v>13</v>
      </c>
      <c r="BN26" s="72">
        <v>246</v>
      </c>
      <c r="BO26" s="73">
        <v>325</v>
      </c>
      <c r="BP26" s="70">
        <v>9</v>
      </c>
      <c r="BQ26" s="71">
        <v>18</v>
      </c>
      <c r="BR26" s="72">
        <v>27</v>
      </c>
      <c r="BS26" s="244"/>
      <c r="BT26" s="71">
        <v>23</v>
      </c>
      <c r="BU26" s="71">
        <v>34</v>
      </c>
      <c r="BV26" s="71">
        <v>29</v>
      </c>
      <c r="BW26" s="71">
        <v>30</v>
      </c>
      <c r="BX26" s="71">
        <v>13</v>
      </c>
      <c r="BY26" s="72">
        <v>129</v>
      </c>
      <c r="BZ26" s="73">
        <v>156</v>
      </c>
      <c r="CA26" s="70">
        <v>6</v>
      </c>
      <c r="CB26" s="71">
        <v>7</v>
      </c>
      <c r="CC26" s="72">
        <v>13</v>
      </c>
      <c r="CD26" s="244"/>
      <c r="CE26" s="71">
        <v>6</v>
      </c>
      <c r="CF26" s="71">
        <v>11</v>
      </c>
      <c r="CG26" s="71">
        <v>5</v>
      </c>
      <c r="CH26" s="71">
        <v>9</v>
      </c>
      <c r="CI26" s="71">
        <v>6</v>
      </c>
      <c r="CJ26" s="72">
        <v>37</v>
      </c>
      <c r="CK26" s="73">
        <v>50</v>
      </c>
      <c r="CL26" s="70">
        <v>178</v>
      </c>
      <c r="CM26" s="71">
        <v>171</v>
      </c>
      <c r="CN26" s="72">
        <v>349</v>
      </c>
      <c r="CO26" s="244"/>
      <c r="CP26" s="71">
        <v>312</v>
      </c>
      <c r="CQ26" s="71">
        <v>277</v>
      </c>
      <c r="CR26" s="71">
        <v>190</v>
      </c>
      <c r="CS26" s="71">
        <v>174</v>
      </c>
      <c r="CT26" s="71">
        <v>90</v>
      </c>
      <c r="CU26" s="72">
        <v>1043</v>
      </c>
      <c r="CV26" s="73">
        <v>1392</v>
      </c>
      <c r="CW26" s="123">
        <v>319</v>
      </c>
      <c r="CX26" s="82">
        <v>380</v>
      </c>
      <c r="CY26" s="83">
        <v>699</v>
      </c>
      <c r="CZ26" s="241"/>
      <c r="DA26" s="82">
        <v>516</v>
      </c>
      <c r="DB26" s="82">
        <v>438</v>
      </c>
      <c r="DC26" s="82">
        <v>281</v>
      </c>
      <c r="DD26" s="82">
        <v>333</v>
      </c>
      <c r="DE26" s="82">
        <v>210</v>
      </c>
      <c r="DF26" s="84">
        <v>1778</v>
      </c>
      <c r="DG26" s="85">
        <v>2477</v>
      </c>
      <c r="DH26" s="70">
        <v>6</v>
      </c>
      <c r="DI26" s="71">
        <v>19</v>
      </c>
      <c r="DJ26" s="72">
        <v>25</v>
      </c>
      <c r="DK26" s="244"/>
      <c r="DL26" s="71">
        <v>11</v>
      </c>
      <c r="DM26" s="71">
        <v>12</v>
      </c>
      <c r="DN26" s="71">
        <v>7</v>
      </c>
      <c r="DO26" s="71">
        <v>7</v>
      </c>
      <c r="DP26" s="71">
        <v>1</v>
      </c>
      <c r="DQ26" s="72">
        <v>38</v>
      </c>
      <c r="DR26" s="73">
        <v>63</v>
      </c>
      <c r="DS26" s="70">
        <v>24</v>
      </c>
      <c r="DT26" s="71">
        <v>31</v>
      </c>
      <c r="DU26" s="72">
        <v>55</v>
      </c>
      <c r="DV26" s="244"/>
      <c r="DW26" s="71">
        <v>33</v>
      </c>
      <c r="DX26" s="71">
        <v>37</v>
      </c>
      <c r="DY26" s="71">
        <v>19</v>
      </c>
      <c r="DZ26" s="71">
        <v>30</v>
      </c>
      <c r="EA26" s="71">
        <v>14</v>
      </c>
      <c r="EB26" s="72">
        <v>133</v>
      </c>
      <c r="EC26" s="73">
        <v>188</v>
      </c>
      <c r="ED26" s="70">
        <v>56</v>
      </c>
      <c r="EE26" s="71">
        <v>77</v>
      </c>
      <c r="EF26" s="72">
        <v>133</v>
      </c>
      <c r="EG26" s="244"/>
      <c r="EH26" s="71">
        <v>89</v>
      </c>
      <c r="EI26" s="71">
        <v>58</v>
      </c>
      <c r="EJ26" s="71">
        <v>34</v>
      </c>
      <c r="EK26" s="71">
        <v>35</v>
      </c>
      <c r="EL26" s="71">
        <v>34</v>
      </c>
      <c r="EM26" s="72">
        <v>250</v>
      </c>
      <c r="EN26" s="73">
        <v>383</v>
      </c>
      <c r="EO26" s="70">
        <v>129</v>
      </c>
      <c r="EP26" s="71">
        <v>111</v>
      </c>
      <c r="EQ26" s="72">
        <v>240</v>
      </c>
      <c r="ER26" s="244"/>
      <c r="ES26" s="71">
        <v>136</v>
      </c>
      <c r="ET26" s="71">
        <v>102</v>
      </c>
      <c r="EU26" s="71">
        <v>62</v>
      </c>
      <c r="EV26" s="71">
        <v>70</v>
      </c>
      <c r="EW26" s="71">
        <v>51</v>
      </c>
      <c r="EX26" s="72">
        <v>421</v>
      </c>
      <c r="EY26" s="73">
        <v>661</v>
      </c>
      <c r="EZ26" s="70">
        <v>78</v>
      </c>
      <c r="FA26" s="71">
        <v>97</v>
      </c>
      <c r="FB26" s="72">
        <v>175</v>
      </c>
      <c r="FC26" s="244"/>
      <c r="FD26" s="71">
        <v>143</v>
      </c>
      <c r="FE26" s="71">
        <v>124</v>
      </c>
      <c r="FF26" s="71">
        <v>77</v>
      </c>
      <c r="FG26" s="71">
        <v>72</v>
      </c>
      <c r="FH26" s="71">
        <v>49</v>
      </c>
      <c r="FI26" s="72">
        <v>465</v>
      </c>
      <c r="FJ26" s="73">
        <v>640</v>
      </c>
      <c r="FK26" s="70">
        <v>26</v>
      </c>
      <c r="FL26" s="71">
        <v>45</v>
      </c>
      <c r="FM26" s="72">
        <v>71</v>
      </c>
      <c r="FN26" s="244"/>
      <c r="FO26" s="71">
        <v>104</v>
      </c>
      <c r="FP26" s="71">
        <v>105</v>
      </c>
      <c r="FQ26" s="71">
        <v>82</v>
      </c>
      <c r="FR26" s="71">
        <v>119</v>
      </c>
      <c r="FS26" s="71">
        <v>61</v>
      </c>
      <c r="FT26" s="72">
        <v>471</v>
      </c>
      <c r="FU26" s="73">
        <v>542</v>
      </c>
      <c r="FV26" s="70">
        <v>6</v>
      </c>
      <c r="FW26" s="71">
        <v>8</v>
      </c>
      <c r="FX26" s="72">
        <v>14</v>
      </c>
      <c r="FY26" s="244"/>
      <c r="FZ26" s="71">
        <v>5</v>
      </c>
      <c r="GA26" s="71">
        <v>8</v>
      </c>
      <c r="GB26" s="71">
        <v>2</v>
      </c>
      <c r="GC26" s="71">
        <v>3</v>
      </c>
      <c r="GD26" s="71">
        <v>7</v>
      </c>
      <c r="GE26" s="72">
        <v>25</v>
      </c>
      <c r="GF26" s="73">
        <v>39</v>
      </c>
      <c r="GG26" s="70">
        <v>325</v>
      </c>
      <c r="GH26" s="71">
        <v>388</v>
      </c>
      <c r="GI26" s="72">
        <v>713</v>
      </c>
      <c r="GJ26" s="244"/>
      <c r="GK26" s="71">
        <v>521</v>
      </c>
      <c r="GL26" s="71">
        <v>446</v>
      </c>
      <c r="GM26" s="71">
        <v>283</v>
      </c>
      <c r="GN26" s="71">
        <v>336</v>
      </c>
      <c r="GO26" s="71">
        <v>217</v>
      </c>
      <c r="GP26" s="72">
        <v>1803</v>
      </c>
      <c r="GQ26" s="73">
        <v>2516</v>
      </c>
      <c r="GR26" s="123">
        <v>491</v>
      </c>
      <c r="GS26" s="82">
        <v>544</v>
      </c>
      <c r="GT26" s="83">
        <v>1035</v>
      </c>
      <c r="GU26" s="241"/>
      <c r="GV26" s="82">
        <v>822</v>
      </c>
      <c r="GW26" s="82">
        <v>704</v>
      </c>
      <c r="GX26" s="82">
        <v>466</v>
      </c>
      <c r="GY26" s="82">
        <v>498</v>
      </c>
      <c r="GZ26" s="82">
        <v>294</v>
      </c>
      <c r="HA26" s="84">
        <v>2784</v>
      </c>
      <c r="HB26" s="85">
        <v>3819</v>
      </c>
      <c r="HC26" s="70">
        <v>17</v>
      </c>
      <c r="HD26" s="71">
        <v>31</v>
      </c>
      <c r="HE26" s="72">
        <v>48</v>
      </c>
      <c r="HF26" s="244"/>
      <c r="HG26" s="71">
        <v>22</v>
      </c>
      <c r="HH26" s="71">
        <v>24</v>
      </c>
      <c r="HI26" s="71">
        <v>13</v>
      </c>
      <c r="HJ26" s="71">
        <v>17</v>
      </c>
      <c r="HK26" s="71">
        <v>4</v>
      </c>
      <c r="HL26" s="72">
        <v>80</v>
      </c>
      <c r="HM26" s="73">
        <v>128</v>
      </c>
      <c r="HN26" s="70">
        <v>52</v>
      </c>
      <c r="HO26" s="71">
        <v>47</v>
      </c>
      <c r="HP26" s="72">
        <v>99</v>
      </c>
      <c r="HQ26" s="244"/>
      <c r="HR26" s="71">
        <v>67</v>
      </c>
      <c r="HS26" s="71">
        <v>74</v>
      </c>
      <c r="HT26" s="71">
        <v>38</v>
      </c>
      <c r="HU26" s="71">
        <v>53</v>
      </c>
      <c r="HV26" s="71">
        <v>27</v>
      </c>
      <c r="HW26" s="72">
        <v>259</v>
      </c>
      <c r="HX26" s="73">
        <v>358</v>
      </c>
      <c r="HY26" s="70">
        <v>92</v>
      </c>
      <c r="HZ26" s="71">
        <v>115</v>
      </c>
      <c r="IA26" s="72">
        <v>207</v>
      </c>
      <c r="IB26" s="244"/>
      <c r="IC26" s="71">
        <v>157</v>
      </c>
      <c r="ID26" s="71">
        <v>111</v>
      </c>
      <c r="IE26" s="71">
        <v>55</v>
      </c>
      <c r="IF26" s="71">
        <v>58</v>
      </c>
      <c r="IG26" s="71">
        <v>57</v>
      </c>
      <c r="IH26" s="72">
        <v>438</v>
      </c>
      <c r="II26" s="73">
        <v>645</v>
      </c>
      <c r="IJ26" s="70">
        <v>175</v>
      </c>
      <c r="IK26" s="71">
        <v>154</v>
      </c>
      <c r="IL26" s="72">
        <v>329</v>
      </c>
      <c r="IM26" s="244"/>
      <c r="IN26" s="71">
        <v>223</v>
      </c>
      <c r="IO26" s="71">
        <v>175</v>
      </c>
      <c r="IP26" s="71">
        <v>118</v>
      </c>
      <c r="IQ26" s="71">
        <v>110</v>
      </c>
      <c r="IR26" s="71">
        <v>70</v>
      </c>
      <c r="IS26" s="72">
        <v>696</v>
      </c>
      <c r="IT26" s="73">
        <v>1025</v>
      </c>
      <c r="IU26" s="70">
        <v>120</v>
      </c>
      <c r="IV26" s="71">
        <v>134</v>
      </c>
      <c r="IW26" s="72">
        <v>254</v>
      </c>
      <c r="IX26" s="244"/>
      <c r="IY26" s="71">
        <v>226</v>
      </c>
      <c r="IZ26" s="71">
        <v>181</v>
      </c>
      <c r="JA26" s="71">
        <v>131</v>
      </c>
      <c r="JB26" s="71">
        <v>111</v>
      </c>
      <c r="JC26" s="71">
        <v>62</v>
      </c>
      <c r="JD26" s="72">
        <v>711</v>
      </c>
      <c r="JE26" s="73">
        <v>965</v>
      </c>
      <c r="JF26" s="70">
        <v>35</v>
      </c>
      <c r="JG26" s="71">
        <v>63</v>
      </c>
      <c r="JH26" s="72">
        <v>98</v>
      </c>
      <c r="JI26" s="244"/>
      <c r="JJ26" s="71">
        <v>127</v>
      </c>
      <c r="JK26" s="71">
        <v>139</v>
      </c>
      <c r="JL26" s="71">
        <v>111</v>
      </c>
      <c r="JM26" s="71">
        <v>149</v>
      </c>
      <c r="JN26" s="71">
        <v>74</v>
      </c>
      <c r="JO26" s="72">
        <v>600</v>
      </c>
      <c r="JP26" s="73">
        <v>698</v>
      </c>
      <c r="JQ26" s="70">
        <v>12</v>
      </c>
      <c r="JR26" s="71">
        <v>15</v>
      </c>
      <c r="JS26" s="72">
        <v>27</v>
      </c>
      <c r="JT26" s="244"/>
      <c r="JU26" s="71">
        <v>11</v>
      </c>
      <c r="JV26" s="71">
        <v>19</v>
      </c>
      <c r="JW26" s="71">
        <v>7</v>
      </c>
      <c r="JX26" s="71">
        <v>12</v>
      </c>
      <c r="JY26" s="71">
        <v>13</v>
      </c>
      <c r="JZ26" s="72">
        <v>62</v>
      </c>
      <c r="KA26" s="73">
        <v>89</v>
      </c>
      <c r="KB26" s="70">
        <v>503</v>
      </c>
      <c r="KC26" s="71">
        <v>559</v>
      </c>
      <c r="KD26" s="72">
        <v>1062</v>
      </c>
      <c r="KE26" s="244"/>
      <c r="KF26" s="71">
        <v>833</v>
      </c>
      <c r="KG26" s="71">
        <v>723</v>
      </c>
      <c r="KH26" s="71">
        <v>473</v>
      </c>
      <c r="KI26" s="71">
        <v>510</v>
      </c>
      <c r="KJ26" s="71">
        <v>307</v>
      </c>
      <c r="KK26" s="72">
        <v>2846</v>
      </c>
      <c r="KL26" s="73">
        <v>3908</v>
      </c>
    </row>
    <row r="27" spans="1:298" ht="19.5" customHeight="1" x14ac:dyDescent="0.2">
      <c r="A27" s="126" t="s">
        <v>24</v>
      </c>
      <c r="B27" s="316">
        <v>103</v>
      </c>
      <c r="C27" s="82">
        <v>71</v>
      </c>
      <c r="D27" s="83">
        <v>174</v>
      </c>
      <c r="E27" s="241"/>
      <c r="F27" s="82">
        <v>158</v>
      </c>
      <c r="G27" s="82">
        <v>87</v>
      </c>
      <c r="H27" s="82">
        <v>68</v>
      </c>
      <c r="I27" s="82">
        <v>65</v>
      </c>
      <c r="J27" s="82">
        <v>51</v>
      </c>
      <c r="K27" s="84">
        <v>429</v>
      </c>
      <c r="L27" s="85">
        <v>603</v>
      </c>
      <c r="M27" s="70">
        <v>2</v>
      </c>
      <c r="N27" s="71">
        <v>1</v>
      </c>
      <c r="O27" s="72">
        <v>3</v>
      </c>
      <c r="P27" s="241"/>
      <c r="Q27" s="71">
        <v>8</v>
      </c>
      <c r="R27" s="71">
        <v>3</v>
      </c>
      <c r="S27" s="71">
        <v>4</v>
      </c>
      <c r="T27" s="71">
        <v>1</v>
      </c>
      <c r="U27" s="71">
        <v>4</v>
      </c>
      <c r="V27" s="72">
        <v>20</v>
      </c>
      <c r="W27" s="73">
        <v>23</v>
      </c>
      <c r="X27" s="70">
        <v>7</v>
      </c>
      <c r="Y27" s="71">
        <v>5</v>
      </c>
      <c r="Z27" s="72">
        <v>12</v>
      </c>
      <c r="AA27" s="241"/>
      <c r="AB27" s="71">
        <v>13</v>
      </c>
      <c r="AC27" s="71">
        <v>9</v>
      </c>
      <c r="AD27" s="71">
        <v>6</v>
      </c>
      <c r="AE27" s="71">
        <v>4</v>
      </c>
      <c r="AF27" s="71">
        <v>6</v>
      </c>
      <c r="AG27" s="72">
        <v>38</v>
      </c>
      <c r="AH27" s="73">
        <v>50</v>
      </c>
      <c r="AI27" s="70">
        <v>12</v>
      </c>
      <c r="AJ27" s="71">
        <v>10</v>
      </c>
      <c r="AK27" s="72">
        <v>22</v>
      </c>
      <c r="AL27" s="241"/>
      <c r="AM27" s="71">
        <v>22</v>
      </c>
      <c r="AN27" s="71">
        <v>11</v>
      </c>
      <c r="AO27" s="71">
        <v>9</v>
      </c>
      <c r="AP27" s="71">
        <v>8</v>
      </c>
      <c r="AQ27" s="71">
        <v>7</v>
      </c>
      <c r="AR27" s="72">
        <v>57</v>
      </c>
      <c r="AS27" s="73">
        <v>79</v>
      </c>
      <c r="AT27" s="70">
        <v>20</v>
      </c>
      <c r="AU27" s="71">
        <v>18</v>
      </c>
      <c r="AV27" s="72">
        <v>38</v>
      </c>
      <c r="AW27" s="241"/>
      <c r="AX27" s="71">
        <v>36</v>
      </c>
      <c r="AY27" s="71">
        <v>18</v>
      </c>
      <c r="AZ27" s="71">
        <v>10</v>
      </c>
      <c r="BA27" s="71">
        <v>13</v>
      </c>
      <c r="BB27" s="71">
        <v>14</v>
      </c>
      <c r="BC27" s="72">
        <v>91</v>
      </c>
      <c r="BD27" s="73">
        <v>129</v>
      </c>
      <c r="BE27" s="70">
        <v>36</v>
      </c>
      <c r="BF27" s="71">
        <v>19</v>
      </c>
      <c r="BG27" s="72">
        <v>55</v>
      </c>
      <c r="BH27" s="244"/>
      <c r="BI27" s="71">
        <v>43</v>
      </c>
      <c r="BJ27" s="71">
        <v>30</v>
      </c>
      <c r="BK27" s="71">
        <v>17</v>
      </c>
      <c r="BL27" s="71">
        <v>21</v>
      </c>
      <c r="BM27" s="71">
        <v>13</v>
      </c>
      <c r="BN27" s="72">
        <v>124</v>
      </c>
      <c r="BO27" s="73">
        <v>179</v>
      </c>
      <c r="BP27" s="70">
        <v>26</v>
      </c>
      <c r="BQ27" s="71">
        <v>18</v>
      </c>
      <c r="BR27" s="72">
        <v>44</v>
      </c>
      <c r="BS27" s="244"/>
      <c r="BT27" s="71">
        <v>36</v>
      </c>
      <c r="BU27" s="71">
        <v>16</v>
      </c>
      <c r="BV27" s="71">
        <v>22</v>
      </c>
      <c r="BW27" s="71">
        <v>18</v>
      </c>
      <c r="BX27" s="71">
        <v>7</v>
      </c>
      <c r="BY27" s="72">
        <v>99</v>
      </c>
      <c r="BZ27" s="73">
        <v>143</v>
      </c>
      <c r="CA27" s="70">
        <v>6</v>
      </c>
      <c r="CB27" s="71">
        <v>5</v>
      </c>
      <c r="CC27" s="72">
        <v>11</v>
      </c>
      <c r="CD27" s="244"/>
      <c r="CE27" s="71">
        <v>2</v>
      </c>
      <c r="CF27" s="71">
        <v>4</v>
      </c>
      <c r="CG27" s="71">
        <v>0</v>
      </c>
      <c r="CH27" s="71">
        <v>2</v>
      </c>
      <c r="CI27" s="71">
        <v>1</v>
      </c>
      <c r="CJ27" s="72">
        <v>9</v>
      </c>
      <c r="CK27" s="73">
        <v>20</v>
      </c>
      <c r="CL27" s="70">
        <v>109</v>
      </c>
      <c r="CM27" s="71">
        <v>76</v>
      </c>
      <c r="CN27" s="72">
        <v>185</v>
      </c>
      <c r="CO27" s="244"/>
      <c r="CP27" s="71">
        <v>160</v>
      </c>
      <c r="CQ27" s="71">
        <v>91</v>
      </c>
      <c r="CR27" s="71">
        <v>68</v>
      </c>
      <c r="CS27" s="71">
        <v>67</v>
      </c>
      <c r="CT27" s="71">
        <v>52</v>
      </c>
      <c r="CU27" s="72">
        <v>438</v>
      </c>
      <c r="CV27" s="73">
        <v>623</v>
      </c>
      <c r="CW27" s="123">
        <v>220</v>
      </c>
      <c r="CX27" s="82">
        <v>150</v>
      </c>
      <c r="CY27" s="83">
        <v>370</v>
      </c>
      <c r="CZ27" s="241"/>
      <c r="DA27" s="82">
        <v>287</v>
      </c>
      <c r="DB27" s="82">
        <v>175</v>
      </c>
      <c r="DC27" s="82">
        <v>166</v>
      </c>
      <c r="DD27" s="82">
        <v>166</v>
      </c>
      <c r="DE27" s="82">
        <v>117</v>
      </c>
      <c r="DF27" s="84">
        <v>911</v>
      </c>
      <c r="DG27" s="85">
        <v>1281</v>
      </c>
      <c r="DH27" s="70">
        <v>6</v>
      </c>
      <c r="DI27" s="71">
        <v>2</v>
      </c>
      <c r="DJ27" s="72">
        <v>8</v>
      </c>
      <c r="DK27" s="244"/>
      <c r="DL27" s="71">
        <v>2</v>
      </c>
      <c r="DM27" s="71">
        <v>3</v>
      </c>
      <c r="DN27" s="71">
        <v>4</v>
      </c>
      <c r="DO27" s="71">
        <v>0</v>
      </c>
      <c r="DP27" s="71">
        <v>3</v>
      </c>
      <c r="DQ27" s="72">
        <v>12</v>
      </c>
      <c r="DR27" s="73">
        <v>20</v>
      </c>
      <c r="DS27" s="70">
        <v>15</v>
      </c>
      <c r="DT27" s="71">
        <v>6</v>
      </c>
      <c r="DU27" s="72">
        <v>21</v>
      </c>
      <c r="DV27" s="244"/>
      <c r="DW27" s="71">
        <v>8</v>
      </c>
      <c r="DX27" s="71">
        <v>6</v>
      </c>
      <c r="DY27" s="71">
        <v>6</v>
      </c>
      <c r="DZ27" s="71">
        <v>6</v>
      </c>
      <c r="EA27" s="71">
        <v>2</v>
      </c>
      <c r="EB27" s="72">
        <v>28</v>
      </c>
      <c r="EC27" s="73">
        <v>49</v>
      </c>
      <c r="ED27" s="70">
        <v>27</v>
      </c>
      <c r="EE27" s="71">
        <v>21</v>
      </c>
      <c r="EF27" s="72">
        <v>48</v>
      </c>
      <c r="EG27" s="244"/>
      <c r="EH27" s="71">
        <v>30</v>
      </c>
      <c r="EI27" s="71">
        <v>20</v>
      </c>
      <c r="EJ27" s="71">
        <v>10</v>
      </c>
      <c r="EK27" s="71">
        <v>9</v>
      </c>
      <c r="EL27" s="71">
        <v>4</v>
      </c>
      <c r="EM27" s="72">
        <v>73</v>
      </c>
      <c r="EN27" s="73">
        <v>121</v>
      </c>
      <c r="EO27" s="70">
        <v>62</v>
      </c>
      <c r="EP27" s="71">
        <v>31</v>
      </c>
      <c r="EQ27" s="72">
        <v>93</v>
      </c>
      <c r="ER27" s="244"/>
      <c r="ES27" s="71">
        <v>77</v>
      </c>
      <c r="ET27" s="71">
        <v>31</v>
      </c>
      <c r="EU27" s="71">
        <v>21</v>
      </c>
      <c r="EV27" s="71">
        <v>24</v>
      </c>
      <c r="EW27" s="71">
        <v>22</v>
      </c>
      <c r="EX27" s="72">
        <v>175</v>
      </c>
      <c r="EY27" s="73">
        <v>268</v>
      </c>
      <c r="EZ27" s="70">
        <v>61</v>
      </c>
      <c r="FA27" s="71">
        <v>57</v>
      </c>
      <c r="FB27" s="72">
        <v>118</v>
      </c>
      <c r="FC27" s="244"/>
      <c r="FD27" s="71">
        <v>81</v>
      </c>
      <c r="FE27" s="71">
        <v>53</v>
      </c>
      <c r="FF27" s="71">
        <v>51</v>
      </c>
      <c r="FG27" s="71">
        <v>38</v>
      </c>
      <c r="FH27" s="71">
        <v>25</v>
      </c>
      <c r="FI27" s="72">
        <v>248</v>
      </c>
      <c r="FJ27" s="73">
        <v>366</v>
      </c>
      <c r="FK27" s="70">
        <v>49</v>
      </c>
      <c r="FL27" s="71">
        <v>33</v>
      </c>
      <c r="FM27" s="72">
        <v>82</v>
      </c>
      <c r="FN27" s="244"/>
      <c r="FO27" s="71">
        <v>89</v>
      </c>
      <c r="FP27" s="71">
        <v>62</v>
      </c>
      <c r="FQ27" s="71">
        <v>74</v>
      </c>
      <c r="FR27" s="71">
        <v>89</v>
      </c>
      <c r="FS27" s="71">
        <v>61</v>
      </c>
      <c r="FT27" s="72">
        <v>375</v>
      </c>
      <c r="FU27" s="73">
        <v>457</v>
      </c>
      <c r="FV27" s="70">
        <v>3</v>
      </c>
      <c r="FW27" s="71">
        <v>1</v>
      </c>
      <c r="FX27" s="72">
        <v>4</v>
      </c>
      <c r="FY27" s="244"/>
      <c r="FZ27" s="71">
        <v>2</v>
      </c>
      <c r="GA27" s="71">
        <v>5</v>
      </c>
      <c r="GB27" s="71">
        <v>2</v>
      </c>
      <c r="GC27" s="71">
        <v>1</v>
      </c>
      <c r="GD27" s="71">
        <v>1</v>
      </c>
      <c r="GE27" s="72">
        <v>11</v>
      </c>
      <c r="GF27" s="73">
        <v>15</v>
      </c>
      <c r="GG27" s="70">
        <v>223</v>
      </c>
      <c r="GH27" s="71">
        <v>151</v>
      </c>
      <c r="GI27" s="72">
        <v>374</v>
      </c>
      <c r="GJ27" s="244"/>
      <c r="GK27" s="71">
        <v>289</v>
      </c>
      <c r="GL27" s="71">
        <v>180</v>
      </c>
      <c r="GM27" s="71">
        <v>168</v>
      </c>
      <c r="GN27" s="71">
        <v>167</v>
      </c>
      <c r="GO27" s="71">
        <v>118</v>
      </c>
      <c r="GP27" s="72">
        <v>922</v>
      </c>
      <c r="GQ27" s="73">
        <v>1296</v>
      </c>
      <c r="GR27" s="123">
        <v>323</v>
      </c>
      <c r="GS27" s="82">
        <v>221</v>
      </c>
      <c r="GT27" s="83">
        <v>544</v>
      </c>
      <c r="GU27" s="241"/>
      <c r="GV27" s="82">
        <v>445</v>
      </c>
      <c r="GW27" s="82">
        <v>262</v>
      </c>
      <c r="GX27" s="82">
        <v>234</v>
      </c>
      <c r="GY27" s="82">
        <v>231</v>
      </c>
      <c r="GZ27" s="82">
        <v>168</v>
      </c>
      <c r="HA27" s="84">
        <v>1340</v>
      </c>
      <c r="HB27" s="85">
        <v>1884</v>
      </c>
      <c r="HC27" s="70">
        <v>8</v>
      </c>
      <c r="HD27" s="71">
        <v>3</v>
      </c>
      <c r="HE27" s="72">
        <v>11</v>
      </c>
      <c r="HF27" s="244"/>
      <c r="HG27" s="71">
        <v>10</v>
      </c>
      <c r="HH27" s="71">
        <v>6</v>
      </c>
      <c r="HI27" s="71">
        <v>8</v>
      </c>
      <c r="HJ27" s="71">
        <v>1</v>
      </c>
      <c r="HK27" s="71">
        <v>7</v>
      </c>
      <c r="HL27" s="72">
        <v>32</v>
      </c>
      <c r="HM27" s="73">
        <v>43</v>
      </c>
      <c r="HN27" s="70">
        <v>22</v>
      </c>
      <c r="HO27" s="71">
        <v>11</v>
      </c>
      <c r="HP27" s="72">
        <v>33</v>
      </c>
      <c r="HQ27" s="244"/>
      <c r="HR27" s="71">
        <v>21</v>
      </c>
      <c r="HS27" s="71">
        <v>15</v>
      </c>
      <c r="HT27" s="71">
        <v>12</v>
      </c>
      <c r="HU27" s="71">
        <v>10</v>
      </c>
      <c r="HV27" s="71">
        <v>8</v>
      </c>
      <c r="HW27" s="72">
        <v>66</v>
      </c>
      <c r="HX27" s="73">
        <v>99</v>
      </c>
      <c r="HY27" s="70">
        <v>39</v>
      </c>
      <c r="HZ27" s="71">
        <v>31</v>
      </c>
      <c r="IA27" s="72">
        <v>70</v>
      </c>
      <c r="IB27" s="244"/>
      <c r="IC27" s="71">
        <v>52</v>
      </c>
      <c r="ID27" s="71">
        <v>31</v>
      </c>
      <c r="IE27" s="71">
        <v>19</v>
      </c>
      <c r="IF27" s="71">
        <v>17</v>
      </c>
      <c r="IG27" s="71">
        <v>11</v>
      </c>
      <c r="IH27" s="72">
        <v>130</v>
      </c>
      <c r="II27" s="73">
        <v>200</v>
      </c>
      <c r="IJ27" s="70">
        <v>82</v>
      </c>
      <c r="IK27" s="71">
        <v>49</v>
      </c>
      <c r="IL27" s="72">
        <v>131</v>
      </c>
      <c r="IM27" s="244"/>
      <c r="IN27" s="71">
        <v>113</v>
      </c>
      <c r="IO27" s="71">
        <v>49</v>
      </c>
      <c r="IP27" s="71">
        <v>31</v>
      </c>
      <c r="IQ27" s="71">
        <v>37</v>
      </c>
      <c r="IR27" s="71">
        <v>36</v>
      </c>
      <c r="IS27" s="72">
        <v>266</v>
      </c>
      <c r="IT27" s="73">
        <v>397</v>
      </c>
      <c r="IU27" s="70">
        <v>97</v>
      </c>
      <c r="IV27" s="71">
        <v>76</v>
      </c>
      <c r="IW27" s="72">
        <v>173</v>
      </c>
      <c r="IX27" s="244"/>
      <c r="IY27" s="71">
        <v>124</v>
      </c>
      <c r="IZ27" s="71">
        <v>83</v>
      </c>
      <c r="JA27" s="71">
        <v>68</v>
      </c>
      <c r="JB27" s="71">
        <v>59</v>
      </c>
      <c r="JC27" s="71">
        <v>38</v>
      </c>
      <c r="JD27" s="72">
        <v>372</v>
      </c>
      <c r="JE27" s="73">
        <v>545</v>
      </c>
      <c r="JF27" s="70">
        <v>75</v>
      </c>
      <c r="JG27" s="71">
        <v>51</v>
      </c>
      <c r="JH27" s="72">
        <v>126</v>
      </c>
      <c r="JI27" s="244"/>
      <c r="JJ27" s="71">
        <v>125</v>
      </c>
      <c r="JK27" s="71">
        <v>78</v>
      </c>
      <c r="JL27" s="71">
        <v>96</v>
      </c>
      <c r="JM27" s="71">
        <v>107</v>
      </c>
      <c r="JN27" s="71">
        <v>68</v>
      </c>
      <c r="JO27" s="72">
        <v>474</v>
      </c>
      <c r="JP27" s="73">
        <v>600</v>
      </c>
      <c r="JQ27" s="70">
        <v>9</v>
      </c>
      <c r="JR27" s="71">
        <v>6</v>
      </c>
      <c r="JS27" s="72">
        <v>15</v>
      </c>
      <c r="JT27" s="244"/>
      <c r="JU27" s="71">
        <v>4</v>
      </c>
      <c r="JV27" s="71">
        <v>9</v>
      </c>
      <c r="JW27" s="71">
        <v>2</v>
      </c>
      <c r="JX27" s="71">
        <v>3</v>
      </c>
      <c r="JY27" s="71">
        <v>2</v>
      </c>
      <c r="JZ27" s="72">
        <v>20</v>
      </c>
      <c r="KA27" s="73">
        <v>35</v>
      </c>
      <c r="KB27" s="70">
        <v>332</v>
      </c>
      <c r="KC27" s="71">
        <v>227</v>
      </c>
      <c r="KD27" s="72">
        <v>559</v>
      </c>
      <c r="KE27" s="244"/>
      <c r="KF27" s="71">
        <v>449</v>
      </c>
      <c r="KG27" s="71">
        <v>271</v>
      </c>
      <c r="KH27" s="71">
        <v>236</v>
      </c>
      <c r="KI27" s="71">
        <v>234</v>
      </c>
      <c r="KJ27" s="71">
        <v>170</v>
      </c>
      <c r="KK27" s="72">
        <v>1360</v>
      </c>
      <c r="KL27" s="73">
        <v>1919</v>
      </c>
    </row>
    <row r="28" spans="1:298" ht="19.5" customHeight="1" x14ac:dyDescent="0.2">
      <c r="A28" s="126" t="s">
        <v>25</v>
      </c>
      <c r="B28" s="316">
        <v>91</v>
      </c>
      <c r="C28" s="82">
        <v>95</v>
      </c>
      <c r="D28" s="83">
        <v>186</v>
      </c>
      <c r="E28" s="241"/>
      <c r="F28" s="82">
        <v>205</v>
      </c>
      <c r="G28" s="82">
        <v>120</v>
      </c>
      <c r="H28" s="82">
        <v>104</v>
      </c>
      <c r="I28" s="82">
        <v>104</v>
      </c>
      <c r="J28" s="82">
        <v>53</v>
      </c>
      <c r="K28" s="84">
        <v>586</v>
      </c>
      <c r="L28" s="85">
        <v>772</v>
      </c>
      <c r="M28" s="70">
        <v>2</v>
      </c>
      <c r="N28" s="71">
        <v>4</v>
      </c>
      <c r="O28" s="72">
        <v>6</v>
      </c>
      <c r="P28" s="241"/>
      <c r="Q28" s="71">
        <v>5</v>
      </c>
      <c r="R28" s="71">
        <v>6</v>
      </c>
      <c r="S28" s="71">
        <v>2</v>
      </c>
      <c r="T28" s="71">
        <v>5</v>
      </c>
      <c r="U28" s="71">
        <v>2</v>
      </c>
      <c r="V28" s="72">
        <v>20</v>
      </c>
      <c r="W28" s="73">
        <v>26</v>
      </c>
      <c r="X28" s="70">
        <v>9</v>
      </c>
      <c r="Y28" s="71">
        <v>13</v>
      </c>
      <c r="Z28" s="72">
        <v>22</v>
      </c>
      <c r="AA28" s="241"/>
      <c r="AB28" s="71">
        <v>18</v>
      </c>
      <c r="AC28" s="71">
        <v>21</v>
      </c>
      <c r="AD28" s="71">
        <v>12</v>
      </c>
      <c r="AE28" s="71">
        <v>11</v>
      </c>
      <c r="AF28" s="71">
        <v>6</v>
      </c>
      <c r="AG28" s="72">
        <v>68</v>
      </c>
      <c r="AH28" s="73">
        <v>90</v>
      </c>
      <c r="AI28" s="70">
        <v>20</v>
      </c>
      <c r="AJ28" s="71">
        <v>22</v>
      </c>
      <c r="AK28" s="72">
        <v>42</v>
      </c>
      <c r="AL28" s="241"/>
      <c r="AM28" s="71">
        <v>35</v>
      </c>
      <c r="AN28" s="71">
        <v>20</v>
      </c>
      <c r="AO28" s="71">
        <v>15</v>
      </c>
      <c r="AP28" s="71">
        <v>23</v>
      </c>
      <c r="AQ28" s="71">
        <v>12</v>
      </c>
      <c r="AR28" s="72">
        <v>105</v>
      </c>
      <c r="AS28" s="73">
        <v>147</v>
      </c>
      <c r="AT28" s="70">
        <v>29</v>
      </c>
      <c r="AU28" s="71">
        <v>29</v>
      </c>
      <c r="AV28" s="72">
        <v>58</v>
      </c>
      <c r="AW28" s="241"/>
      <c r="AX28" s="71">
        <v>62</v>
      </c>
      <c r="AY28" s="71">
        <v>33</v>
      </c>
      <c r="AZ28" s="71">
        <v>33</v>
      </c>
      <c r="BA28" s="71">
        <v>29</v>
      </c>
      <c r="BB28" s="71">
        <v>14</v>
      </c>
      <c r="BC28" s="72">
        <v>171</v>
      </c>
      <c r="BD28" s="73">
        <v>229</v>
      </c>
      <c r="BE28" s="70">
        <v>20</v>
      </c>
      <c r="BF28" s="71">
        <v>16</v>
      </c>
      <c r="BG28" s="72">
        <v>36</v>
      </c>
      <c r="BH28" s="244"/>
      <c r="BI28" s="71">
        <v>54</v>
      </c>
      <c r="BJ28" s="71">
        <v>31</v>
      </c>
      <c r="BK28" s="71">
        <v>24</v>
      </c>
      <c r="BL28" s="71">
        <v>20</v>
      </c>
      <c r="BM28" s="71">
        <v>12</v>
      </c>
      <c r="BN28" s="72">
        <v>141</v>
      </c>
      <c r="BO28" s="73">
        <v>177</v>
      </c>
      <c r="BP28" s="70">
        <v>11</v>
      </c>
      <c r="BQ28" s="71">
        <v>11</v>
      </c>
      <c r="BR28" s="72">
        <v>22</v>
      </c>
      <c r="BS28" s="244"/>
      <c r="BT28" s="71">
        <v>31</v>
      </c>
      <c r="BU28" s="71">
        <v>9</v>
      </c>
      <c r="BV28" s="71">
        <v>18</v>
      </c>
      <c r="BW28" s="71">
        <v>16</v>
      </c>
      <c r="BX28" s="71">
        <v>7</v>
      </c>
      <c r="BY28" s="72">
        <v>81</v>
      </c>
      <c r="BZ28" s="73">
        <v>103</v>
      </c>
      <c r="CA28" s="70">
        <v>2</v>
      </c>
      <c r="CB28" s="71">
        <v>1</v>
      </c>
      <c r="CC28" s="72">
        <v>3</v>
      </c>
      <c r="CD28" s="244"/>
      <c r="CE28" s="71">
        <v>4</v>
      </c>
      <c r="CF28" s="71">
        <v>9</v>
      </c>
      <c r="CG28" s="71">
        <v>2</v>
      </c>
      <c r="CH28" s="71">
        <v>3</v>
      </c>
      <c r="CI28" s="71">
        <v>2</v>
      </c>
      <c r="CJ28" s="72">
        <v>20</v>
      </c>
      <c r="CK28" s="73">
        <v>23</v>
      </c>
      <c r="CL28" s="70">
        <v>93</v>
      </c>
      <c r="CM28" s="71">
        <v>96</v>
      </c>
      <c r="CN28" s="72">
        <v>189</v>
      </c>
      <c r="CO28" s="244"/>
      <c r="CP28" s="71">
        <v>209</v>
      </c>
      <c r="CQ28" s="71">
        <v>129</v>
      </c>
      <c r="CR28" s="71">
        <v>106</v>
      </c>
      <c r="CS28" s="71">
        <v>107</v>
      </c>
      <c r="CT28" s="71">
        <v>55</v>
      </c>
      <c r="CU28" s="72">
        <v>606</v>
      </c>
      <c r="CV28" s="73">
        <v>795</v>
      </c>
      <c r="CW28" s="123">
        <v>179</v>
      </c>
      <c r="CX28" s="82">
        <v>173</v>
      </c>
      <c r="CY28" s="83">
        <v>352</v>
      </c>
      <c r="CZ28" s="241"/>
      <c r="DA28" s="82">
        <v>321</v>
      </c>
      <c r="DB28" s="82">
        <v>203</v>
      </c>
      <c r="DC28" s="82">
        <v>138</v>
      </c>
      <c r="DD28" s="82">
        <v>194</v>
      </c>
      <c r="DE28" s="82">
        <v>114</v>
      </c>
      <c r="DF28" s="84">
        <v>970</v>
      </c>
      <c r="DG28" s="85">
        <v>1322</v>
      </c>
      <c r="DH28" s="70">
        <v>4</v>
      </c>
      <c r="DI28" s="71">
        <v>7</v>
      </c>
      <c r="DJ28" s="72">
        <v>11</v>
      </c>
      <c r="DK28" s="244"/>
      <c r="DL28" s="71">
        <v>8</v>
      </c>
      <c r="DM28" s="71">
        <v>7</v>
      </c>
      <c r="DN28" s="71">
        <v>4</v>
      </c>
      <c r="DO28" s="71">
        <v>4</v>
      </c>
      <c r="DP28" s="71">
        <v>3</v>
      </c>
      <c r="DQ28" s="72">
        <v>26</v>
      </c>
      <c r="DR28" s="73">
        <v>37</v>
      </c>
      <c r="DS28" s="70">
        <v>15</v>
      </c>
      <c r="DT28" s="71">
        <v>15</v>
      </c>
      <c r="DU28" s="72">
        <v>30</v>
      </c>
      <c r="DV28" s="244"/>
      <c r="DW28" s="71">
        <v>23</v>
      </c>
      <c r="DX28" s="71">
        <v>10</v>
      </c>
      <c r="DY28" s="71">
        <v>12</v>
      </c>
      <c r="DZ28" s="71">
        <v>12</v>
      </c>
      <c r="EA28" s="71">
        <v>9</v>
      </c>
      <c r="EB28" s="72">
        <v>66</v>
      </c>
      <c r="EC28" s="73">
        <v>96</v>
      </c>
      <c r="ED28" s="70">
        <v>42</v>
      </c>
      <c r="EE28" s="71">
        <v>29</v>
      </c>
      <c r="EF28" s="72">
        <v>71</v>
      </c>
      <c r="EG28" s="244"/>
      <c r="EH28" s="71">
        <v>48</v>
      </c>
      <c r="EI28" s="71">
        <v>22</v>
      </c>
      <c r="EJ28" s="71">
        <v>17</v>
      </c>
      <c r="EK28" s="71">
        <v>25</v>
      </c>
      <c r="EL28" s="71">
        <v>16</v>
      </c>
      <c r="EM28" s="72">
        <v>128</v>
      </c>
      <c r="EN28" s="73">
        <v>199</v>
      </c>
      <c r="EO28" s="70">
        <v>50</v>
      </c>
      <c r="EP28" s="71">
        <v>43</v>
      </c>
      <c r="EQ28" s="72">
        <v>93</v>
      </c>
      <c r="ER28" s="244"/>
      <c r="ES28" s="71">
        <v>71</v>
      </c>
      <c r="ET28" s="71">
        <v>52</v>
      </c>
      <c r="EU28" s="71">
        <v>19</v>
      </c>
      <c r="EV28" s="71">
        <v>40</v>
      </c>
      <c r="EW28" s="71">
        <v>17</v>
      </c>
      <c r="EX28" s="72">
        <v>199</v>
      </c>
      <c r="EY28" s="73">
        <v>292</v>
      </c>
      <c r="EZ28" s="70">
        <v>47</v>
      </c>
      <c r="FA28" s="71">
        <v>46</v>
      </c>
      <c r="FB28" s="72">
        <v>93</v>
      </c>
      <c r="FC28" s="244"/>
      <c r="FD28" s="71">
        <v>93</v>
      </c>
      <c r="FE28" s="71">
        <v>51</v>
      </c>
      <c r="FF28" s="71">
        <v>48</v>
      </c>
      <c r="FG28" s="71">
        <v>51</v>
      </c>
      <c r="FH28" s="71">
        <v>39</v>
      </c>
      <c r="FI28" s="72">
        <v>282</v>
      </c>
      <c r="FJ28" s="73">
        <v>375</v>
      </c>
      <c r="FK28" s="70">
        <v>21</v>
      </c>
      <c r="FL28" s="71">
        <v>33</v>
      </c>
      <c r="FM28" s="72">
        <v>54</v>
      </c>
      <c r="FN28" s="244"/>
      <c r="FO28" s="71">
        <v>78</v>
      </c>
      <c r="FP28" s="71">
        <v>61</v>
      </c>
      <c r="FQ28" s="71">
        <v>38</v>
      </c>
      <c r="FR28" s="71">
        <v>62</v>
      </c>
      <c r="FS28" s="71">
        <v>30</v>
      </c>
      <c r="FT28" s="72">
        <v>269</v>
      </c>
      <c r="FU28" s="73">
        <v>323</v>
      </c>
      <c r="FV28" s="70">
        <v>2</v>
      </c>
      <c r="FW28" s="71">
        <v>4</v>
      </c>
      <c r="FX28" s="72">
        <v>6</v>
      </c>
      <c r="FY28" s="244"/>
      <c r="FZ28" s="71">
        <v>4</v>
      </c>
      <c r="GA28" s="71">
        <v>4</v>
      </c>
      <c r="GB28" s="71">
        <v>3</v>
      </c>
      <c r="GC28" s="71">
        <v>3</v>
      </c>
      <c r="GD28" s="71">
        <v>7</v>
      </c>
      <c r="GE28" s="72">
        <v>21</v>
      </c>
      <c r="GF28" s="73">
        <v>27</v>
      </c>
      <c r="GG28" s="70">
        <v>181</v>
      </c>
      <c r="GH28" s="71">
        <v>177</v>
      </c>
      <c r="GI28" s="72">
        <v>358</v>
      </c>
      <c r="GJ28" s="244"/>
      <c r="GK28" s="71">
        <v>325</v>
      </c>
      <c r="GL28" s="71">
        <v>207</v>
      </c>
      <c r="GM28" s="71">
        <v>141</v>
      </c>
      <c r="GN28" s="71">
        <v>197</v>
      </c>
      <c r="GO28" s="71">
        <v>121</v>
      </c>
      <c r="GP28" s="72">
        <v>991</v>
      </c>
      <c r="GQ28" s="73">
        <v>1349</v>
      </c>
      <c r="GR28" s="123">
        <v>270</v>
      </c>
      <c r="GS28" s="82">
        <v>268</v>
      </c>
      <c r="GT28" s="83">
        <v>538</v>
      </c>
      <c r="GU28" s="241"/>
      <c r="GV28" s="82">
        <v>526</v>
      </c>
      <c r="GW28" s="82">
        <v>323</v>
      </c>
      <c r="GX28" s="82">
        <v>242</v>
      </c>
      <c r="GY28" s="82">
        <v>298</v>
      </c>
      <c r="GZ28" s="82">
        <v>167</v>
      </c>
      <c r="HA28" s="84">
        <v>1556</v>
      </c>
      <c r="HB28" s="85">
        <v>2094</v>
      </c>
      <c r="HC28" s="70">
        <v>6</v>
      </c>
      <c r="HD28" s="71">
        <v>11</v>
      </c>
      <c r="HE28" s="72">
        <v>17</v>
      </c>
      <c r="HF28" s="244"/>
      <c r="HG28" s="71">
        <v>13</v>
      </c>
      <c r="HH28" s="71">
        <v>13</v>
      </c>
      <c r="HI28" s="71">
        <v>6</v>
      </c>
      <c r="HJ28" s="71">
        <v>9</v>
      </c>
      <c r="HK28" s="71">
        <v>5</v>
      </c>
      <c r="HL28" s="72">
        <v>46</v>
      </c>
      <c r="HM28" s="73">
        <v>63</v>
      </c>
      <c r="HN28" s="70">
        <v>24</v>
      </c>
      <c r="HO28" s="71">
        <v>28</v>
      </c>
      <c r="HP28" s="72">
        <v>52</v>
      </c>
      <c r="HQ28" s="244"/>
      <c r="HR28" s="71">
        <v>41</v>
      </c>
      <c r="HS28" s="71">
        <v>31</v>
      </c>
      <c r="HT28" s="71">
        <v>24</v>
      </c>
      <c r="HU28" s="71">
        <v>23</v>
      </c>
      <c r="HV28" s="71">
        <v>15</v>
      </c>
      <c r="HW28" s="72">
        <v>134</v>
      </c>
      <c r="HX28" s="73">
        <v>186</v>
      </c>
      <c r="HY28" s="70">
        <v>62</v>
      </c>
      <c r="HZ28" s="71">
        <v>51</v>
      </c>
      <c r="IA28" s="72">
        <v>113</v>
      </c>
      <c r="IB28" s="244"/>
      <c r="IC28" s="71">
        <v>83</v>
      </c>
      <c r="ID28" s="71">
        <v>42</v>
      </c>
      <c r="IE28" s="71">
        <v>32</v>
      </c>
      <c r="IF28" s="71">
        <v>48</v>
      </c>
      <c r="IG28" s="71">
        <v>28</v>
      </c>
      <c r="IH28" s="72">
        <v>233</v>
      </c>
      <c r="II28" s="73">
        <v>346</v>
      </c>
      <c r="IJ28" s="70">
        <v>79</v>
      </c>
      <c r="IK28" s="71">
        <v>72</v>
      </c>
      <c r="IL28" s="72">
        <v>151</v>
      </c>
      <c r="IM28" s="244"/>
      <c r="IN28" s="71">
        <v>133</v>
      </c>
      <c r="IO28" s="71">
        <v>85</v>
      </c>
      <c r="IP28" s="71">
        <v>52</v>
      </c>
      <c r="IQ28" s="71">
        <v>69</v>
      </c>
      <c r="IR28" s="71">
        <v>31</v>
      </c>
      <c r="IS28" s="72">
        <v>370</v>
      </c>
      <c r="IT28" s="73">
        <v>521</v>
      </c>
      <c r="IU28" s="70">
        <v>67</v>
      </c>
      <c r="IV28" s="71">
        <v>62</v>
      </c>
      <c r="IW28" s="72">
        <v>129</v>
      </c>
      <c r="IX28" s="244"/>
      <c r="IY28" s="71">
        <v>147</v>
      </c>
      <c r="IZ28" s="71">
        <v>82</v>
      </c>
      <c r="JA28" s="71">
        <v>72</v>
      </c>
      <c r="JB28" s="71">
        <v>71</v>
      </c>
      <c r="JC28" s="71">
        <v>51</v>
      </c>
      <c r="JD28" s="72">
        <v>423</v>
      </c>
      <c r="JE28" s="73">
        <v>552</v>
      </c>
      <c r="JF28" s="70">
        <v>32</v>
      </c>
      <c r="JG28" s="71">
        <v>44</v>
      </c>
      <c r="JH28" s="72">
        <v>76</v>
      </c>
      <c r="JI28" s="244"/>
      <c r="JJ28" s="71">
        <v>109</v>
      </c>
      <c r="JK28" s="71">
        <v>70</v>
      </c>
      <c r="JL28" s="71">
        <v>56</v>
      </c>
      <c r="JM28" s="71">
        <v>78</v>
      </c>
      <c r="JN28" s="71">
        <v>37</v>
      </c>
      <c r="JO28" s="72">
        <v>350</v>
      </c>
      <c r="JP28" s="73">
        <v>426</v>
      </c>
      <c r="JQ28" s="70">
        <v>4</v>
      </c>
      <c r="JR28" s="71">
        <v>5</v>
      </c>
      <c r="JS28" s="72">
        <v>9</v>
      </c>
      <c r="JT28" s="244"/>
      <c r="JU28" s="71">
        <v>8</v>
      </c>
      <c r="JV28" s="71">
        <v>13</v>
      </c>
      <c r="JW28" s="71">
        <v>5</v>
      </c>
      <c r="JX28" s="71">
        <v>6</v>
      </c>
      <c r="JY28" s="71">
        <v>9</v>
      </c>
      <c r="JZ28" s="72">
        <v>41</v>
      </c>
      <c r="KA28" s="73">
        <v>50</v>
      </c>
      <c r="KB28" s="70">
        <v>274</v>
      </c>
      <c r="KC28" s="71">
        <v>273</v>
      </c>
      <c r="KD28" s="72">
        <v>547</v>
      </c>
      <c r="KE28" s="244"/>
      <c r="KF28" s="71">
        <v>534</v>
      </c>
      <c r="KG28" s="71">
        <v>336</v>
      </c>
      <c r="KH28" s="71">
        <v>247</v>
      </c>
      <c r="KI28" s="71">
        <v>304</v>
      </c>
      <c r="KJ28" s="71">
        <v>176</v>
      </c>
      <c r="KK28" s="72">
        <v>1597</v>
      </c>
      <c r="KL28" s="73">
        <v>2144</v>
      </c>
    </row>
    <row r="29" spans="1:298" ht="19.5" customHeight="1" x14ac:dyDescent="0.2">
      <c r="A29" s="126" t="s">
        <v>26</v>
      </c>
      <c r="B29" s="316">
        <v>96</v>
      </c>
      <c r="C29" s="82">
        <v>55</v>
      </c>
      <c r="D29" s="83">
        <v>151</v>
      </c>
      <c r="E29" s="241"/>
      <c r="F29" s="82">
        <v>140</v>
      </c>
      <c r="G29" s="82">
        <v>116</v>
      </c>
      <c r="H29" s="82">
        <v>90</v>
      </c>
      <c r="I29" s="82">
        <v>74</v>
      </c>
      <c r="J29" s="82">
        <v>36</v>
      </c>
      <c r="K29" s="84">
        <v>456</v>
      </c>
      <c r="L29" s="85">
        <v>607</v>
      </c>
      <c r="M29" s="70">
        <v>3</v>
      </c>
      <c r="N29" s="71">
        <v>2</v>
      </c>
      <c r="O29" s="72">
        <v>5</v>
      </c>
      <c r="P29" s="241"/>
      <c r="Q29" s="71">
        <v>7</v>
      </c>
      <c r="R29" s="71">
        <v>5</v>
      </c>
      <c r="S29" s="71">
        <v>3</v>
      </c>
      <c r="T29" s="71">
        <v>3</v>
      </c>
      <c r="U29" s="71">
        <v>2</v>
      </c>
      <c r="V29" s="72">
        <v>20</v>
      </c>
      <c r="W29" s="73">
        <v>25</v>
      </c>
      <c r="X29" s="70">
        <v>14</v>
      </c>
      <c r="Y29" s="71">
        <v>4</v>
      </c>
      <c r="Z29" s="72">
        <v>18</v>
      </c>
      <c r="AA29" s="241"/>
      <c r="AB29" s="71">
        <v>11</v>
      </c>
      <c r="AC29" s="71">
        <v>9</v>
      </c>
      <c r="AD29" s="71">
        <v>11</v>
      </c>
      <c r="AE29" s="71">
        <v>7</v>
      </c>
      <c r="AF29" s="71">
        <v>9</v>
      </c>
      <c r="AG29" s="72">
        <v>47</v>
      </c>
      <c r="AH29" s="73">
        <v>65</v>
      </c>
      <c r="AI29" s="70">
        <v>18</v>
      </c>
      <c r="AJ29" s="71">
        <v>8</v>
      </c>
      <c r="AK29" s="72">
        <v>26</v>
      </c>
      <c r="AL29" s="241"/>
      <c r="AM29" s="71">
        <v>20</v>
      </c>
      <c r="AN29" s="71">
        <v>13</v>
      </c>
      <c r="AO29" s="71">
        <v>17</v>
      </c>
      <c r="AP29" s="71">
        <v>10</v>
      </c>
      <c r="AQ29" s="71">
        <v>5</v>
      </c>
      <c r="AR29" s="72">
        <v>65</v>
      </c>
      <c r="AS29" s="73">
        <v>91</v>
      </c>
      <c r="AT29" s="70">
        <v>21</v>
      </c>
      <c r="AU29" s="71">
        <v>13</v>
      </c>
      <c r="AV29" s="72">
        <v>34</v>
      </c>
      <c r="AW29" s="241"/>
      <c r="AX29" s="71">
        <v>45</v>
      </c>
      <c r="AY29" s="71">
        <v>25</v>
      </c>
      <c r="AZ29" s="71">
        <v>19</v>
      </c>
      <c r="BA29" s="71">
        <v>16</v>
      </c>
      <c r="BB29" s="71">
        <v>6</v>
      </c>
      <c r="BC29" s="72">
        <v>111</v>
      </c>
      <c r="BD29" s="73">
        <v>145</v>
      </c>
      <c r="BE29" s="70">
        <v>22</v>
      </c>
      <c r="BF29" s="71">
        <v>15</v>
      </c>
      <c r="BG29" s="72">
        <v>37</v>
      </c>
      <c r="BH29" s="244"/>
      <c r="BI29" s="71">
        <v>27</v>
      </c>
      <c r="BJ29" s="71">
        <v>38</v>
      </c>
      <c r="BK29" s="71">
        <v>24</v>
      </c>
      <c r="BL29" s="71">
        <v>16</v>
      </c>
      <c r="BM29" s="71">
        <v>9</v>
      </c>
      <c r="BN29" s="72">
        <v>114</v>
      </c>
      <c r="BO29" s="73">
        <v>151</v>
      </c>
      <c r="BP29" s="70">
        <v>18</v>
      </c>
      <c r="BQ29" s="71">
        <v>13</v>
      </c>
      <c r="BR29" s="72">
        <v>31</v>
      </c>
      <c r="BS29" s="244"/>
      <c r="BT29" s="71">
        <v>30</v>
      </c>
      <c r="BU29" s="71">
        <v>26</v>
      </c>
      <c r="BV29" s="71">
        <v>16</v>
      </c>
      <c r="BW29" s="71">
        <v>22</v>
      </c>
      <c r="BX29" s="71">
        <v>5</v>
      </c>
      <c r="BY29" s="72">
        <v>99</v>
      </c>
      <c r="BZ29" s="73">
        <v>130</v>
      </c>
      <c r="CA29" s="70">
        <v>3</v>
      </c>
      <c r="CB29" s="71">
        <v>1</v>
      </c>
      <c r="CC29" s="72">
        <v>4</v>
      </c>
      <c r="CD29" s="244"/>
      <c r="CE29" s="71">
        <v>5</v>
      </c>
      <c r="CF29" s="71">
        <v>2</v>
      </c>
      <c r="CG29" s="71">
        <v>1</v>
      </c>
      <c r="CH29" s="71">
        <v>3</v>
      </c>
      <c r="CI29" s="71">
        <v>1</v>
      </c>
      <c r="CJ29" s="72">
        <v>12</v>
      </c>
      <c r="CK29" s="73">
        <v>16</v>
      </c>
      <c r="CL29" s="70">
        <v>99</v>
      </c>
      <c r="CM29" s="71">
        <v>56</v>
      </c>
      <c r="CN29" s="72">
        <v>155</v>
      </c>
      <c r="CO29" s="244"/>
      <c r="CP29" s="71">
        <v>145</v>
      </c>
      <c r="CQ29" s="71">
        <v>118</v>
      </c>
      <c r="CR29" s="71">
        <v>91</v>
      </c>
      <c r="CS29" s="71">
        <v>77</v>
      </c>
      <c r="CT29" s="71">
        <v>37</v>
      </c>
      <c r="CU29" s="72">
        <v>468</v>
      </c>
      <c r="CV29" s="73">
        <v>623</v>
      </c>
      <c r="CW29" s="123">
        <v>171</v>
      </c>
      <c r="CX29" s="82">
        <v>185</v>
      </c>
      <c r="CY29" s="83">
        <v>356</v>
      </c>
      <c r="CZ29" s="241"/>
      <c r="DA29" s="82">
        <v>270</v>
      </c>
      <c r="DB29" s="82">
        <v>205</v>
      </c>
      <c r="DC29" s="82">
        <v>144</v>
      </c>
      <c r="DD29" s="82">
        <v>153</v>
      </c>
      <c r="DE29" s="82">
        <v>121</v>
      </c>
      <c r="DF29" s="84">
        <v>893</v>
      </c>
      <c r="DG29" s="85">
        <v>1249</v>
      </c>
      <c r="DH29" s="70">
        <v>4</v>
      </c>
      <c r="DI29" s="71">
        <v>4</v>
      </c>
      <c r="DJ29" s="72">
        <v>8</v>
      </c>
      <c r="DK29" s="244"/>
      <c r="DL29" s="71">
        <v>5</v>
      </c>
      <c r="DM29" s="71">
        <v>5</v>
      </c>
      <c r="DN29" s="71">
        <v>4</v>
      </c>
      <c r="DO29" s="71">
        <v>2</v>
      </c>
      <c r="DP29" s="71">
        <v>3</v>
      </c>
      <c r="DQ29" s="72">
        <v>19</v>
      </c>
      <c r="DR29" s="73">
        <v>27</v>
      </c>
      <c r="DS29" s="70">
        <v>14</v>
      </c>
      <c r="DT29" s="71">
        <v>11</v>
      </c>
      <c r="DU29" s="72">
        <v>25</v>
      </c>
      <c r="DV29" s="244"/>
      <c r="DW29" s="71">
        <v>16</v>
      </c>
      <c r="DX29" s="71">
        <v>9</v>
      </c>
      <c r="DY29" s="71">
        <v>6</v>
      </c>
      <c r="DZ29" s="71">
        <v>6</v>
      </c>
      <c r="EA29" s="71">
        <v>5</v>
      </c>
      <c r="EB29" s="72">
        <v>42</v>
      </c>
      <c r="EC29" s="73">
        <v>67</v>
      </c>
      <c r="ED29" s="70">
        <v>25</v>
      </c>
      <c r="EE29" s="71">
        <v>25</v>
      </c>
      <c r="EF29" s="72">
        <v>50</v>
      </c>
      <c r="EG29" s="244"/>
      <c r="EH29" s="71">
        <v>39</v>
      </c>
      <c r="EI29" s="71">
        <v>25</v>
      </c>
      <c r="EJ29" s="71">
        <v>15</v>
      </c>
      <c r="EK29" s="71">
        <v>9</v>
      </c>
      <c r="EL29" s="71">
        <v>9</v>
      </c>
      <c r="EM29" s="72">
        <v>97</v>
      </c>
      <c r="EN29" s="73">
        <v>147</v>
      </c>
      <c r="EO29" s="70">
        <v>47</v>
      </c>
      <c r="EP29" s="71">
        <v>48</v>
      </c>
      <c r="EQ29" s="72">
        <v>95</v>
      </c>
      <c r="ER29" s="244"/>
      <c r="ES29" s="71">
        <v>56</v>
      </c>
      <c r="ET29" s="71">
        <v>30</v>
      </c>
      <c r="EU29" s="71">
        <v>32</v>
      </c>
      <c r="EV29" s="71">
        <v>19</v>
      </c>
      <c r="EW29" s="71">
        <v>22</v>
      </c>
      <c r="EX29" s="72">
        <v>159</v>
      </c>
      <c r="EY29" s="73">
        <v>254</v>
      </c>
      <c r="EZ29" s="70">
        <v>50</v>
      </c>
      <c r="FA29" s="71">
        <v>58</v>
      </c>
      <c r="FB29" s="72">
        <v>108</v>
      </c>
      <c r="FC29" s="244"/>
      <c r="FD29" s="71">
        <v>81</v>
      </c>
      <c r="FE29" s="71">
        <v>51</v>
      </c>
      <c r="FF29" s="71">
        <v>30</v>
      </c>
      <c r="FG29" s="71">
        <v>38</v>
      </c>
      <c r="FH29" s="71">
        <v>23</v>
      </c>
      <c r="FI29" s="72">
        <v>223</v>
      </c>
      <c r="FJ29" s="73">
        <v>331</v>
      </c>
      <c r="FK29" s="70">
        <v>31</v>
      </c>
      <c r="FL29" s="71">
        <v>39</v>
      </c>
      <c r="FM29" s="72">
        <v>70</v>
      </c>
      <c r="FN29" s="244"/>
      <c r="FO29" s="71">
        <v>73</v>
      </c>
      <c r="FP29" s="71">
        <v>85</v>
      </c>
      <c r="FQ29" s="71">
        <v>57</v>
      </c>
      <c r="FR29" s="71">
        <v>79</v>
      </c>
      <c r="FS29" s="71">
        <v>59</v>
      </c>
      <c r="FT29" s="72">
        <v>353</v>
      </c>
      <c r="FU29" s="73">
        <v>423</v>
      </c>
      <c r="FV29" s="70">
        <v>1</v>
      </c>
      <c r="FW29" s="71">
        <v>3</v>
      </c>
      <c r="FX29" s="72">
        <v>4</v>
      </c>
      <c r="FY29" s="244"/>
      <c r="FZ29" s="71">
        <v>7</v>
      </c>
      <c r="GA29" s="71">
        <v>4</v>
      </c>
      <c r="GB29" s="71">
        <v>2</v>
      </c>
      <c r="GC29" s="71">
        <v>3</v>
      </c>
      <c r="GD29" s="71">
        <v>2</v>
      </c>
      <c r="GE29" s="72">
        <v>18</v>
      </c>
      <c r="GF29" s="73">
        <v>22</v>
      </c>
      <c r="GG29" s="70">
        <v>172</v>
      </c>
      <c r="GH29" s="71">
        <v>188</v>
      </c>
      <c r="GI29" s="72">
        <v>360</v>
      </c>
      <c r="GJ29" s="244"/>
      <c r="GK29" s="71">
        <v>277</v>
      </c>
      <c r="GL29" s="71">
        <v>209</v>
      </c>
      <c r="GM29" s="71">
        <v>146</v>
      </c>
      <c r="GN29" s="71">
        <v>156</v>
      </c>
      <c r="GO29" s="71">
        <v>123</v>
      </c>
      <c r="GP29" s="72">
        <v>911</v>
      </c>
      <c r="GQ29" s="73">
        <v>1271</v>
      </c>
      <c r="GR29" s="123">
        <v>267</v>
      </c>
      <c r="GS29" s="82">
        <v>240</v>
      </c>
      <c r="GT29" s="83">
        <v>507</v>
      </c>
      <c r="GU29" s="241"/>
      <c r="GV29" s="82">
        <v>410</v>
      </c>
      <c r="GW29" s="82">
        <v>321</v>
      </c>
      <c r="GX29" s="82">
        <v>234</v>
      </c>
      <c r="GY29" s="82">
        <v>227</v>
      </c>
      <c r="GZ29" s="82">
        <v>157</v>
      </c>
      <c r="HA29" s="84">
        <v>1349</v>
      </c>
      <c r="HB29" s="85">
        <v>1856</v>
      </c>
      <c r="HC29" s="70">
        <v>7</v>
      </c>
      <c r="HD29" s="71">
        <v>6</v>
      </c>
      <c r="HE29" s="72">
        <v>13</v>
      </c>
      <c r="HF29" s="244"/>
      <c r="HG29" s="71">
        <v>12</v>
      </c>
      <c r="HH29" s="71">
        <v>10</v>
      </c>
      <c r="HI29" s="71">
        <v>7</v>
      </c>
      <c r="HJ29" s="71">
        <v>5</v>
      </c>
      <c r="HK29" s="71">
        <v>5</v>
      </c>
      <c r="HL29" s="72">
        <v>39</v>
      </c>
      <c r="HM29" s="73">
        <v>52</v>
      </c>
      <c r="HN29" s="70">
        <v>28</v>
      </c>
      <c r="HO29" s="71">
        <v>15</v>
      </c>
      <c r="HP29" s="72">
        <v>43</v>
      </c>
      <c r="HQ29" s="244"/>
      <c r="HR29" s="71">
        <v>27</v>
      </c>
      <c r="HS29" s="71">
        <v>18</v>
      </c>
      <c r="HT29" s="71">
        <v>17</v>
      </c>
      <c r="HU29" s="71">
        <v>13</v>
      </c>
      <c r="HV29" s="71">
        <v>14</v>
      </c>
      <c r="HW29" s="72">
        <v>89</v>
      </c>
      <c r="HX29" s="73">
        <v>132</v>
      </c>
      <c r="HY29" s="70">
        <v>43</v>
      </c>
      <c r="HZ29" s="71">
        <v>33</v>
      </c>
      <c r="IA29" s="72">
        <v>76</v>
      </c>
      <c r="IB29" s="244"/>
      <c r="IC29" s="71">
        <v>59</v>
      </c>
      <c r="ID29" s="71">
        <v>38</v>
      </c>
      <c r="IE29" s="71">
        <v>32</v>
      </c>
      <c r="IF29" s="71">
        <v>19</v>
      </c>
      <c r="IG29" s="71">
        <v>14</v>
      </c>
      <c r="IH29" s="72">
        <v>162</v>
      </c>
      <c r="II29" s="73">
        <v>238</v>
      </c>
      <c r="IJ29" s="70">
        <v>68</v>
      </c>
      <c r="IK29" s="71">
        <v>61</v>
      </c>
      <c r="IL29" s="72">
        <v>129</v>
      </c>
      <c r="IM29" s="244"/>
      <c r="IN29" s="71">
        <v>101</v>
      </c>
      <c r="IO29" s="71">
        <v>55</v>
      </c>
      <c r="IP29" s="71">
        <v>51</v>
      </c>
      <c r="IQ29" s="71">
        <v>35</v>
      </c>
      <c r="IR29" s="71">
        <v>28</v>
      </c>
      <c r="IS29" s="72">
        <v>270</v>
      </c>
      <c r="IT29" s="73">
        <v>399</v>
      </c>
      <c r="IU29" s="70">
        <v>72</v>
      </c>
      <c r="IV29" s="71">
        <v>73</v>
      </c>
      <c r="IW29" s="72">
        <v>145</v>
      </c>
      <c r="IX29" s="244"/>
      <c r="IY29" s="71">
        <v>108</v>
      </c>
      <c r="IZ29" s="71">
        <v>89</v>
      </c>
      <c r="JA29" s="71">
        <v>54</v>
      </c>
      <c r="JB29" s="71">
        <v>54</v>
      </c>
      <c r="JC29" s="71">
        <v>32</v>
      </c>
      <c r="JD29" s="72">
        <v>337</v>
      </c>
      <c r="JE29" s="73">
        <v>482</v>
      </c>
      <c r="JF29" s="70">
        <v>49</v>
      </c>
      <c r="JG29" s="71">
        <v>52</v>
      </c>
      <c r="JH29" s="72">
        <v>101</v>
      </c>
      <c r="JI29" s="244"/>
      <c r="JJ29" s="71">
        <v>103</v>
      </c>
      <c r="JK29" s="71">
        <v>111</v>
      </c>
      <c r="JL29" s="71">
        <v>73</v>
      </c>
      <c r="JM29" s="71">
        <v>101</v>
      </c>
      <c r="JN29" s="71">
        <v>64</v>
      </c>
      <c r="JO29" s="72">
        <v>452</v>
      </c>
      <c r="JP29" s="73">
        <v>553</v>
      </c>
      <c r="JQ29" s="70">
        <v>4</v>
      </c>
      <c r="JR29" s="71">
        <v>4</v>
      </c>
      <c r="JS29" s="72">
        <v>8</v>
      </c>
      <c r="JT29" s="244"/>
      <c r="JU29" s="71">
        <v>12</v>
      </c>
      <c r="JV29" s="71">
        <v>6</v>
      </c>
      <c r="JW29" s="71">
        <v>3</v>
      </c>
      <c r="JX29" s="71">
        <v>6</v>
      </c>
      <c r="JY29" s="71">
        <v>3</v>
      </c>
      <c r="JZ29" s="72">
        <v>30</v>
      </c>
      <c r="KA29" s="73">
        <v>38</v>
      </c>
      <c r="KB29" s="70">
        <v>271</v>
      </c>
      <c r="KC29" s="71">
        <v>244</v>
      </c>
      <c r="KD29" s="72">
        <v>515</v>
      </c>
      <c r="KE29" s="244"/>
      <c r="KF29" s="71">
        <v>422</v>
      </c>
      <c r="KG29" s="71">
        <v>327</v>
      </c>
      <c r="KH29" s="71">
        <v>237</v>
      </c>
      <c r="KI29" s="71">
        <v>233</v>
      </c>
      <c r="KJ29" s="71">
        <v>160</v>
      </c>
      <c r="KK29" s="72">
        <v>1379</v>
      </c>
      <c r="KL29" s="73">
        <v>1894</v>
      </c>
    </row>
    <row r="30" spans="1:298" ht="19.5" customHeight="1" x14ac:dyDescent="0.2">
      <c r="A30" s="126" t="s">
        <v>27</v>
      </c>
      <c r="B30" s="316">
        <v>84</v>
      </c>
      <c r="C30" s="82">
        <v>109</v>
      </c>
      <c r="D30" s="83">
        <v>193</v>
      </c>
      <c r="E30" s="241"/>
      <c r="F30" s="82">
        <v>101</v>
      </c>
      <c r="G30" s="82">
        <v>94</v>
      </c>
      <c r="H30" s="82">
        <v>73</v>
      </c>
      <c r="I30" s="82">
        <v>67</v>
      </c>
      <c r="J30" s="82">
        <v>30</v>
      </c>
      <c r="K30" s="84">
        <v>365</v>
      </c>
      <c r="L30" s="85">
        <v>558</v>
      </c>
      <c r="M30" s="70">
        <v>4</v>
      </c>
      <c r="N30" s="71">
        <v>3</v>
      </c>
      <c r="O30" s="72">
        <v>7</v>
      </c>
      <c r="P30" s="241"/>
      <c r="Q30" s="71">
        <v>1</v>
      </c>
      <c r="R30" s="71">
        <v>6</v>
      </c>
      <c r="S30" s="71">
        <v>2</v>
      </c>
      <c r="T30" s="71">
        <v>0</v>
      </c>
      <c r="U30" s="71">
        <v>1</v>
      </c>
      <c r="V30" s="72">
        <v>10</v>
      </c>
      <c r="W30" s="73">
        <v>17</v>
      </c>
      <c r="X30" s="70">
        <v>12</v>
      </c>
      <c r="Y30" s="71">
        <v>7</v>
      </c>
      <c r="Z30" s="72">
        <v>19</v>
      </c>
      <c r="AA30" s="241"/>
      <c r="AB30" s="71">
        <v>12</v>
      </c>
      <c r="AC30" s="71">
        <v>18</v>
      </c>
      <c r="AD30" s="71">
        <v>8</v>
      </c>
      <c r="AE30" s="71">
        <v>12</v>
      </c>
      <c r="AF30" s="71">
        <v>3</v>
      </c>
      <c r="AG30" s="72">
        <v>53</v>
      </c>
      <c r="AH30" s="73">
        <v>72</v>
      </c>
      <c r="AI30" s="70">
        <v>13</v>
      </c>
      <c r="AJ30" s="71">
        <v>20</v>
      </c>
      <c r="AK30" s="72">
        <v>33</v>
      </c>
      <c r="AL30" s="241"/>
      <c r="AM30" s="71">
        <v>13</v>
      </c>
      <c r="AN30" s="71">
        <v>18</v>
      </c>
      <c r="AO30" s="71">
        <v>13</v>
      </c>
      <c r="AP30" s="71">
        <v>5</v>
      </c>
      <c r="AQ30" s="71">
        <v>6</v>
      </c>
      <c r="AR30" s="72">
        <v>55</v>
      </c>
      <c r="AS30" s="73">
        <v>88</v>
      </c>
      <c r="AT30" s="70">
        <v>21</v>
      </c>
      <c r="AU30" s="71">
        <v>28</v>
      </c>
      <c r="AV30" s="72">
        <v>49</v>
      </c>
      <c r="AW30" s="241"/>
      <c r="AX30" s="71">
        <v>30</v>
      </c>
      <c r="AY30" s="71">
        <v>16</v>
      </c>
      <c r="AZ30" s="71">
        <v>16</v>
      </c>
      <c r="BA30" s="71">
        <v>13</v>
      </c>
      <c r="BB30" s="71">
        <v>6</v>
      </c>
      <c r="BC30" s="72">
        <v>81</v>
      </c>
      <c r="BD30" s="73">
        <v>130</v>
      </c>
      <c r="BE30" s="70">
        <v>21</v>
      </c>
      <c r="BF30" s="71">
        <v>29</v>
      </c>
      <c r="BG30" s="72">
        <v>50</v>
      </c>
      <c r="BH30" s="244"/>
      <c r="BI30" s="71">
        <v>25</v>
      </c>
      <c r="BJ30" s="71">
        <v>19</v>
      </c>
      <c r="BK30" s="71">
        <v>19</v>
      </c>
      <c r="BL30" s="71">
        <v>19</v>
      </c>
      <c r="BM30" s="71">
        <v>9</v>
      </c>
      <c r="BN30" s="72">
        <v>91</v>
      </c>
      <c r="BO30" s="73">
        <v>141</v>
      </c>
      <c r="BP30" s="70">
        <v>13</v>
      </c>
      <c r="BQ30" s="71">
        <v>22</v>
      </c>
      <c r="BR30" s="72">
        <v>35</v>
      </c>
      <c r="BS30" s="244"/>
      <c r="BT30" s="71">
        <v>20</v>
      </c>
      <c r="BU30" s="71">
        <v>17</v>
      </c>
      <c r="BV30" s="71">
        <v>15</v>
      </c>
      <c r="BW30" s="71">
        <v>18</v>
      </c>
      <c r="BX30" s="71">
        <v>5</v>
      </c>
      <c r="BY30" s="72">
        <v>75</v>
      </c>
      <c r="BZ30" s="73">
        <v>110</v>
      </c>
      <c r="CA30" s="70">
        <v>1</v>
      </c>
      <c r="CB30" s="71">
        <v>2</v>
      </c>
      <c r="CC30" s="72">
        <v>3</v>
      </c>
      <c r="CD30" s="244"/>
      <c r="CE30" s="71">
        <v>4</v>
      </c>
      <c r="CF30" s="71">
        <v>3</v>
      </c>
      <c r="CG30" s="71">
        <v>4</v>
      </c>
      <c r="CH30" s="71">
        <v>1</v>
      </c>
      <c r="CI30" s="71">
        <v>2</v>
      </c>
      <c r="CJ30" s="72">
        <v>14</v>
      </c>
      <c r="CK30" s="73">
        <v>17</v>
      </c>
      <c r="CL30" s="70">
        <v>85</v>
      </c>
      <c r="CM30" s="71">
        <v>111</v>
      </c>
      <c r="CN30" s="72">
        <v>196</v>
      </c>
      <c r="CO30" s="244"/>
      <c r="CP30" s="71">
        <v>105</v>
      </c>
      <c r="CQ30" s="71">
        <v>97</v>
      </c>
      <c r="CR30" s="71">
        <v>77</v>
      </c>
      <c r="CS30" s="71">
        <v>68</v>
      </c>
      <c r="CT30" s="71">
        <v>32</v>
      </c>
      <c r="CU30" s="72">
        <v>379</v>
      </c>
      <c r="CV30" s="73">
        <v>575</v>
      </c>
      <c r="CW30" s="123">
        <v>237</v>
      </c>
      <c r="CX30" s="82">
        <v>163</v>
      </c>
      <c r="CY30" s="83">
        <v>400</v>
      </c>
      <c r="CZ30" s="241"/>
      <c r="DA30" s="82">
        <v>195</v>
      </c>
      <c r="DB30" s="82">
        <v>160</v>
      </c>
      <c r="DC30" s="82">
        <v>164</v>
      </c>
      <c r="DD30" s="82">
        <v>134</v>
      </c>
      <c r="DE30" s="82">
        <v>97</v>
      </c>
      <c r="DF30" s="84">
        <v>750</v>
      </c>
      <c r="DG30" s="85">
        <v>1150</v>
      </c>
      <c r="DH30" s="70">
        <v>2</v>
      </c>
      <c r="DI30" s="71">
        <v>4</v>
      </c>
      <c r="DJ30" s="72">
        <v>6</v>
      </c>
      <c r="DK30" s="244"/>
      <c r="DL30" s="71">
        <v>0</v>
      </c>
      <c r="DM30" s="71">
        <v>2</v>
      </c>
      <c r="DN30" s="71">
        <v>2</v>
      </c>
      <c r="DO30" s="71">
        <v>2</v>
      </c>
      <c r="DP30" s="71">
        <v>2</v>
      </c>
      <c r="DQ30" s="72">
        <v>8</v>
      </c>
      <c r="DR30" s="73">
        <v>14</v>
      </c>
      <c r="DS30" s="70">
        <v>17</v>
      </c>
      <c r="DT30" s="71">
        <v>9</v>
      </c>
      <c r="DU30" s="72">
        <v>26</v>
      </c>
      <c r="DV30" s="244"/>
      <c r="DW30" s="71">
        <v>11</v>
      </c>
      <c r="DX30" s="71">
        <v>9</v>
      </c>
      <c r="DY30" s="71">
        <v>9</v>
      </c>
      <c r="DZ30" s="71">
        <v>9</v>
      </c>
      <c r="EA30" s="71">
        <v>3</v>
      </c>
      <c r="EB30" s="72">
        <v>41</v>
      </c>
      <c r="EC30" s="73">
        <v>67</v>
      </c>
      <c r="ED30" s="70">
        <v>30</v>
      </c>
      <c r="EE30" s="71">
        <v>17</v>
      </c>
      <c r="EF30" s="72">
        <v>47</v>
      </c>
      <c r="EG30" s="244"/>
      <c r="EH30" s="71">
        <v>17</v>
      </c>
      <c r="EI30" s="71">
        <v>21</v>
      </c>
      <c r="EJ30" s="71">
        <v>10</v>
      </c>
      <c r="EK30" s="71">
        <v>12</v>
      </c>
      <c r="EL30" s="71">
        <v>11</v>
      </c>
      <c r="EM30" s="72">
        <v>71</v>
      </c>
      <c r="EN30" s="73">
        <v>118</v>
      </c>
      <c r="EO30" s="70">
        <v>62</v>
      </c>
      <c r="EP30" s="71">
        <v>47</v>
      </c>
      <c r="EQ30" s="72">
        <v>109</v>
      </c>
      <c r="ER30" s="244"/>
      <c r="ES30" s="71">
        <v>41</v>
      </c>
      <c r="ET30" s="71">
        <v>28</v>
      </c>
      <c r="EU30" s="71">
        <v>30</v>
      </c>
      <c r="EV30" s="71">
        <v>20</v>
      </c>
      <c r="EW30" s="71">
        <v>23</v>
      </c>
      <c r="EX30" s="72">
        <v>142</v>
      </c>
      <c r="EY30" s="73">
        <v>251</v>
      </c>
      <c r="EZ30" s="70">
        <v>79</v>
      </c>
      <c r="FA30" s="71">
        <v>51</v>
      </c>
      <c r="FB30" s="72">
        <v>130</v>
      </c>
      <c r="FC30" s="244"/>
      <c r="FD30" s="71">
        <v>63</v>
      </c>
      <c r="FE30" s="71">
        <v>45</v>
      </c>
      <c r="FF30" s="71">
        <v>37</v>
      </c>
      <c r="FG30" s="71">
        <v>22</v>
      </c>
      <c r="FH30" s="71">
        <v>25</v>
      </c>
      <c r="FI30" s="72">
        <v>192</v>
      </c>
      <c r="FJ30" s="73">
        <v>322</v>
      </c>
      <c r="FK30" s="70">
        <v>47</v>
      </c>
      <c r="FL30" s="71">
        <v>35</v>
      </c>
      <c r="FM30" s="72">
        <v>82</v>
      </c>
      <c r="FN30" s="244"/>
      <c r="FO30" s="71">
        <v>63</v>
      </c>
      <c r="FP30" s="71">
        <v>55</v>
      </c>
      <c r="FQ30" s="71">
        <v>76</v>
      </c>
      <c r="FR30" s="71">
        <v>69</v>
      </c>
      <c r="FS30" s="71">
        <v>33</v>
      </c>
      <c r="FT30" s="72">
        <v>296</v>
      </c>
      <c r="FU30" s="73">
        <v>378</v>
      </c>
      <c r="FV30" s="70">
        <v>0</v>
      </c>
      <c r="FW30" s="71">
        <v>3</v>
      </c>
      <c r="FX30" s="72">
        <v>3</v>
      </c>
      <c r="FY30" s="244"/>
      <c r="FZ30" s="71">
        <v>4</v>
      </c>
      <c r="GA30" s="71">
        <v>2</v>
      </c>
      <c r="GB30" s="71">
        <v>1</v>
      </c>
      <c r="GC30" s="71">
        <v>1</v>
      </c>
      <c r="GD30" s="71">
        <v>3</v>
      </c>
      <c r="GE30" s="72">
        <v>11</v>
      </c>
      <c r="GF30" s="73">
        <v>14</v>
      </c>
      <c r="GG30" s="70">
        <v>237</v>
      </c>
      <c r="GH30" s="71">
        <v>166</v>
      </c>
      <c r="GI30" s="72">
        <v>403</v>
      </c>
      <c r="GJ30" s="244"/>
      <c r="GK30" s="71">
        <v>199</v>
      </c>
      <c r="GL30" s="71">
        <v>162</v>
      </c>
      <c r="GM30" s="71">
        <v>165</v>
      </c>
      <c r="GN30" s="71">
        <v>135</v>
      </c>
      <c r="GO30" s="71">
        <v>100</v>
      </c>
      <c r="GP30" s="72">
        <v>761</v>
      </c>
      <c r="GQ30" s="73">
        <v>1164</v>
      </c>
      <c r="GR30" s="123">
        <v>321</v>
      </c>
      <c r="GS30" s="82">
        <v>272</v>
      </c>
      <c r="GT30" s="83">
        <v>593</v>
      </c>
      <c r="GU30" s="241"/>
      <c r="GV30" s="82">
        <v>296</v>
      </c>
      <c r="GW30" s="82">
        <v>254</v>
      </c>
      <c r="GX30" s="82">
        <v>237</v>
      </c>
      <c r="GY30" s="82">
        <v>201</v>
      </c>
      <c r="GZ30" s="82">
        <v>127</v>
      </c>
      <c r="HA30" s="84">
        <v>1115</v>
      </c>
      <c r="HB30" s="85">
        <v>1708</v>
      </c>
      <c r="HC30" s="70">
        <v>6</v>
      </c>
      <c r="HD30" s="71">
        <v>7</v>
      </c>
      <c r="HE30" s="72">
        <v>13</v>
      </c>
      <c r="HF30" s="244"/>
      <c r="HG30" s="71">
        <v>1</v>
      </c>
      <c r="HH30" s="71">
        <v>8</v>
      </c>
      <c r="HI30" s="71">
        <v>4</v>
      </c>
      <c r="HJ30" s="71">
        <v>2</v>
      </c>
      <c r="HK30" s="71">
        <v>3</v>
      </c>
      <c r="HL30" s="72">
        <v>18</v>
      </c>
      <c r="HM30" s="73">
        <v>31</v>
      </c>
      <c r="HN30" s="70">
        <v>29</v>
      </c>
      <c r="HO30" s="71">
        <v>16</v>
      </c>
      <c r="HP30" s="72">
        <v>45</v>
      </c>
      <c r="HQ30" s="244"/>
      <c r="HR30" s="71">
        <v>23</v>
      </c>
      <c r="HS30" s="71">
        <v>27</v>
      </c>
      <c r="HT30" s="71">
        <v>17</v>
      </c>
      <c r="HU30" s="71">
        <v>21</v>
      </c>
      <c r="HV30" s="71">
        <v>6</v>
      </c>
      <c r="HW30" s="72">
        <v>94</v>
      </c>
      <c r="HX30" s="73">
        <v>139</v>
      </c>
      <c r="HY30" s="70">
        <v>43</v>
      </c>
      <c r="HZ30" s="71">
        <v>37</v>
      </c>
      <c r="IA30" s="72">
        <v>80</v>
      </c>
      <c r="IB30" s="244"/>
      <c r="IC30" s="71">
        <v>30</v>
      </c>
      <c r="ID30" s="71">
        <v>39</v>
      </c>
      <c r="IE30" s="71">
        <v>23</v>
      </c>
      <c r="IF30" s="71">
        <v>17</v>
      </c>
      <c r="IG30" s="71">
        <v>17</v>
      </c>
      <c r="IH30" s="72">
        <v>126</v>
      </c>
      <c r="II30" s="73">
        <v>206</v>
      </c>
      <c r="IJ30" s="70">
        <v>83</v>
      </c>
      <c r="IK30" s="71">
        <v>75</v>
      </c>
      <c r="IL30" s="72">
        <v>158</v>
      </c>
      <c r="IM30" s="244"/>
      <c r="IN30" s="71">
        <v>71</v>
      </c>
      <c r="IO30" s="71">
        <v>44</v>
      </c>
      <c r="IP30" s="71">
        <v>46</v>
      </c>
      <c r="IQ30" s="71">
        <v>33</v>
      </c>
      <c r="IR30" s="71">
        <v>29</v>
      </c>
      <c r="IS30" s="72">
        <v>223</v>
      </c>
      <c r="IT30" s="73">
        <v>381</v>
      </c>
      <c r="IU30" s="70">
        <v>100</v>
      </c>
      <c r="IV30" s="71">
        <v>80</v>
      </c>
      <c r="IW30" s="72">
        <v>180</v>
      </c>
      <c r="IX30" s="244"/>
      <c r="IY30" s="71">
        <v>88</v>
      </c>
      <c r="IZ30" s="71">
        <v>64</v>
      </c>
      <c r="JA30" s="71">
        <v>56</v>
      </c>
      <c r="JB30" s="71">
        <v>41</v>
      </c>
      <c r="JC30" s="71">
        <v>34</v>
      </c>
      <c r="JD30" s="72">
        <v>283</v>
      </c>
      <c r="JE30" s="73">
        <v>463</v>
      </c>
      <c r="JF30" s="70">
        <v>60</v>
      </c>
      <c r="JG30" s="71">
        <v>57</v>
      </c>
      <c r="JH30" s="72">
        <v>117</v>
      </c>
      <c r="JI30" s="244"/>
      <c r="JJ30" s="71">
        <v>83</v>
      </c>
      <c r="JK30" s="71">
        <v>72</v>
      </c>
      <c r="JL30" s="71">
        <v>91</v>
      </c>
      <c r="JM30" s="71">
        <v>87</v>
      </c>
      <c r="JN30" s="71">
        <v>38</v>
      </c>
      <c r="JO30" s="72">
        <v>371</v>
      </c>
      <c r="JP30" s="73">
        <v>488</v>
      </c>
      <c r="JQ30" s="70">
        <v>1</v>
      </c>
      <c r="JR30" s="71">
        <v>5</v>
      </c>
      <c r="JS30" s="72">
        <v>6</v>
      </c>
      <c r="JT30" s="244"/>
      <c r="JU30" s="71">
        <v>8</v>
      </c>
      <c r="JV30" s="71">
        <v>5</v>
      </c>
      <c r="JW30" s="71">
        <v>5</v>
      </c>
      <c r="JX30" s="71">
        <v>2</v>
      </c>
      <c r="JY30" s="71">
        <v>5</v>
      </c>
      <c r="JZ30" s="72">
        <v>25</v>
      </c>
      <c r="KA30" s="73">
        <v>31</v>
      </c>
      <c r="KB30" s="70">
        <v>322</v>
      </c>
      <c r="KC30" s="71">
        <v>277</v>
      </c>
      <c r="KD30" s="72">
        <v>599</v>
      </c>
      <c r="KE30" s="244"/>
      <c r="KF30" s="71">
        <v>304</v>
      </c>
      <c r="KG30" s="71">
        <v>259</v>
      </c>
      <c r="KH30" s="71">
        <v>242</v>
      </c>
      <c r="KI30" s="71">
        <v>203</v>
      </c>
      <c r="KJ30" s="71">
        <v>132</v>
      </c>
      <c r="KK30" s="72">
        <v>1140</v>
      </c>
      <c r="KL30" s="73">
        <v>1739</v>
      </c>
    </row>
    <row r="31" spans="1:298" ht="19.5" customHeight="1" x14ac:dyDescent="0.2">
      <c r="A31" s="126" t="s">
        <v>28</v>
      </c>
      <c r="B31" s="316">
        <v>15</v>
      </c>
      <c r="C31" s="82">
        <v>16</v>
      </c>
      <c r="D31" s="83">
        <v>31</v>
      </c>
      <c r="E31" s="241"/>
      <c r="F31" s="82">
        <v>36</v>
      </c>
      <c r="G31" s="82">
        <v>46</v>
      </c>
      <c r="H31" s="82">
        <v>22</v>
      </c>
      <c r="I31" s="82">
        <v>17</v>
      </c>
      <c r="J31" s="82">
        <v>12</v>
      </c>
      <c r="K31" s="84">
        <v>133</v>
      </c>
      <c r="L31" s="85">
        <v>164</v>
      </c>
      <c r="M31" s="70">
        <v>0</v>
      </c>
      <c r="N31" s="71">
        <v>2</v>
      </c>
      <c r="O31" s="72">
        <v>2</v>
      </c>
      <c r="P31" s="241"/>
      <c r="Q31" s="71">
        <v>1</v>
      </c>
      <c r="R31" s="71">
        <v>1</v>
      </c>
      <c r="S31" s="71">
        <v>2</v>
      </c>
      <c r="T31" s="71">
        <v>0</v>
      </c>
      <c r="U31" s="71">
        <v>3</v>
      </c>
      <c r="V31" s="72">
        <v>7</v>
      </c>
      <c r="W31" s="73">
        <v>9</v>
      </c>
      <c r="X31" s="70">
        <v>2</v>
      </c>
      <c r="Y31" s="71">
        <v>3</v>
      </c>
      <c r="Z31" s="72">
        <v>5</v>
      </c>
      <c r="AA31" s="241"/>
      <c r="AB31" s="71">
        <v>2</v>
      </c>
      <c r="AC31" s="71">
        <v>8</v>
      </c>
      <c r="AD31" s="71">
        <v>2</v>
      </c>
      <c r="AE31" s="71">
        <v>2</v>
      </c>
      <c r="AF31" s="71">
        <v>0</v>
      </c>
      <c r="AG31" s="72">
        <v>14</v>
      </c>
      <c r="AH31" s="73">
        <v>19</v>
      </c>
      <c r="AI31" s="70">
        <v>4</v>
      </c>
      <c r="AJ31" s="71">
        <v>3</v>
      </c>
      <c r="AK31" s="72">
        <v>7</v>
      </c>
      <c r="AL31" s="241"/>
      <c r="AM31" s="71">
        <v>5</v>
      </c>
      <c r="AN31" s="71">
        <v>7</v>
      </c>
      <c r="AO31" s="71">
        <v>3</v>
      </c>
      <c r="AP31" s="71">
        <v>3</v>
      </c>
      <c r="AQ31" s="71">
        <v>1</v>
      </c>
      <c r="AR31" s="72">
        <v>19</v>
      </c>
      <c r="AS31" s="73">
        <v>26</v>
      </c>
      <c r="AT31" s="70">
        <v>5</v>
      </c>
      <c r="AU31" s="71">
        <v>3</v>
      </c>
      <c r="AV31" s="72">
        <v>8</v>
      </c>
      <c r="AW31" s="241"/>
      <c r="AX31" s="71">
        <v>7</v>
      </c>
      <c r="AY31" s="71">
        <v>8</v>
      </c>
      <c r="AZ31" s="71">
        <v>2</v>
      </c>
      <c r="BA31" s="71">
        <v>2</v>
      </c>
      <c r="BB31" s="71">
        <v>3</v>
      </c>
      <c r="BC31" s="72">
        <v>22</v>
      </c>
      <c r="BD31" s="73">
        <v>30</v>
      </c>
      <c r="BE31" s="70">
        <v>3</v>
      </c>
      <c r="BF31" s="71">
        <v>4</v>
      </c>
      <c r="BG31" s="72">
        <v>7</v>
      </c>
      <c r="BH31" s="244"/>
      <c r="BI31" s="71">
        <v>16</v>
      </c>
      <c r="BJ31" s="71">
        <v>5</v>
      </c>
      <c r="BK31" s="71">
        <v>5</v>
      </c>
      <c r="BL31" s="71">
        <v>7</v>
      </c>
      <c r="BM31" s="71">
        <v>3</v>
      </c>
      <c r="BN31" s="72">
        <v>36</v>
      </c>
      <c r="BO31" s="73">
        <v>43</v>
      </c>
      <c r="BP31" s="70">
        <v>1</v>
      </c>
      <c r="BQ31" s="71">
        <v>1</v>
      </c>
      <c r="BR31" s="72">
        <v>2</v>
      </c>
      <c r="BS31" s="244"/>
      <c r="BT31" s="71">
        <v>5</v>
      </c>
      <c r="BU31" s="71">
        <v>17</v>
      </c>
      <c r="BV31" s="71">
        <v>8</v>
      </c>
      <c r="BW31" s="71">
        <v>3</v>
      </c>
      <c r="BX31" s="71">
        <v>2</v>
      </c>
      <c r="BY31" s="72">
        <v>35</v>
      </c>
      <c r="BZ31" s="73">
        <v>37</v>
      </c>
      <c r="CA31" s="70">
        <v>0</v>
      </c>
      <c r="CB31" s="71">
        <v>1</v>
      </c>
      <c r="CC31" s="72">
        <v>1</v>
      </c>
      <c r="CD31" s="244"/>
      <c r="CE31" s="71">
        <v>0</v>
      </c>
      <c r="CF31" s="71">
        <v>1</v>
      </c>
      <c r="CG31" s="71">
        <v>0</v>
      </c>
      <c r="CH31" s="71">
        <v>1</v>
      </c>
      <c r="CI31" s="71">
        <v>2</v>
      </c>
      <c r="CJ31" s="72">
        <v>4</v>
      </c>
      <c r="CK31" s="73">
        <v>5</v>
      </c>
      <c r="CL31" s="70">
        <v>15</v>
      </c>
      <c r="CM31" s="71">
        <v>17</v>
      </c>
      <c r="CN31" s="72">
        <v>32</v>
      </c>
      <c r="CO31" s="244"/>
      <c r="CP31" s="71">
        <v>36</v>
      </c>
      <c r="CQ31" s="71">
        <v>47</v>
      </c>
      <c r="CR31" s="71">
        <v>22</v>
      </c>
      <c r="CS31" s="71">
        <v>18</v>
      </c>
      <c r="CT31" s="71">
        <v>14</v>
      </c>
      <c r="CU31" s="72">
        <v>137</v>
      </c>
      <c r="CV31" s="73">
        <v>169</v>
      </c>
      <c r="CW31" s="123">
        <v>24</v>
      </c>
      <c r="CX31" s="82">
        <v>32</v>
      </c>
      <c r="CY31" s="83">
        <v>56</v>
      </c>
      <c r="CZ31" s="241"/>
      <c r="DA31" s="82">
        <v>55</v>
      </c>
      <c r="DB31" s="82">
        <v>68</v>
      </c>
      <c r="DC31" s="82">
        <v>44</v>
      </c>
      <c r="DD31" s="82">
        <v>52</v>
      </c>
      <c r="DE31" s="82">
        <v>34</v>
      </c>
      <c r="DF31" s="84">
        <v>253</v>
      </c>
      <c r="DG31" s="85">
        <v>309</v>
      </c>
      <c r="DH31" s="70">
        <v>4</v>
      </c>
      <c r="DI31" s="71">
        <v>3</v>
      </c>
      <c r="DJ31" s="72">
        <v>7</v>
      </c>
      <c r="DK31" s="244"/>
      <c r="DL31" s="71">
        <v>2</v>
      </c>
      <c r="DM31" s="71">
        <v>2</v>
      </c>
      <c r="DN31" s="71">
        <v>0</v>
      </c>
      <c r="DO31" s="71">
        <v>0</v>
      </c>
      <c r="DP31" s="71">
        <v>0</v>
      </c>
      <c r="DQ31" s="72">
        <v>4</v>
      </c>
      <c r="DR31" s="73">
        <v>11</v>
      </c>
      <c r="DS31" s="70">
        <v>2</v>
      </c>
      <c r="DT31" s="71">
        <v>3</v>
      </c>
      <c r="DU31" s="72">
        <v>5</v>
      </c>
      <c r="DV31" s="244"/>
      <c r="DW31" s="71">
        <v>2</v>
      </c>
      <c r="DX31" s="71">
        <v>3</v>
      </c>
      <c r="DY31" s="71">
        <v>1</v>
      </c>
      <c r="DZ31" s="71">
        <v>3</v>
      </c>
      <c r="EA31" s="71">
        <v>0</v>
      </c>
      <c r="EB31" s="72">
        <v>9</v>
      </c>
      <c r="EC31" s="73">
        <v>14</v>
      </c>
      <c r="ED31" s="70">
        <v>6</v>
      </c>
      <c r="EE31" s="71">
        <v>6</v>
      </c>
      <c r="EF31" s="72">
        <v>12</v>
      </c>
      <c r="EG31" s="244"/>
      <c r="EH31" s="71">
        <v>10</v>
      </c>
      <c r="EI31" s="71">
        <v>6</v>
      </c>
      <c r="EJ31" s="71">
        <v>9</v>
      </c>
      <c r="EK31" s="71">
        <v>5</v>
      </c>
      <c r="EL31" s="71">
        <v>5</v>
      </c>
      <c r="EM31" s="72">
        <v>35</v>
      </c>
      <c r="EN31" s="73">
        <v>47</v>
      </c>
      <c r="EO31" s="70">
        <v>8</v>
      </c>
      <c r="EP31" s="71">
        <v>7</v>
      </c>
      <c r="EQ31" s="72">
        <v>15</v>
      </c>
      <c r="ER31" s="244"/>
      <c r="ES31" s="71">
        <v>12</v>
      </c>
      <c r="ET31" s="71">
        <v>20</v>
      </c>
      <c r="EU31" s="71">
        <v>4</v>
      </c>
      <c r="EV31" s="71">
        <v>7</v>
      </c>
      <c r="EW31" s="71">
        <v>9</v>
      </c>
      <c r="EX31" s="72">
        <v>52</v>
      </c>
      <c r="EY31" s="73">
        <v>67</v>
      </c>
      <c r="EZ31" s="70">
        <v>4</v>
      </c>
      <c r="FA31" s="71">
        <v>8</v>
      </c>
      <c r="FB31" s="72">
        <v>12</v>
      </c>
      <c r="FC31" s="244"/>
      <c r="FD31" s="71">
        <v>18</v>
      </c>
      <c r="FE31" s="71">
        <v>16</v>
      </c>
      <c r="FF31" s="71">
        <v>10</v>
      </c>
      <c r="FG31" s="71">
        <v>17</v>
      </c>
      <c r="FH31" s="71">
        <v>6</v>
      </c>
      <c r="FI31" s="72">
        <v>67</v>
      </c>
      <c r="FJ31" s="73">
        <v>79</v>
      </c>
      <c r="FK31" s="70">
        <v>0</v>
      </c>
      <c r="FL31" s="71">
        <v>5</v>
      </c>
      <c r="FM31" s="72">
        <v>5</v>
      </c>
      <c r="FN31" s="244"/>
      <c r="FO31" s="71">
        <v>11</v>
      </c>
      <c r="FP31" s="71">
        <v>21</v>
      </c>
      <c r="FQ31" s="71">
        <v>20</v>
      </c>
      <c r="FR31" s="71">
        <v>20</v>
      </c>
      <c r="FS31" s="71">
        <v>14</v>
      </c>
      <c r="FT31" s="72">
        <v>86</v>
      </c>
      <c r="FU31" s="73">
        <v>91</v>
      </c>
      <c r="FV31" s="70">
        <v>0</v>
      </c>
      <c r="FW31" s="71">
        <v>0</v>
      </c>
      <c r="FX31" s="72">
        <v>0</v>
      </c>
      <c r="FY31" s="244"/>
      <c r="FZ31" s="71">
        <v>1</v>
      </c>
      <c r="GA31" s="71">
        <v>1</v>
      </c>
      <c r="GB31" s="71">
        <v>0</v>
      </c>
      <c r="GC31" s="71">
        <v>2</v>
      </c>
      <c r="GD31" s="71">
        <v>1</v>
      </c>
      <c r="GE31" s="72">
        <v>5</v>
      </c>
      <c r="GF31" s="73">
        <v>5</v>
      </c>
      <c r="GG31" s="70">
        <v>24</v>
      </c>
      <c r="GH31" s="71">
        <v>32</v>
      </c>
      <c r="GI31" s="72">
        <v>56</v>
      </c>
      <c r="GJ31" s="244"/>
      <c r="GK31" s="71">
        <v>56</v>
      </c>
      <c r="GL31" s="71">
        <v>69</v>
      </c>
      <c r="GM31" s="71">
        <v>44</v>
      </c>
      <c r="GN31" s="71">
        <v>54</v>
      </c>
      <c r="GO31" s="71">
        <v>35</v>
      </c>
      <c r="GP31" s="72">
        <v>258</v>
      </c>
      <c r="GQ31" s="73">
        <v>314</v>
      </c>
      <c r="GR31" s="123">
        <v>39</v>
      </c>
      <c r="GS31" s="82">
        <v>48</v>
      </c>
      <c r="GT31" s="83">
        <v>87</v>
      </c>
      <c r="GU31" s="241"/>
      <c r="GV31" s="82">
        <v>91</v>
      </c>
      <c r="GW31" s="82">
        <v>114</v>
      </c>
      <c r="GX31" s="82">
        <v>66</v>
      </c>
      <c r="GY31" s="82">
        <v>69</v>
      </c>
      <c r="GZ31" s="82">
        <v>46</v>
      </c>
      <c r="HA31" s="84">
        <v>386</v>
      </c>
      <c r="HB31" s="85">
        <v>473</v>
      </c>
      <c r="HC31" s="70">
        <v>4</v>
      </c>
      <c r="HD31" s="71">
        <v>5</v>
      </c>
      <c r="HE31" s="72">
        <v>9</v>
      </c>
      <c r="HF31" s="244"/>
      <c r="HG31" s="71">
        <v>3</v>
      </c>
      <c r="HH31" s="71">
        <v>3</v>
      </c>
      <c r="HI31" s="71">
        <v>2</v>
      </c>
      <c r="HJ31" s="71">
        <v>0</v>
      </c>
      <c r="HK31" s="71">
        <v>3</v>
      </c>
      <c r="HL31" s="72">
        <v>11</v>
      </c>
      <c r="HM31" s="73">
        <v>20</v>
      </c>
      <c r="HN31" s="70">
        <v>4</v>
      </c>
      <c r="HO31" s="71">
        <v>6</v>
      </c>
      <c r="HP31" s="72">
        <v>10</v>
      </c>
      <c r="HQ31" s="244"/>
      <c r="HR31" s="71">
        <v>4</v>
      </c>
      <c r="HS31" s="71">
        <v>11</v>
      </c>
      <c r="HT31" s="71">
        <v>3</v>
      </c>
      <c r="HU31" s="71">
        <v>5</v>
      </c>
      <c r="HV31" s="71">
        <v>0</v>
      </c>
      <c r="HW31" s="72">
        <v>23</v>
      </c>
      <c r="HX31" s="73">
        <v>33</v>
      </c>
      <c r="HY31" s="70">
        <v>10</v>
      </c>
      <c r="HZ31" s="71">
        <v>9</v>
      </c>
      <c r="IA31" s="72">
        <v>19</v>
      </c>
      <c r="IB31" s="244"/>
      <c r="IC31" s="71">
        <v>15</v>
      </c>
      <c r="ID31" s="71">
        <v>13</v>
      </c>
      <c r="IE31" s="71">
        <v>12</v>
      </c>
      <c r="IF31" s="71">
        <v>8</v>
      </c>
      <c r="IG31" s="71">
        <v>6</v>
      </c>
      <c r="IH31" s="72">
        <v>54</v>
      </c>
      <c r="II31" s="73">
        <v>73</v>
      </c>
      <c r="IJ31" s="70">
        <v>13</v>
      </c>
      <c r="IK31" s="71">
        <v>10</v>
      </c>
      <c r="IL31" s="72">
        <v>23</v>
      </c>
      <c r="IM31" s="244"/>
      <c r="IN31" s="71">
        <v>19</v>
      </c>
      <c r="IO31" s="71">
        <v>28</v>
      </c>
      <c r="IP31" s="71">
        <v>6</v>
      </c>
      <c r="IQ31" s="71">
        <v>9</v>
      </c>
      <c r="IR31" s="71">
        <v>12</v>
      </c>
      <c r="IS31" s="72">
        <v>74</v>
      </c>
      <c r="IT31" s="73">
        <v>97</v>
      </c>
      <c r="IU31" s="70">
        <v>7</v>
      </c>
      <c r="IV31" s="71">
        <v>12</v>
      </c>
      <c r="IW31" s="72">
        <v>19</v>
      </c>
      <c r="IX31" s="244"/>
      <c r="IY31" s="71">
        <v>34</v>
      </c>
      <c r="IZ31" s="71">
        <v>21</v>
      </c>
      <c r="JA31" s="71">
        <v>15</v>
      </c>
      <c r="JB31" s="71">
        <v>24</v>
      </c>
      <c r="JC31" s="71">
        <v>9</v>
      </c>
      <c r="JD31" s="72">
        <v>103</v>
      </c>
      <c r="JE31" s="73">
        <v>122</v>
      </c>
      <c r="JF31" s="70">
        <v>1</v>
      </c>
      <c r="JG31" s="71">
        <v>6</v>
      </c>
      <c r="JH31" s="72">
        <v>7</v>
      </c>
      <c r="JI31" s="244"/>
      <c r="JJ31" s="71">
        <v>16</v>
      </c>
      <c r="JK31" s="71">
        <v>38</v>
      </c>
      <c r="JL31" s="71">
        <v>28</v>
      </c>
      <c r="JM31" s="71">
        <v>23</v>
      </c>
      <c r="JN31" s="71">
        <v>16</v>
      </c>
      <c r="JO31" s="72">
        <v>121</v>
      </c>
      <c r="JP31" s="73">
        <v>128</v>
      </c>
      <c r="JQ31" s="70">
        <v>0</v>
      </c>
      <c r="JR31" s="71">
        <v>1</v>
      </c>
      <c r="JS31" s="72">
        <v>1</v>
      </c>
      <c r="JT31" s="244"/>
      <c r="JU31" s="71">
        <v>1</v>
      </c>
      <c r="JV31" s="71">
        <v>2</v>
      </c>
      <c r="JW31" s="71">
        <v>0</v>
      </c>
      <c r="JX31" s="71">
        <v>3</v>
      </c>
      <c r="JY31" s="71">
        <v>3</v>
      </c>
      <c r="JZ31" s="72">
        <v>9</v>
      </c>
      <c r="KA31" s="73">
        <v>10</v>
      </c>
      <c r="KB31" s="70">
        <v>39</v>
      </c>
      <c r="KC31" s="71">
        <v>49</v>
      </c>
      <c r="KD31" s="72">
        <v>88</v>
      </c>
      <c r="KE31" s="244"/>
      <c r="KF31" s="71">
        <v>92</v>
      </c>
      <c r="KG31" s="71">
        <v>116</v>
      </c>
      <c r="KH31" s="71">
        <v>66</v>
      </c>
      <c r="KI31" s="71">
        <v>72</v>
      </c>
      <c r="KJ31" s="71">
        <v>49</v>
      </c>
      <c r="KK31" s="72">
        <v>395</v>
      </c>
      <c r="KL31" s="73">
        <v>483</v>
      </c>
    </row>
    <row r="32" spans="1:298" ht="19.5" customHeight="1" x14ac:dyDescent="0.2">
      <c r="A32" s="126" t="s">
        <v>29</v>
      </c>
      <c r="B32" s="316">
        <v>24</v>
      </c>
      <c r="C32" s="82">
        <v>21</v>
      </c>
      <c r="D32" s="83">
        <v>45</v>
      </c>
      <c r="E32" s="241"/>
      <c r="F32" s="82">
        <v>43</v>
      </c>
      <c r="G32" s="82">
        <v>56</v>
      </c>
      <c r="H32" s="82">
        <v>41</v>
      </c>
      <c r="I32" s="82">
        <v>44</v>
      </c>
      <c r="J32" s="82">
        <v>14</v>
      </c>
      <c r="K32" s="84">
        <v>198</v>
      </c>
      <c r="L32" s="85">
        <v>243</v>
      </c>
      <c r="M32" s="70">
        <v>2</v>
      </c>
      <c r="N32" s="71">
        <v>1</v>
      </c>
      <c r="O32" s="72">
        <v>3</v>
      </c>
      <c r="P32" s="241"/>
      <c r="Q32" s="71">
        <v>3</v>
      </c>
      <c r="R32" s="71">
        <v>2</v>
      </c>
      <c r="S32" s="71">
        <v>6</v>
      </c>
      <c r="T32" s="71">
        <v>0</v>
      </c>
      <c r="U32" s="71">
        <v>0</v>
      </c>
      <c r="V32" s="72">
        <v>11</v>
      </c>
      <c r="W32" s="73">
        <v>14</v>
      </c>
      <c r="X32" s="70">
        <v>3</v>
      </c>
      <c r="Y32" s="71">
        <v>4</v>
      </c>
      <c r="Z32" s="72">
        <v>7</v>
      </c>
      <c r="AA32" s="241"/>
      <c r="AB32" s="71">
        <v>6</v>
      </c>
      <c r="AC32" s="71">
        <v>5</v>
      </c>
      <c r="AD32" s="71">
        <v>2</v>
      </c>
      <c r="AE32" s="71">
        <v>7</v>
      </c>
      <c r="AF32" s="71">
        <v>2</v>
      </c>
      <c r="AG32" s="72">
        <v>22</v>
      </c>
      <c r="AH32" s="73">
        <v>29</v>
      </c>
      <c r="AI32" s="70">
        <v>8</v>
      </c>
      <c r="AJ32" s="71">
        <v>6</v>
      </c>
      <c r="AK32" s="72">
        <v>14</v>
      </c>
      <c r="AL32" s="241"/>
      <c r="AM32" s="71">
        <v>9</v>
      </c>
      <c r="AN32" s="71">
        <v>8</v>
      </c>
      <c r="AO32" s="71">
        <v>6</v>
      </c>
      <c r="AP32" s="71">
        <v>6</v>
      </c>
      <c r="AQ32" s="71">
        <v>3</v>
      </c>
      <c r="AR32" s="72">
        <v>32</v>
      </c>
      <c r="AS32" s="73">
        <v>46</v>
      </c>
      <c r="AT32" s="70">
        <v>5</v>
      </c>
      <c r="AU32" s="71">
        <v>5</v>
      </c>
      <c r="AV32" s="72">
        <v>10</v>
      </c>
      <c r="AW32" s="241"/>
      <c r="AX32" s="71">
        <v>7</v>
      </c>
      <c r="AY32" s="71">
        <v>15</v>
      </c>
      <c r="AZ32" s="71">
        <v>9</v>
      </c>
      <c r="BA32" s="71">
        <v>12</v>
      </c>
      <c r="BB32" s="71">
        <v>2</v>
      </c>
      <c r="BC32" s="72">
        <v>45</v>
      </c>
      <c r="BD32" s="73">
        <v>55</v>
      </c>
      <c r="BE32" s="70">
        <v>4</v>
      </c>
      <c r="BF32" s="71">
        <v>2</v>
      </c>
      <c r="BG32" s="72">
        <v>6</v>
      </c>
      <c r="BH32" s="244"/>
      <c r="BI32" s="71">
        <v>11</v>
      </c>
      <c r="BJ32" s="71">
        <v>13</v>
      </c>
      <c r="BK32" s="71">
        <v>9</v>
      </c>
      <c r="BL32" s="71">
        <v>15</v>
      </c>
      <c r="BM32" s="71">
        <v>4</v>
      </c>
      <c r="BN32" s="72">
        <v>52</v>
      </c>
      <c r="BO32" s="73">
        <v>58</v>
      </c>
      <c r="BP32" s="70">
        <v>2</v>
      </c>
      <c r="BQ32" s="71">
        <v>3</v>
      </c>
      <c r="BR32" s="72">
        <v>5</v>
      </c>
      <c r="BS32" s="244"/>
      <c r="BT32" s="71">
        <v>7</v>
      </c>
      <c r="BU32" s="71">
        <v>13</v>
      </c>
      <c r="BV32" s="71">
        <v>9</v>
      </c>
      <c r="BW32" s="71">
        <v>4</v>
      </c>
      <c r="BX32" s="71">
        <v>3</v>
      </c>
      <c r="BY32" s="72">
        <v>36</v>
      </c>
      <c r="BZ32" s="73">
        <v>41</v>
      </c>
      <c r="CA32" s="70">
        <v>1</v>
      </c>
      <c r="CB32" s="71">
        <v>2</v>
      </c>
      <c r="CC32" s="72">
        <v>3</v>
      </c>
      <c r="CD32" s="244"/>
      <c r="CE32" s="71">
        <v>1</v>
      </c>
      <c r="CF32" s="71">
        <v>3</v>
      </c>
      <c r="CG32" s="71">
        <v>2</v>
      </c>
      <c r="CH32" s="71">
        <v>1</v>
      </c>
      <c r="CI32" s="71">
        <v>1</v>
      </c>
      <c r="CJ32" s="72">
        <v>8</v>
      </c>
      <c r="CK32" s="73">
        <v>11</v>
      </c>
      <c r="CL32" s="70">
        <v>25</v>
      </c>
      <c r="CM32" s="71">
        <v>23</v>
      </c>
      <c r="CN32" s="72">
        <v>48</v>
      </c>
      <c r="CO32" s="244"/>
      <c r="CP32" s="71">
        <v>44</v>
      </c>
      <c r="CQ32" s="71">
        <v>59</v>
      </c>
      <c r="CR32" s="71">
        <v>43</v>
      </c>
      <c r="CS32" s="71">
        <v>45</v>
      </c>
      <c r="CT32" s="71">
        <v>15</v>
      </c>
      <c r="CU32" s="72">
        <v>206</v>
      </c>
      <c r="CV32" s="73">
        <v>254</v>
      </c>
      <c r="CW32" s="123">
        <v>44</v>
      </c>
      <c r="CX32" s="82">
        <v>50</v>
      </c>
      <c r="CY32" s="83">
        <v>94</v>
      </c>
      <c r="CZ32" s="241"/>
      <c r="DA32" s="82">
        <v>78</v>
      </c>
      <c r="DB32" s="82">
        <v>78</v>
      </c>
      <c r="DC32" s="82">
        <v>58</v>
      </c>
      <c r="DD32" s="82">
        <v>74</v>
      </c>
      <c r="DE32" s="82">
        <v>54</v>
      </c>
      <c r="DF32" s="84">
        <v>342</v>
      </c>
      <c r="DG32" s="85">
        <v>436</v>
      </c>
      <c r="DH32" s="70">
        <v>1</v>
      </c>
      <c r="DI32" s="71">
        <v>4</v>
      </c>
      <c r="DJ32" s="72">
        <v>5</v>
      </c>
      <c r="DK32" s="244"/>
      <c r="DL32" s="71">
        <v>2</v>
      </c>
      <c r="DM32" s="71">
        <v>3</v>
      </c>
      <c r="DN32" s="71">
        <v>0</v>
      </c>
      <c r="DO32" s="71">
        <v>2</v>
      </c>
      <c r="DP32" s="71">
        <v>3</v>
      </c>
      <c r="DQ32" s="72">
        <v>10</v>
      </c>
      <c r="DR32" s="73">
        <v>15</v>
      </c>
      <c r="DS32" s="70">
        <v>4</v>
      </c>
      <c r="DT32" s="71">
        <v>2</v>
      </c>
      <c r="DU32" s="72">
        <v>6</v>
      </c>
      <c r="DV32" s="244"/>
      <c r="DW32" s="71">
        <v>3</v>
      </c>
      <c r="DX32" s="71">
        <v>4</v>
      </c>
      <c r="DY32" s="71">
        <v>4</v>
      </c>
      <c r="DZ32" s="71">
        <v>3</v>
      </c>
      <c r="EA32" s="71">
        <v>2</v>
      </c>
      <c r="EB32" s="72">
        <v>16</v>
      </c>
      <c r="EC32" s="73">
        <v>22</v>
      </c>
      <c r="ED32" s="70">
        <v>8</v>
      </c>
      <c r="EE32" s="71">
        <v>9</v>
      </c>
      <c r="EF32" s="72">
        <v>17</v>
      </c>
      <c r="EG32" s="244"/>
      <c r="EH32" s="71">
        <v>9</v>
      </c>
      <c r="EI32" s="71">
        <v>8</v>
      </c>
      <c r="EJ32" s="71">
        <v>4</v>
      </c>
      <c r="EK32" s="71">
        <v>7</v>
      </c>
      <c r="EL32" s="71">
        <v>6</v>
      </c>
      <c r="EM32" s="72">
        <v>34</v>
      </c>
      <c r="EN32" s="73">
        <v>51</v>
      </c>
      <c r="EO32" s="70">
        <v>8</v>
      </c>
      <c r="EP32" s="71">
        <v>16</v>
      </c>
      <c r="EQ32" s="72">
        <v>24</v>
      </c>
      <c r="ER32" s="244"/>
      <c r="ES32" s="71">
        <v>21</v>
      </c>
      <c r="ET32" s="71">
        <v>19</v>
      </c>
      <c r="EU32" s="71">
        <v>12</v>
      </c>
      <c r="EV32" s="71">
        <v>17</v>
      </c>
      <c r="EW32" s="71">
        <v>6</v>
      </c>
      <c r="EX32" s="72">
        <v>75</v>
      </c>
      <c r="EY32" s="73">
        <v>99</v>
      </c>
      <c r="EZ32" s="70">
        <v>16</v>
      </c>
      <c r="FA32" s="71">
        <v>13</v>
      </c>
      <c r="FB32" s="72">
        <v>29</v>
      </c>
      <c r="FC32" s="244"/>
      <c r="FD32" s="71">
        <v>30</v>
      </c>
      <c r="FE32" s="71">
        <v>15</v>
      </c>
      <c r="FF32" s="71">
        <v>17</v>
      </c>
      <c r="FG32" s="71">
        <v>20</v>
      </c>
      <c r="FH32" s="71">
        <v>16</v>
      </c>
      <c r="FI32" s="72">
        <v>98</v>
      </c>
      <c r="FJ32" s="73">
        <v>127</v>
      </c>
      <c r="FK32" s="70">
        <v>7</v>
      </c>
      <c r="FL32" s="71">
        <v>6</v>
      </c>
      <c r="FM32" s="72">
        <v>13</v>
      </c>
      <c r="FN32" s="244"/>
      <c r="FO32" s="71">
        <v>13</v>
      </c>
      <c r="FP32" s="71">
        <v>29</v>
      </c>
      <c r="FQ32" s="71">
        <v>21</v>
      </c>
      <c r="FR32" s="71">
        <v>25</v>
      </c>
      <c r="FS32" s="71">
        <v>21</v>
      </c>
      <c r="FT32" s="72">
        <v>109</v>
      </c>
      <c r="FU32" s="73">
        <v>122</v>
      </c>
      <c r="FV32" s="70">
        <v>1</v>
      </c>
      <c r="FW32" s="71">
        <v>1</v>
      </c>
      <c r="FX32" s="72">
        <v>2</v>
      </c>
      <c r="FY32" s="244"/>
      <c r="FZ32" s="71">
        <v>1</v>
      </c>
      <c r="GA32" s="71">
        <v>1</v>
      </c>
      <c r="GB32" s="71">
        <v>0</v>
      </c>
      <c r="GC32" s="71">
        <v>0</v>
      </c>
      <c r="GD32" s="71">
        <v>0</v>
      </c>
      <c r="GE32" s="72">
        <v>2</v>
      </c>
      <c r="GF32" s="73">
        <v>4</v>
      </c>
      <c r="GG32" s="70">
        <v>45</v>
      </c>
      <c r="GH32" s="71">
        <v>51</v>
      </c>
      <c r="GI32" s="72">
        <v>96</v>
      </c>
      <c r="GJ32" s="244"/>
      <c r="GK32" s="71">
        <v>79</v>
      </c>
      <c r="GL32" s="71">
        <v>79</v>
      </c>
      <c r="GM32" s="71">
        <v>58</v>
      </c>
      <c r="GN32" s="71">
        <v>74</v>
      </c>
      <c r="GO32" s="71">
        <v>54</v>
      </c>
      <c r="GP32" s="72">
        <v>344</v>
      </c>
      <c r="GQ32" s="73">
        <v>440</v>
      </c>
      <c r="GR32" s="123">
        <v>68</v>
      </c>
      <c r="GS32" s="82">
        <v>71</v>
      </c>
      <c r="GT32" s="83">
        <v>139</v>
      </c>
      <c r="GU32" s="241"/>
      <c r="GV32" s="82">
        <v>121</v>
      </c>
      <c r="GW32" s="82">
        <v>134</v>
      </c>
      <c r="GX32" s="82">
        <v>99</v>
      </c>
      <c r="GY32" s="82">
        <v>118</v>
      </c>
      <c r="GZ32" s="82">
        <v>68</v>
      </c>
      <c r="HA32" s="84">
        <v>540</v>
      </c>
      <c r="HB32" s="85">
        <v>679</v>
      </c>
      <c r="HC32" s="70">
        <v>3</v>
      </c>
      <c r="HD32" s="71">
        <v>5</v>
      </c>
      <c r="HE32" s="72">
        <v>8</v>
      </c>
      <c r="HF32" s="244"/>
      <c r="HG32" s="71">
        <v>5</v>
      </c>
      <c r="HH32" s="71">
        <v>5</v>
      </c>
      <c r="HI32" s="71">
        <v>6</v>
      </c>
      <c r="HJ32" s="71">
        <v>2</v>
      </c>
      <c r="HK32" s="71">
        <v>3</v>
      </c>
      <c r="HL32" s="72">
        <v>21</v>
      </c>
      <c r="HM32" s="73">
        <v>29</v>
      </c>
      <c r="HN32" s="70">
        <v>7</v>
      </c>
      <c r="HO32" s="71">
        <v>6</v>
      </c>
      <c r="HP32" s="72">
        <v>13</v>
      </c>
      <c r="HQ32" s="244"/>
      <c r="HR32" s="71">
        <v>9</v>
      </c>
      <c r="HS32" s="71">
        <v>9</v>
      </c>
      <c r="HT32" s="71">
        <v>6</v>
      </c>
      <c r="HU32" s="71">
        <v>10</v>
      </c>
      <c r="HV32" s="71">
        <v>4</v>
      </c>
      <c r="HW32" s="72">
        <v>38</v>
      </c>
      <c r="HX32" s="73">
        <v>51</v>
      </c>
      <c r="HY32" s="70">
        <v>16</v>
      </c>
      <c r="HZ32" s="71">
        <v>15</v>
      </c>
      <c r="IA32" s="72">
        <v>31</v>
      </c>
      <c r="IB32" s="244"/>
      <c r="IC32" s="71">
        <v>18</v>
      </c>
      <c r="ID32" s="71">
        <v>16</v>
      </c>
      <c r="IE32" s="71">
        <v>10</v>
      </c>
      <c r="IF32" s="71">
        <v>13</v>
      </c>
      <c r="IG32" s="71">
        <v>9</v>
      </c>
      <c r="IH32" s="72">
        <v>66</v>
      </c>
      <c r="II32" s="73">
        <v>97</v>
      </c>
      <c r="IJ32" s="70">
        <v>13</v>
      </c>
      <c r="IK32" s="71">
        <v>21</v>
      </c>
      <c r="IL32" s="72">
        <v>34</v>
      </c>
      <c r="IM32" s="244"/>
      <c r="IN32" s="71">
        <v>28</v>
      </c>
      <c r="IO32" s="71">
        <v>34</v>
      </c>
      <c r="IP32" s="71">
        <v>21</v>
      </c>
      <c r="IQ32" s="71">
        <v>29</v>
      </c>
      <c r="IR32" s="71">
        <v>8</v>
      </c>
      <c r="IS32" s="72">
        <v>120</v>
      </c>
      <c r="IT32" s="73">
        <v>154</v>
      </c>
      <c r="IU32" s="70">
        <v>20</v>
      </c>
      <c r="IV32" s="71">
        <v>15</v>
      </c>
      <c r="IW32" s="72">
        <v>35</v>
      </c>
      <c r="IX32" s="244"/>
      <c r="IY32" s="71">
        <v>41</v>
      </c>
      <c r="IZ32" s="71">
        <v>28</v>
      </c>
      <c r="JA32" s="71">
        <v>26</v>
      </c>
      <c r="JB32" s="71">
        <v>35</v>
      </c>
      <c r="JC32" s="71">
        <v>20</v>
      </c>
      <c r="JD32" s="72">
        <v>150</v>
      </c>
      <c r="JE32" s="73">
        <v>185</v>
      </c>
      <c r="JF32" s="70">
        <v>9</v>
      </c>
      <c r="JG32" s="71">
        <v>9</v>
      </c>
      <c r="JH32" s="72">
        <v>18</v>
      </c>
      <c r="JI32" s="244"/>
      <c r="JJ32" s="71">
        <v>20</v>
      </c>
      <c r="JK32" s="71">
        <v>42</v>
      </c>
      <c r="JL32" s="71">
        <v>30</v>
      </c>
      <c r="JM32" s="71">
        <v>29</v>
      </c>
      <c r="JN32" s="71">
        <v>24</v>
      </c>
      <c r="JO32" s="72">
        <v>145</v>
      </c>
      <c r="JP32" s="73">
        <v>163</v>
      </c>
      <c r="JQ32" s="70">
        <v>2</v>
      </c>
      <c r="JR32" s="71">
        <v>3</v>
      </c>
      <c r="JS32" s="72">
        <v>5</v>
      </c>
      <c r="JT32" s="244"/>
      <c r="JU32" s="71">
        <v>2</v>
      </c>
      <c r="JV32" s="71">
        <v>4</v>
      </c>
      <c r="JW32" s="71">
        <v>2</v>
      </c>
      <c r="JX32" s="71">
        <v>1</v>
      </c>
      <c r="JY32" s="71">
        <v>1</v>
      </c>
      <c r="JZ32" s="72">
        <v>10</v>
      </c>
      <c r="KA32" s="73">
        <v>15</v>
      </c>
      <c r="KB32" s="70">
        <v>70</v>
      </c>
      <c r="KC32" s="71">
        <v>74</v>
      </c>
      <c r="KD32" s="72">
        <v>144</v>
      </c>
      <c r="KE32" s="244"/>
      <c r="KF32" s="71">
        <v>123</v>
      </c>
      <c r="KG32" s="71">
        <v>138</v>
      </c>
      <c r="KH32" s="71">
        <v>101</v>
      </c>
      <c r="KI32" s="71">
        <v>119</v>
      </c>
      <c r="KJ32" s="71">
        <v>69</v>
      </c>
      <c r="KK32" s="72">
        <v>550</v>
      </c>
      <c r="KL32" s="73">
        <v>694</v>
      </c>
    </row>
    <row r="33" spans="1:298" ht="19.5" customHeight="1" x14ac:dyDescent="0.2">
      <c r="A33" s="126" t="s">
        <v>30</v>
      </c>
      <c r="B33" s="316">
        <v>15</v>
      </c>
      <c r="C33" s="82">
        <v>12</v>
      </c>
      <c r="D33" s="83">
        <v>27</v>
      </c>
      <c r="E33" s="241"/>
      <c r="F33" s="82">
        <v>44</v>
      </c>
      <c r="G33" s="82">
        <v>38</v>
      </c>
      <c r="H33" s="82">
        <v>28</v>
      </c>
      <c r="I33" s="82">
        <v>33</v>
      </c>
      <c r="J33" s="82">
        <v>8</v>
      </c>
      <c r="K33" s="84">
        <v>151</v>
      </c>
      <c r="L33" s="85">
        <v>178</v>
      </c>
      <c r="M33" s="70">
        <v>2</v>
      </c>
      <c r="N33" s="71">
        <v>0</v>
      </c>
      <c r="O33" s="72">
        <v>2</v>
      </c>
      <c r="P33" s="241"/>
      <c r="Q33" s="71">
        <v>5</v>
      </c>
      <c r="R33" s="71">
        <v>3</v>
      </c>
      <c r="S33" s="71">
        <v>2</v>
      </c>
      <c r="T33" s="71">
        <v>1</v>
      </c>
      <c r="U33" s="71">
        <v>0</v>
      </c>
      <c r="V33" s="72">
        <v>11</v>
      </c>
      <c r="W33" s="73">
        <v>13</v>
      </c>
      <c r="X33" s="70">
        <v>4</v>
      </c>
      <c r="Y33" s="71">
        <v>2</v>
      </c>
      <c r="Z33" s="72">
        <v>6</v>
      </c>
      <c r="AA33" s="241"/>
      <c r="AB33" s="71">
        <v>6</v>
      </c>
      <c r="AC33" s="71">
        <v>4</v>
      </c>
      <c r="AD33" s="71">
        <v>2</v>
      </c>
      <c r="AE33" s="71">
        <v>4</v>
      </c>
      <c r="AF33" s="71">
        <v>2</v>
      </c>
      <c r="AG33" s="72">
        <v>18</v>
      </c>
      <c r="AH33" s="73">
        <v>24</v>
      </c>
      <c r="AI33" s="70">
        <v>1</v>
      </c>
      <c r="AJ33" s="71">
        <v>3</v>
      </c>
      <c r="AK33" s="72">
        <v>4</v>
      </c>
      <c r="AL33" s="241"/>
      <c r="AM33" s="71">
        <v>4</v>
      </c>
      <c r="AN33" s="71">
        <v>3</v>
      </c>
      <c r="AO33" s="71">
        <v>5</v>
      </c>
      <c r="AP33" s="71">
        <v>5</v>
      </c>
      <c r="AQ33" s="71">
        <v>1</v>
      </c>
      <c r="AR33" s="72">
        <v>18</v>
      </c>
      <c r="AS33" s="73">
        <v>22</v>
      </c>
      <c r="AT33" s="70">
        <v>1</v>
      </c>
      <c r="AU33" s="71">
        <v>2</v>
      </c>
      <c r="AV33" s="72">
        <v>3</v>
      </c>
      <c r="AW33" s="241"/>
      <c r="AX33" s="71">
        <v>10</v>
      </c>
      <c r="AY33" s="71">
        <v>10</v>
      </c>
      <c r="AZ33" s="71">
        <v>9</v>
      </c>
      <c r="BA33" s="71">
        <v>7</v>
      </c>
      <c r="BB33" s="71">
        <v>1</v>
      </c>
      <c r="BC33" s="72">
        <v>37</v>
      </c>
      <c r="BD33" s="73">
        <v>40</v>
      </c>
      <c r="BE33" s="70">
        <v>5</v>
      </c>
      <c r="BF33" s="71">
        <v>3</v>
      </c>
      <c r="BG33" s="72">
        <v>8</v>
      </c>
      <c r="BH33" s="244"/>
      <c r="BI33" s="71">
        <v>9</v>
      </c>
      <c r="BJ33" s="71">
        <v>10</v>
      </c>
      <c r="BK33" s="71">
        <v>4</v>
      </c>
      <c r="BL33" s="71">
        <v>7</v>
      </c>
      <c r="BM33" s="71">
        <v>3</v>
      </c>
      <c r="BN33" s="72">
        <v>33</v>
      </c>
      <c r="BO33" s="73">
        <v>41</v>
      </c>
      <c r="BP33" s="70">
        <v>2</v>
      </c>
      <c r="BQ33" s="71">
        <v>2</v>
      </c>
      <c r="BR33" s="72">
        <v>4</v>
      </c>
      <c r="BS33" s="244"/>
      <c r="BT33" s="71">
        <v>10</v>
      </c>
      <c r="BU33" s="71">
        <v>8</v>
      </c>
      <c r="BV33" s="71">
        <v>6</v>
      </c>
      <c r="BW33" s="71">
        <v>9</v>
      </c>
      <c r="BX33" s="71">
        <v>1</v>
      </c>
      <c r="BY33" s="72">
        <v>34</v>
      </c>
      <c r="BZ33" s="73">
        <v>38</v>
      </c>
      <c r="CA33" s="70">
        <v>0</v>
      </c>
      <c r="CB33" s="71">
        <v>0</v>
      </c>
      <c r="CC33" s="72">
        <v>0</v>
      </c>
      <c r="CD33" s="244"/>
      <c r="CE33" s="71">
        <v>1</v>
      </c>
      <c r="CF33" s="71">
        <v>0</v>
      </c>
      <c r="CG33" s="71">
        <v>2</v>
      </c>
      <c r="CH33" s="71">
        <v>1</v>
      </c>
      <c r="CI33" s="71">
        <v>2</v>
      </c>
      <c r="CJ33" s="72">
        <v>6</v>
      </c>
      <c r="CK33" s="73">
        <v>6</v>
      </c>
      <c r="CL33" s="70">
        <v>15</v>
      </c>
      <c r="CM33" s="71">
        <v>12</v>
      </c>
      <c r="CN33" s="72">
        <v>27</v>
      </c>
      <c r="CO33" s="244"/>
      <c r="CP33" s="71">
        <v>45</v>
      </c>
      <c r="CQ33" s="71">
        <v>38</v>
      </c>
      <c r="CR33" s="71">
        <v>30</v>
      </c>
      <c r="CS33" s="71">
        <v>34</v>
      </c>
      <c r="CT33" s="71">
        <v>10</v>
      </c>
      <c r="CU33" s="72">
        <v>157</v>
      </c>
      <c r="CV33" s="73">
        <v>184</v>
      </c>
      <c r="CW33" s="123">
        <v>39</v>
      </c>
      <c r="CX33" s="82">
        <v>37</v>
      </c>
      <c r="CY33" s="83">
        <v>76</v>
      </c>
      <c r="CZ33" s="241"/>
      <c r="DA33" s="82">
        <v>96</v>
      </c>
      <c r="DB33" s="82">
        <v>66</v>
      </c>
      <c r="DC33" s="82">
        <v>80</v>
      </c>
      <c r="DD33" s="82">
        <v>67</v>
      </c>
      <c r="DE33" s="82">
        <v>41</v>
      </c>
      <c r="DF33" s="84">
        <v>350</v>
      </c>
      <c r="DG33" s="85">
        <v>426</v>
      </c>
      <c r="DH33" s="70">
        <v>1</v>
      </c>
      <c r="DI33" s="71">
        <v>0</v>
      </c>
      <c r="DJ33" s="72">
        <v>1</v>
      </c>
      <c r="DK33" s="244"/>
      <c r="DL33" s="71">
        <v>1</v>
      </c>
      <c r="DM33" s="71">
        <v>1</v>
      </c>
      <c r="DN33" s="71">
        <v>1</v>
      </c>
      <c r="DO33" s="71">
        <v>1</v>
      </c>
      <c r="DP33" s="71">
        <v>2</v>
      </c>
      <c r="DQ33" s="72">
        <v>6</v>
      </c>
      <c r="DR33" s="73">
        <v>7</v>
      </c>
      <c r="DS33" s="70">
        <v>1</v>
      </c>
      <c r="DT33" s="71">
        <v>4</v>
      </c>
      <c r="DU33" s="72">
        <v>5</v>
      </c>
      <c r="DV33" s="244"/>
      <c r="DW33" s="71">
        <v>3</v>
      </c>
      <c r="DX33" s="71">
        <v>5</v>
      </c>
      <c r="DY33" s="71">
        <v>5</v>
      </c>
      <c r="DZ33" s="71">
        <v>0</v>
      </c>
      <c r="EA33" s="71">
        <v>3</v>
      </c>
      <c r="EB33" s="72">
        <v>16</v>
      </c>
      <c r="EC33" s="73">
        <v>21</v>
      </c>
      <c r="ED33" s="70">
        <v>11</v>
      </c>
      <c r="EE33" s="71">
        <v>1</v>
      </c>
      <c r="EF33" s="72">
        <v>12</v>
      </c>
      <c r="EG33" s="244"/>
      <c r="EH33" s="71">
        <v>15</v>
      </c>
      <c r="EI33" s="71">
        <v>3</v>
      </c>
      <c r="EJ33" s="71">
        <v>13</v>
      </c>
      <c r="EK33" s="71">
        <v>6</v>
      </c>
      <c r="EL33" s="71">
        <v>3</v>
      </c>
      <c r="EM33" s="72">
        <v>40</v>
      </c>
      <c r="EN33" s="73">
        <v>52</v>
      </c>
      <c r="EO33" s="70">
        <v>11</v>
      </c>
      <c r="EP33" s="71">
        <v>11</v>
      </c>
      <c r="EQ33" s="72">
        <v>22</v>
      </c>
      <c r="ER33" s="244"/>
      <c r="ES33" s="71">
        <v>30</v>
      </c>
      <c r="ET33" s="71">
        <v>13</v>
      </c>
      <c r="EU33" s="71">
        <v>11</v>
      </c>
      <c r="EV33" s="71">
        <v>7</v>
      </c>
      <c r="EW33" s="71">
        <v>12</v>
      </c>
      <c r="EX33" s="72">
        <v>73</v>
      </c>
      <c r="EY33" s="73">
        <v>95</v>
      </c>
      <c r="EZ33" s="70">
        <v>8</v>
      </c>
      <c r="FA33" s="71">
        <v>12</v>
      </c>
      <c r="FB33" s="72">
        <v>20</v>
      </c>
      <c r="FC33" s="244"/>
      <c r="FD33" s="71">
        <v>23</v>
      </c>
      <c r="FE33" s="71">
        <v>21</v>
      </c>
      <c r="FF33" s="71">
        <v>17</v>
      </c>
      <c r="FG33" s="71">
        <v>24</v>
      </c>
      <c r="FH33" s="71">
        <v>10</v>
      </c>
      <c r="FI33" s="72">
        <v>95</v>
      </c>
      <c r="FJ33" s="73">
        <v>115</v>
      </c>
      <c r="FK33" s="70">
        <v>7</v>
      </c>
      <c r="FL33" s="71">
        <v>9</v>
      </c>
      <c r="FM33" s="72">
        <v>16</v>
      </c>
      <c r="FN33" s="244"/>
      <c r="FO33" s="71">
        <v>24</v>
      </c>
      <c r="FP33" s="71">
        <v>23</v>
      </c>
      <c r="FQ33" s="71">
        <v>33</v>
      </c>
      <c r="FR33" s="71">
        <v>29</v>
      </c>
      <c r="FS33" s="71">
        <v>11</v>
      </c>
      <c r="FT33" s="72">
        <v>120</v>
      </c>
      <c r="FU33" s="73">
        <v>136</v>
      </c>
      <c r="FV33" s="70">
        <v>0</v>
      </c>
      <c r="FW33" s="71">
        <v>0</v>
      </c>
      <c r="FX33" s="72">
        <v>0</v>
      </c>
      <c r="FY33" s="244"/>
      <c r="FZ33" s="71">
        <v>0</v>
      </c>
      <c r="GA33" s="71">
        <v>0</v>
      </c>
      <c r="GB33" s="71">
        <v>0</v>
      </c>
      <c r="GC33" s="71">
        <v>1</v>
      </c>
      <c r="GD33" s="71">
        <v>1</v>
      </c>
      <c r="GE33" s="72">
        <v>2</v>
      </c>
      <c r="GF33" s="73">
        <v>2</v>
      </c>
      <c r="GG33" s="70">
        <v>39</v>
      </c>
      <c r="GH33" s="71">
        <v>37</v>
      </c>
      <c r="GI33" s="72">
        <v>76</v>
      </c>
      <c r="GJ33" s="244"/>
      <c r="GK33" s="71">
        <v>96</v>
      </c>
      <c r="GL33" s="71">
        <v>66</v>
      </c>
      <c r="GM33" s="71">
        <v>80</v>
      </c>
      <c r="GN33" s="71">
        <v>68</v>
      </c>
      <c r="GO33" s="71">
        <v>42</v>
      </c>
      <c r="GP33" s="72">
        <v>352</v>
      </c>
      <c r="GQ33" s="73">
        <v>428</v>
      </c>
      <c r="GR33" s="123">
        <v>54</v>
      </c>
      <c r="GS33" s="82">
        <v>49</v>
      </c>
      <c r="GT33" s="83">
        <v>103</v>
      </c>
      <c r="GU33" s="241"/>
      <c r="GV33" s="82">
        <v>140</v>
      </c>
      <c r="GW33" s="82">
        <v>104</v>
      </c>
      <c r="GX33" s="82">
        <v>108</v>
      </c>
      <c r="GY33" s="82">
        <v>100</v>
      </c>
      <c r="GZ33" s="82">
        <v>49</v>
      </c>
      <c r="HA33" s="84">
        <v>501</v>
      </c>
      <c r="HB33" s="85">
        <v>604</v>
      </c>
      <c r="HC33" s="70">
        <v>3</v>
      </c>
      <c r="HD33" s="71">
        <v>0</v>
      </c>
      <c r="HE33" s="72">
        <v>3</v>
      </c>
      <c r="HF33" s="244"/>
      <c r="HG33" s="71">
        <v>6</v>
      </c>
      <c r="HH33" s="71">
        <v>4</v>
      </c>
      <c r="HI33" s="71">
        <v>3</v>
      </c>
      <c r="HJ33" s="71">
        <v>2</v>
      </c>
      <c r="HK33" s="71">
        <v>2</v>
      </c>
      <c r="HL33" s="72">
        <v>17</v>
      </c>
      <c r="HM33" s="73">
        <v>20</v>
      </c>
      <c r="HN33" s="70">
        <v>5</v>
      </c>
      <c r="HO33" s="71">
        <v>6</v>
      </c>
      <c r="HP33" s="72">
        <v>11</v>
      </c>
      <c r="HQ33" s="244"/>
      <c r="HR33" s="71">
        <v>9</v>
      </c>
      <c r="HS33" s="71">
        <v>9</v>
      </c>
      <c r="HT33" s="71">
        <v>7</v>
      </c>
      <c r="HU33" s="71">
        <v>4</v>
      </c>
      <c r="HV33" s="71">
        <v>5</v>
      </c>
      <c r="HW33" s="72">
        <v>34</v>
      </c>
      <c r="HX33" s="73">
        <v>45</v>
      </c>
      <c r="HY33" s="70">
        <v>12</v>
      </c>
      <c r="HZ33" s="71">
        <v>4</v>
      </c>
      <c r="IA33" s="72">
        <v>16</v>
      </c>
      <c r="IB33" s="244"/>
      <c r="IC33" s="71">
        <v>19</v>
      </c>
      <c r="ID33" s="71">
        <v>6</v>
      </c>
      <c r="IE33" s="71">
        <v>18</v>
      </c>
      <c r="IF33" s="71">
        <v>11</v>
      </c>
      <c r="IG33" s="71">
        <v>4</v>
      </c>
      <c r="IH33" s="72">
        <v>58</v>
      </c>
      <c r="II33" s="73">
        <v>74</v>
      </c>
      <c r="IJ33" s="70">
        <v>12</v>
      </c>
      <c r="IK33" s="71">
        <v>13</v>
      </c>
      <c r="IL33" s="72">
        <v>25</v>
      </c>
      <c r="IM33" s="244"/>
      <c r="IN33" s="71">
        <v>40</v>
      </c>
      <c r="IO33" s="71">
        <v>23</v>
      </c>
      <c r="IP33" s="71">
        <v>20</v>
      </c>
      <c r="IQ33" s="71">
        <v>14</v>
      </c>
      <c r="IR33" s="71">
        <v>13</v>
      </c>
      <c r="IS33" s="72">
        <v>110</v>
      </c>
      <c r="IT33" s="73">
        <v>135</v>
      </c>
      <c r="IU33" s="70">
        <v>13</v>
      </c>
      <c r="IV33" s="71">
        <v>15</v>
      </c>
      <c r="IW33" s="72">
        <v>28</v>
      </c>
      <c r="IX33" s="244"/>
      <c r="IY33" s="71">
        <v>32</v>
      </c>
      <c r="IZ33" s="71">
        <v>31</v>
      </c>
      <c r="JA33" s="71">
        <v>21</v>
      </c>
      <c r="JB33" s="71">
        <v>31</v>
      </c>
      <c r="JC33" s="71">
        <v>13</v>
      </c>
      <c r="JD33" s="72">
        <v>128</v>
      </c>
      <c r="JE33" s="73">
        <v>156</v>
      </c>
      <c r="JF33" s="70">
        <v>9</v>
      </c>
      <c r="JG33" s="71">
        <v>11</v>
      </c>
      <c r="JH33" s="72">
        <v>20</v>
      </c>
      <c r="JI33" s="244"/>
      <c r="JJ33" s="71">
        <v>34</v>
      </c>
      <c r="JK33" s="71">
        <v>31</v>
      </c>
      <c r="JL33" s="71">
        <v>39</v>
      </c>
      <c r="JM33" s="71">
        <v>38</v>
      </c>
      <c r="JN33" s="71">
        <v>12</v>
      </c>
      <c r="JO33" s="72">
        <v>154</v>
      </c>
      <c r="JP33" s="73">
        <v>174</v>
      </c>
      <c r="JQ33" s="70">
        <v>0</v>
      </c>
      <c r="JR33" s="71">
        <v>0</v>
      </c>
      <c r="JS33" s="72">
        <v>0</v>
      </c>
      <c r="JT33" s="244"/>
      <c r="JU33" s="71">
        <v>1</v>
      </c>
      <c r="JV33" s="71">
        <v>0</v>
      </c>
      <c r="JW33" s="71">
        <v>2</v>
      </c>
      <c r="JX33" s="71">
        <v>2</v>
      </c>
      <c r="JY33" s="71">
        <v>3</v>
      </c>
      <c r="JZ33" s="72">
        <v>8</v>
      </c>
      <c r="KA33" s="73">
        <v>8</v>
      </c>
      <c r="KB33" s="70">
        <v>54</v>
      </c>
      <c r="KC33" s="71">
        <v>49</v>
      </c>
      <c r="KD33" s="72">
        <v>103</v>
      </c>
      <c r="KE33" s="244"/>
      <c r="KF33" s="71">
        <v>141</v>
      </c>
      <c r="KG33" s="71">
        <v>104</v>
      </c>
      <c r="KH33" s="71">
        <v>110</v>
      </c>
      <c r="KI33" s="71">
        <v>102</v>
      </c>
      <c r="KJ33" s="71">
        <v>52</v>
      </c>
      <c r="KK33" s="72">
        <v>509</v>
      </c>
      <c r="KL33" s="73">
        <v>612</v>
      </c>
    </row>
    <row r="34" spans="1:298" ht="19.5" customHeight="1" x14ac:dyDescent="0.2">
      <c r="A34" s="126" t="s">
        <v>31</v>
      </c>
      <c r="B34" s="316">
        <v>21</v>
      </c>
      <c r="C34" s="82">
        <v>37</v>
      </c>
      <c r="D34" s="83">
        <v>58</v>
      </c>
      <c r="E34" s="241"/>
      <c r="F34" s="82">
        <v>55</v>
      </c>
      <c r="G34" s="82">
        <v>56</v>
      </c>
      <c r="H34" s="82">
        <v>38</v>
      </c>
      <c r="I34" s="82">
        <v>21</v>
      </c>
      <c r="J34" s="82">
        <v>12</v>
      </c>
      <c r="K34" s="84">
        <v>182</v>
      </c>
      <c r="L34" s="85">
        <v>240</v>
      </c>
      <c r="M34" s="70">
        <v>0</v>
      </c>
      <c r="N34" s="71">
        <v>0</v>
      </c>
      <c r="O34" s="72">
        <v>0</v>
      </c>
      <c r="P34" s="241"/>
      <c r="Q34" s="71">
        <v>2</v>
      </c>
      <c r="R34" s="71">
        <v>3</v>
      </c>
      <c r="S34" s="71">
        <v>5</v>
      </c>
      <c r="T34" s="71">
        <v>2</v>
      </c>
      <c r="U34" s="71">
        <v>1</v>
      </c>
      <c r="V34" s="72">
        <v>13</v>
      </c>
      <c r="W34" s="73">
        <v>13</v>
      </c>
      <c r="X34" s="70">
        <v>3</v>
      </c>
      <c r="Y34" s="71">
        <v>5</v>
      </c>
      <c r="Z34" s="72">
        <v>8</v>
      </c>
      <c r="AA34" s="241"/>
      <c r="AB34" s="71">
        <v>10</v>
      </c>
      <c r="AC34" s="71">
        <v>7</v>
      </c>
      <c r="AD34" s="71">
        <v>6</v>
      </c>
      <c r="AE34" s="71">
        <v>3</v>
      </c>
      <c r="AF34" s="71">
        <v>2</v>
      </c>
      <c r="AG34" s="72">
        <v>28</v>
      </c>
      <c r="AH34" s="73">
        <v>36</v>
      </c>
      <c r="AI34" s="70">
        <v>2</v>
      </c>
      <c r="AJ34" s="71">
        <v>4</v>
      </c>
      <c r="AK34" s="72">
        <v>6</v>
      </c>
      <c r="AL34" s="241"/>
      <c r="AM34" s="71">
        <v>6</v>
      </c>
      <c r="AN34" s="71">
        <v>7</v>
      </c>
      <c r="AO34" s="71">
        <v>4</v>
      </c>
      <c r="AP34" s="71">
        <v>3</v>
      </c>
      <c r="AQ34" s="71">
        <v>2</v>
      </c>
      <c r="AR34" s="72">
        <v>22</v>
      </c>
      <c r="AS34" s="73">
        <v>28</v>
      </c>
      <c r="AT34" s="70">
        <v>3</v>
      </c>
      <c r="AU34" s="71">
        <v>10</v>
      </c>
      <c r="AV34" s="72">
        <v>13</v>
      </c>
      <c r="AW34" s="241"/>
      <c r="AX34" s="71">
        <v>15</v>
      </c>
      <c r="AY34" s="71">
        <v>15</v>
      </c>
      <c r="AZ34" s="71">
        <v>4</v>
      </c>
      <c r="BA34" s="71">
        <v>1</v>
      </c>
      <c r="BB34" s="71">
        <v>4</v>
      </c>
      <c r="BC34" s="72">
        <v>39</v>
      </c>
      <c r="BD34" s="73">
        <v>52</v>
      </c>
      <c r="BE34" s="70">
        <v>7</v>
      </c>
      <c r="BF34" s="71">
        <v>12</v>
      </c>
      <c r="BG34" s="72">
        <v>19</v>
      </c>
      <c r="BH34" s="244"/>
      <c r="BI34" s="71">
        <v>11</v>
      </c>
      <c r="BJ34" s="71">
        <v>12</v>
      </c>
      <c r="BK34" s="71">
        <v>9</v>
      </c>
      <c r="BL34" s="71">
        <v>5</v>
      </c>
      <c r="BM34" s="71">
        <v>1</v>
      </c>
      <c r="BN34" s="72">
        <v>38</v>
      </c>
      <c r="BO34" s="73">
        <v>57</v>
      </c>
      <c r="BP34" s="70">
        <v>6</v>
      </c>
      <c r="BQ34" s="71">
        <v>6</v>
      </c>
      <c r="BR34" s="72">
        <v>12</v>
      </c>
      <c r="BS34" s="244"/>
      <c r="BT34" s="71">
        <v>11</v>
      </c>
      <c r="BU34" s="71">
        <v>12</v>
      </c>
      <c r="BV34" s="71">
        <v>10</v>
      </c>
      <c r="BW34" s="71">
        <v>7</v>
      </c>
      <c r="BX34" s="71">
        <v>2</v>
      </c>
      <c r="BY34" s="72">
        <v>42</v>
      </c>
      <c r="BZ34" s="73">
        <v>54</v>
      </c>
      <c r="CA34" s="70">
        <v>0</v>
      </c>
      <c r="CB34" s="71">
        <v>3</v>
      </c>
      <c r="CC34" s="72">
        <v>3</v>
      </c>
      <c r="CD34" s="244"/>
      <c r="CE34" s="71">
        <v>2</v>
      </c>
      <c r="CF34" s="71">
        <v>1</v>
      </c>
      <c r="CG34" s="71">
        <v>0</v>
      </c>
      <c r="CH34" s="71">
        <v>1</v>
      </c>
      <c r="CI34" s="71">
        <v>1</v>
      </c>
      <c r="CJ34" s="72">
        <v>5</v>
      </c>
      <c r="CK34" s="73">
        <v>8</v>
      </c>
      <c r="CL34" s="70">
        <v>21</v>
      </c>
      <c r="CM34" s="71">
        <v>40</v>
      </c>
      <c r="CN34" s="72">
        <v>61</v>
      </c>
      <c r="CO34" s="244"/>
      <c r="CP34" s="71">
        <v>57</v>
      </c>
      <c r="CQ34" s="71">
        <v>57</v>
      </c>
      <c r="CR34" s="71">
        <v>38</v>
      </c>
      <c r="CS34" s="71">
        <v>22</v>
      </c>
      <c r="CT34" s="71">
        <v>13</v>
      </c>
      <c r="CU34" s="72">
        <v>187</v>
      </c>
      <c r="CV34" s="73">
        <v>248</v>
      </c>
      <c r="CW34" s="123">
        <v>53</v>
      </c>
      <c r="CX34" s="82">
        <v>84</v>
      </c>
      <c r="CY34" s="83">
        <v>137</v>
      </c>
      <c r="CZ34" s="241"/>
      <c r="DA34" s="82">
        <v>108</v>
      </c>
      <c r="DB34" s="82">
        <v>91</v>
      </c>
      <c r="DC34" s="82">
        <v>86</v>
      </c>
      <c r="DD34" s="82">
        <v>53</v>
      </c>
      <c r="DE34" s="82">
        <v>44</v>
      </c>
      <c r="DF34" s="84">
        <v>382</v>
      </c>
      <c r="DG34" s="85">
        <v>519</v>
      </c>
      <c r="DH34" s="70">
        <v>0</v>
      </c>
      <c r="DI34" s="71">
        <v>3</v>
      </c>
      <c r="DJ34" s="72">
        <v>3</v>
      </c>
      <c r="DK34" s="244"/>
      <c r="DL34" s="71">
        <v>2</v>
      </c>
      <c r="DM34" s="71">
        <v>1</v>
      </c>
      <c r="DN34" s="71">
        <v>1</v>
      </c>
      <c r="DO34" s="71">
        <v>3</v>
      </c>
      <c r="DP34" s="71">
        <v>1</v>
      </c>
      <c r="DQ34" s="72">
        <v>8</v>
      </c>
      <c r="DR34" s="73">
        <v>11</v>
      </c>
      <c r="DS34" s="70">
        <v>1</v>
      </c>
      <c r="DT34" s="71">
        <v>7</v>
      </c>
      <c r="DU34" s="72">
        <v>8</v>
      </c>
      <c r="DV34" s="244"/>
      <c r="DW34" s="71">
        <v>9</v>
      </c>
      <c r="DX34" s="71">
        <v>6</v>
      </c>
      <c r="DY34" s="71">
        <v>6</v>
      </c>
      <c r="DZ34" s="71">
        <v>2</v>
      </c>
      <c r="EA34" s="71">
        <v>1</v>
      </c>
      <c r="EB34" s="72">
        <v>24</v>
      </c>
      <c r="EC34" s="73">
        <v>32</v>
      </c>
      <c r="ED34" s="70">
        <v>8</v>
      </c>
      <c r="EE34" s="71">
        <v>9</v>
      </c>
      <c r="EF34" s="72">
        <v>17</v>
      </c>
      <c r="EG34" s="244"/>
      <c r="EH34" s="71">
        <v>11</v>
      </c>
      <c r="EI34" s="71">
        <v>4</v>
      </c>
      <c r="EJ34" s="71">
        <v>2</v>
      </c>
      <c r="EK34" s="71">
        <v>4</v>
      </c>
      <c r="EL34" s="71">
        <v>2</v>
      </c>
      <c r="EM34" s="72">
        <v>23</v>
      </c>
      <c r="EN34" s="73">
        <v>40</v>
      </c>
      <c r="EO34" s="70">
        <v>17</v>
      </c>
      <c r="EP34" s="71">
        <v>15</v>
      </c>
      <c r="EQ34" s="72">
        <v>32</v>
      </c>
      <c r="ER34" s="244"/>
      <c r="ES34" s="71">
        <v>26</v>
      </c>
      <c r="ET34" s="71">
        <v>15</v>
      </c>
      <c r="EU34" s="71">
        <v>16</v>
      </c>
      <c r="EV34" s="71">
        <v>6</v>
      </c>
      <c r="EW34" s="71">
        <v>4</v>
      </c>
      <c r="EX34" s="72">
        <v>67</v>
      </c>
      <c r="EY34" s="73">
        <v>99</v>
      </c>
      <c r="EZ34" s="70">
        <v>21</v>
      </c>
      <c r="FA34" s="71">
        <v>24</v>
      </c>
      <c r="FB34" s="72">
        <v>45</v>
      </c>
      <c r="FC34" s="244"/>
      <c r="FD34" s="71">
        <v>29</v>
      </c>
      <c r="FE34" s="71">
        <v>27</v>
      </c>
      <c r="FF34" s="71">
        <v>25</v>
      </c>
      <c r="FG34" s="71">
        <v>13</v>
      </c>
      <c r="FH34" s="71">
        <v>7</v>
      </c>
      <c r="FI34" s="72">
        <v>101</v>
      </c>
      <c r="FJ34" s="73">
        <v>146</v>
      </c>
      <c r="FK34" s="70">
        <v>6</v>
      </c>
      <c r="FL34" s="71">
        <v>26</v>
      </c>
      <c r="FM34" s="72">
        <v>32</v>
      </c>
      <c r="FN34" s="244"/>
      <c r="FO34" s="71">
        <v>31</v>
      </c>
      <c r="FP34" s="71">
        <v>38</v>
      </c>
      <c r="FQ34" s="71">
        <v>36</v>
      </c>
      <c r="FR34" s="71">
        <v>25</v>
      </c>
      <c r="FS34" s="71">
        <v>29</v>
      </c>
      <c r="FT34" s="72">
        <v>159</v>
      </c>
      <c r="FU34" s="73">
        <v>191</v>
      </c>
      <c r="FV34" s="70">
        <v>0</v>
      </c>
      <c r="FW34" s="71">
        <v>0</v>
      </c>
      <c r="FX34" s="72">
        <v>0</v>
      </c>
      <c r="FY34" s="244"/>
      <c r="FZ34" s="71">
        <v>2</v>
      </c>
      <c r="GA34" s="71">
        <v>0</v>
      </c>
      <c r="GB34" s="71">
        <v>2</v>
      </c>
      <c r="GC34" s="71">
        <v>0</v>
      </c>
      <c r="GD34" s="71">
        <v>1</v>
      </c>
      <c r="GE34" s="72">
        <v>5</v>
      </c>
      <c r="GF34" s="73">
        <v>5</v>
      </c>
      <c r="GG34" s="70">
        <v>53</v>
      </c>
      <c r="GH34" s="71">
        <v>84</v>
      </c>
      <c r="GI34" s="72">
        <v>137</v>
      </c>
      <c r="GJ34" s="244"/>
      <c r="GK34" s="71">
        <v>110</v>
      </c>
      <c r="GL34" s="71">
        <v>91</v>
      </c>
      <c r="GM34" s="71">
        <v>88</v>
      </c>
      <c r="GN34" s="71">
        <v>53</v>
      </c>
      <c r="GO34" s="71">
        <v>45</v>
      </c>
      <c r="GP34" s="72">
        <v>387</v>
      </c>
      <c r="GQ34" s="73">
        <v>524</v>
      </c>
      <c r="GR34" s="123">
        <v>74</v>
      </c>
      <c r="GS34" s="82">
        <v>121</v>
      </c>
      <c r="GT34" s="83">
        <v>195</v>
      </c>
      <c r="GU34" s="241"/>
      <c r="GV34" s="82">
        <v>163</v>
      </c>
      <c r="GW34" s="82">
        <v>147</v>
      </c>
      <c r="GX34" s="82">
        <v>124</v>
      </c>
      <c r="GY34" s="82">
        <v>74</v>
      </c>
      <c r="GZ34" s="82">
        <v>56</v>
      </c>
      <c r="HA34" s="84">
        <v>564</v>
      </c>
      <c r="HB34" s="85">
        <v>759</v>
      </c>
      <c r="HC34" s="70">
        <v>0</v>
      </c>
      <c r="HD34" s="71">
        <v>3</v>
      </c>
      <c r="HE34" s="72">
        <v>3</v>
      </c>
      <c r="HF34" s="244"/>
      <c r="HG34" s="71">
        <v>4</v>
      </c>
      <c r="HH34" s="71">
        <v>4</v>
      </c>
      <c r="HI34" s="71">
        <v>6</v>
      </c>
      <c r="HJ34" s="71">
        <v>5</v>
      </c>
      <c r="HK34" s="71">
        <v>2</v>
      </c>
      <c r="HL34" s="72">
        <v>21</v>
      </c>
      <c r="HM34" s="73">
        <v>24</v>
      </c>
      <c r="HN34" s="70">
        <v>4</v>
      </c>
      <c r="HO34" s="71">
        <v>12</v>
      </c>
      <c r="HP34" s="72">
        <v>16</v>
      </c>
      <c r="HQ34" s="244"/>
      <c r="HR34" s="71">
        <v>19</v>
      </c>
      <c r="HS34" s="71">
        <v>13</v>
      </c>
      <c r="HT34" s="71">
        <v>12</v>
      </c>
      <c r="HU34" s="71">
        <v>5</v>
      </c>
      <c r="HV34" s="71">
        <v>3</v>
      </c>
      <c r="HW34" s="72">
        <v>52</v>
      </c>
      <c r="HX34" s="73">
        <v>68</v>
      </c>
      <c r="HY34" s="70">
        <v>10</v>
      </c>
      <c r="HZ34" s="71">
        <v>13</v>
      </c>
      <c r="IA34" s="72">
        <v>23</v>
      </c>
      <c r="IB34" s="244"/>
      <c r="IC34" s="71">
        <v>17</v>
      </c>
      <c r="ID34" s="71">
        <v>11</v>
      </c>
      <c r="IE34" s="71">
        <v>6</v>
      </c>
      <c r="IF34" s="71">
        <v>7</v>
      </c>
      <c r="IG34" s="71">
        <v>4</v>
      </c>
      <c r="IH34" s="72">
        <v>45</v>
      </c>
      <c r="II34" s="73">
        <v>68</v>
      </c>
      <c r="IJ34" s="70">
        <v>20</v>
      </c>
      <c r="IK34" s="71">
        <v>25</v>
      </c>
      <c r="IL34" s="72">
        <v>45</v>
      </c>
      <c r="IM34" s="244"/>
      <c r="IN34" s="71">
        <v>41</v>
      </c>
      <c r="IO34" s="71">
        <v>30</v>
      </c>
      <c r="IP34" s="71">
        <v>20</v>
      </c>
      <c r="IQ34" s="71">
        <v>7</v>
      </c>
      <c r="IR34" s="71">
        <v>8</v>
      </c>
      <c r="IS34" s="72">
        <v>106</v>
      </c>
      <c r="IT34" s="73">
        <v>151</v>
      </c>
      <c r="IU34" s="70">
        <v>28</v>
      </c>
      <c r="IV34" s="71">
        <v>36</v>
      </c>
      <c r="IW34" s="72">
        <v>64</v>
      </c>
      <c r="IX34" s="244"/>
      <c r="IY34" s="71">
        <v>40</v>
      </c>
      <c r="IZ34" s="71">
        <v>39</v>
      </c>
      <c r="JA34" s="71">
        <v>34</v>
      </c>
      <c r="JB34" s="71">
        <v>18</v>
      </c>
      <c r="JC34" s="71">
        <v>8</v>
      </c>
      <c r="JD34" s="72">
        <v>139</v>
      </c>
      <c r="JE34" s="73">
        <v>203</v>
      </c>
      <c r="JF34" s="70">
        <v>12</v>
      </c>
      <c r="JG34" s="71">
        <v>32</v>
      </c>
      <c r="JH34" s="72">
        <v>44</v>
      </c>
      <c r="JI34" s="244"/>
      <c r="JJ34" s="71">
        <v>42</v>
      </c>
      <c r="JK34" s="71">
        <v>50</v>
      </c>
      <c r="JL34" s="71">
        <v>46</v>
      </c>
      <c r="JM34" s="71">
        <v>32</v>
      </c>
      <c r="JN34" s="71">
        <v>31</v>
      </c>
      <c r="JO34" s="72">
        <v>201</v>
      </c>
      <c r="JP34" s="73">
        <v>245</v>
      </c>
      <c r="JQ34" s="70">
        <v>0</v>
      </c>
      <c r="JR34" s="71">
        <v>3</v>
      </c>
      <c r="JS34" s="72">
        <v>3</v>
      </c>
      <c r="JT34" s="244"/>
      <c r="JU34" s="71">
        <v>4</v>
      </c>
      <c r="JV34" s="71">
        <v>1</v>
      </c>
      <c r="JW34" s="71">
        <v>2</v>
      </c>
      <c r="JX34" s="71">
        <v>1</v>
      </c>
      <c r="JY34" s="71">
        <v>2</v>
      </c>
      <c r="JZ34" s="72">
        <v>10</v>
      </c>
      <c r="KA34" s="73">
        <v>13</v>
      </c>
      <c r="KB34" s="70">
        <v>74</v>
      </c>
      <c r="KC34" s="71">
        <v>124</v>
      </c>
      <c r="KD34" s="72">
        <v>198</v>
      </c>
      <c r="KE34" s="244"/>
      <c r="KF34" s="71">
        <v>167</v>
      </c>
      <c r="KG34" s="71">
        <v>148</v>
      </c>
      <c r="KH34" s="71">
        <v>126</v>
      </c>
      <c r="KI34" s="71">
        <v>75</v>
      </c>
      <c r="KJ34" s="71">
        <v>58</v>
      </c>
      <c r="KK34" s="72">
        <v>574</v>
      </c>
      <c r="KL34" s="73">
        <v>772</v>
      </c>
    </row>
    <row r="35" spans="1:298" ht="19.5" customHeight="1" x14ac:dyDescent="0.2">
      <c r="A35" s="126" t="s">
        <v>32</v>
      </c>
      <c r="B35" s="316">
        <v>30</v>
      </c>
      <c r="C35" s="82">
        <v>21</v>
      </c>
      <c r="D35" s="83">
        <v>51</v>
      </c>
      <c r="E35" s="241"/>
      <c r="F35" s="82">
        <v>60</v>
      </c>
      <c r="G35" s="82">
        <v>60</v>
      </c>
      <c r="H35" s="82">
        <v>39</v>
      </c>
      <c r="I35" s="82">
        <v>23</v>
      </c>
      <c r="J35" s="82">
        <v>21</v>
      </c>
      <c r="K35" s="84">
        <v>203</v>
      </c>
      <c r="L35" s="85">
        <v>254</v>
      </c>
      <c r="M35" s="70">
        <v>2</v>
      </c>
      <c r="N35" s="71">
        <v>3</v>
      </c>
      <c r="O35" s="72">
        <v>5</v>
      </c>
      <c r="P35" s="241"/>
      <c r="Q35" s="71">
        <v>4</v>
      </c>
      <c r="R35" s="71">
        <v>1</v>
      </c>
      <c r="S35" s="71">
        <v>2</v>
      </c>
      <c r="T35" s="71">
        <v>4</v>
      </c>
      <c r="U35" s="71">
        <v>1</v>
      </c>
      <c r="V35" s="72">
        <v>12</v>
      </c>
      <c r="W35" s="73">
        <v>17</v>
      </c>
      <c r="X35" s="70">
        <v>7</v>
      </c>
      <c r="Y35" s="71">
        <v>2</v>
      </c>
      <c r="Z35" s="72">
        <v>9</v>
      </c>
      <c r="AA35" s="241"/>
      <c r="AB35" s="71">
        <v>5</v>
      </c>
      <c r="AC35" s="71">
        <v>5</v>
      </c>
      <c r="AD35" s="71">
        <v>4</v>
      </c>
      <c r="AE35" s="71">
        <v>3</v>
      </c>
      <c r="AF35" s="71">
        <v>4</v>
      </c>
      <c r="AG35" s="72">
        <v>21</v>
      </c>
      <c r="AH35" s="73">
        <v>30</v>
      </c>
      <c r="AI35" s="70">
        <v>6</v>
      </c>
      <c r="AJ35" s="71">
        <v>0</v>
      </c>
      <c r="AK35" s="72">
        <v>6</v>
      </c>
      <c r="AL35" s="241"/>
      <c r="AM35" s="71">
        <v>10</v>
      </c>
      <c r="AN35" s="71">
        <v>14</v>
      </c>
      <c r="AO35" s="71">
        <v>4</v>
      </c>
      <c r="AP35" s="71">
        <v>1</v>
      </c>
      <c r="AQ35" s="71">
        <v>5</v>
      </c>
      <c r="AR35" s="72">
        <v>34</v>
      </c>
      <c r="AS35" s="73">
        <v>40</v>
      </c>
      <c r="AT35" s="70">
        <v>7</v>
      </c>
      <c r="AU35" s="71">
        <v>5</v>
      </c>
      <c r="AV35" s="72">
        <v>12</v>
      </c>
      <c r="AW35" s="241"/>
      <c r="AX35" s="71">
        <v>14</v>
      </c>
      <c r="AY35" s="71">
        <v>12</v>
      </c>
      <c r="AZ35" s="71">
        <v>7</v>
      </c>
      <c r="BA35" s="71">
        <v>7</v>
      </c>
      <c r="BB35" s="71">
        <v>7</v>
      </c>
      <c r="BC35" s="72">
        <v>47</v>
      </c>
      <c r="BD35" s="73">
        <v>59</v>
      </c>
      <c r="BE35" s="70">
        <v>7</v>
      </c>
      <c r="BF35" s="71">
        <v>7</v>
      </c>
      <c r="BG35" s="72">
        <v>14</v>
      </c>
      <c r="BH35" s="244"/>
      <c r="BI35" s="71">
        <v>17</v>
      </c>
      <c r="BJ35" s="71">
        <v>19</v>
      </c>
      <c r="BK35" s="71">
        <v>14</v>
      </c>
      <c r="BL35" s="71">
        <v>4</v>
      </c>
      <c r="BM35" s="71">
        <v>3</v>
      </c>
      <c r="BN35" s="72">
        <v>57</v>
      </c>
      <c r="BO35" s="73">
        <v>71</v>
      </c>
      <c r="BP35" s="70">
        <v>1</v>
      </c>
      <c r="BQ35" s="71">
        <v>4</v>
      </c>
      <c r="BR35" s="72">
        <v>5</v>
      </c>
      <c r="BS35" s="244"/>
      <c r="BT35" s="71">
        <v>10</v>
      </c>
      <c r="BU35" s="71">
        <v>9</v>
      </c>
      <c r="BV35" s="71">
        <v>8</v>
      </c>
      <c r="BW35" s="71">
        <v>4</v>
      </c>
      <c r="BX35" s="71">
        <v>1</v>
      </c>
      <c r="BY35" s="72">
        <v>32</v>
      </c>
      <c r="BZ35" s="73">
        <v>37</v>
      </c>
      <c r="CA35" s="70">
        <v>1</v>
      </c>
      <c r="CB35" s="71">
        <v>1</v>
      </c>
      <c r="CC35" s="72">
        <v>2</v>
      </c>
      <c r="CD35" s="244"/>
      <c r="CE35" s="71">
        <v>5</v>
      </c>
      <c r="CF35" s="71">
        <v>5</v>
      </c>
      <c r="CG35" s="71">
        <v>1</v>
      </c>
      <c r="CH35" s="71">
        <v>3</v>
      </c>
      <c r="CI35" s="71">
        <v>3</v>
      </c>
      <c r="CJ35" s="72">
        <v>17</v>
      </c>
      <c r="CK35" s="73">
        <v>19</v>
      </c>
      <c r="CL35" s="70">
        <v>31</v>
      </c>
      <c r="CM35" s="71">
        <v>22</v>
      </c>
      <c r="CN35" s="72">
        <v>53</v>
      </c>
      <c r="CO35" s="244"/>
      <c r="CP35" s="71">
        <v>65</v>
      </c>
      <c r="CQ35" s="71">
        <v>65</v>
      </c>
      <c r="CR35" s="71">
        <v>40</v>
      </c>
      <c r="CS35" s="71">
        <v>26</v>
      </c>
      <c r="CT35" s="71">
        <v>24</v>
      </c>
      <c r="CU35" s="72">
        <v>220</v>
      </c>
      <c r="CV35" s="73">
        <v>273</v>
      </c>
      <c r="CW35" s="123">
        <v>45</v>
      </c>
      <c r="CX35" s="82">
        <v>63</v>
      </c>
      <c r="CY35" s="83">
        <v>108</v>
      </c>
      <c r="CZ35" s="241"/>
      <c r="DA35" s="82">
        <v>121</v>
      </c>
      <c r="DB35" s="82">
        <v>81</v>
      </c>
      <c r="DC35" s="82">
        <v>77</v>
      </c>
      <c r="DD35" s="82">
        <v>80</v>
      </c>
      <c r="DE35" s="82">
        <v>31</v>
      </c>
      <c r="DF35" s="84">
        <v>390</v>
      </c>
      <c r="DG35" s="85">
        <v>498</v>
      </c>
      <c r="DH35" s="70">
        <v>1</v>
      </c>
      <c r="DI35" s="71">
        <v>1</v>
      </c>
      <c r="DJ35" s="72">
        <v>2</v>
      </c>
      <c r="DK35" s="244"/>
      <c r="DL35" s="71">
        <v>4</v>
      </c>
      <c r="DM35" s="71">
        <v>2</v>
      </c>
      <c r="DN35" s="71">
        <v>1</v>
      </c>
      <c r="DO35" s="71">
        <v>1</v>
      </c>
      <c r="DP35" s="71">
        <v>2</v>
      </c>
      <c r="DQ35" s="72">
        <v>10</v>
      </c>
      <c r="DR35" s="73">
        <v>12</v>
      </c>
      <c r="DS35" s="70">
        <v>3</v>
      </c>
      <c r="DT35" s="71">
        <v>3</v>
      </c>
      <c r="DU35" s="72">
        <v>6</v>
      </c>
      <c r="DV35" s="244"/>
      <c r="DW35" s="71">
        <v>9</v>
      </c>
      <c r="DX35" s="71">
        <v>1</v>
      </c>
      <c r="DY35" s="71">
        <v>3</v>
      </c>
      <c r="DZ35" s="71">
        <v>5</v>
      </c>
      <c r="EA35" s="71">
        <v>2</v>
      </c>
      <c r="EB35" s="72">
        <v>20</v>
      </c>
      <c r="EC35" s="73">
        <v>26</v>
      </c>
      <c r="ED35" s="70">
        <v>7</v>
      </c>
      <c r="EE35" s="71">
        <v>7</v>
      </c>
      <c r="EF35" s="72">
        <v>14</v>
      </c>
      <c r="EG35" s="244"/>
      <c r="EH35" s="71">
        <v>13</v>
      </c>
      <c r="EI35" s="71">
        <v>7</v>
      </c>
      <c r="EJ35" s="71">
        <v>8</v>
      </c>
      <c r="EK35" s="71">
        <v>5</v>
      </c>
      <c r="EL35" s="71">
        <v>1</v>
      </c>
      <c r="EM35" s="72">
        <v>34</v>
      </c>
      <c r="EN35" s="73">
        <v>48</v>
      </c>
      <c r="EO35" s="70">
        <v>14</v>
      </c>
      <c r="EP35" s="71">
        <v>17</v>
      </c>
      <c r="EQ35" s="72">
        <v>31</v>
      </c>
      <c r="ER35" s="244"/>
      <c r="ES35" s="71">
        <v>23</v>
      </c>
      <c r="ET35" s="71">
        <v>20</v>
      </c>
      <c r="EU35" s="71">
        <v>11</v>
      </c>
      <c r="EV35" s="71">
        <v>10</v>
      </c>
      <c r="EW35" s="71">
        <v>8</v>
      </c>
      <c r="EX35" s="72">
        <v>72</v>
      </c>
      <c r="EY35" s="73">
        <v>103</v>
      </c>
      <c r="EZ35" s="70">
        <v>14</v>
      </c>
      <c r="FA35" s="71">
        <v>11</v>
      </c>
      <c r="FB35" s="72">
        <v>25</v>
      </c>
      <c r="FC35" s="244"/>
      <c r="FD35" s="71">
        <v>44</v>
      </c>
      <c r="FE35" s="71">
        <v>19</v>
      </c>
      <c r="FF35" s="71">
        <v>25</v>
      </c>
      <c r="FG35" s="71">
        <v>17</v>
      </c>
      <c r="FH35" s="71">
        <v>5</v>
      </c>
      <c r="FI35" s="72">
        <v>110</v>
      </c>
      <c r="FJ35" s="73">
        <v>135</v>
      </c>
      <c r="FK35" s="70">
        <v>6</v>
      </c>
      <c r="FL35" s="71">
        <v>24</v>
      </c>
      <c r="FM35" s="72">
        <v>30</v>
      </c>
      <c r="FN35" s="244"/>
      <c r="FO35" s="71">
        <v>28</v>
      </c>
      <c r="FP35" s="71">
        <v>32</v>
      </c>
      <c r="FQ35" s="71">
        <v>29</v>
      </c>
      <c r="FR35" s="71">
        <v>42</v>
      </c>
      <c r="FS35" s="71">
        <v>13</v>
      </c>
      <c r="FT35" s="72">
        <v>144</v>
      </c>
      <c r="FU35" s="73">
        <v>174</v>
      </c>
      <c r="FV35" s="70">
        <v>2</v>
      </c>
      <c r="FW35" s="71">
        <v>1</v>
      </c>
      <c r="FX35" s="72">
        <v>3</v>
      </c>
      <c r="FY35" s="244"/>
      <c r="FZ35" s="71">
        <v>4</v>
      </c>
      <c r="GA35" s="71">
        <v>2</v>
      </c>
      <c r="GB35" s="71">
        <v>0</v>
      </c>
      <c r="GC35" s="71">
        <v>1</v>
      </c>
      <c r="GD35" s="71">
        <v>3</v>
      </c>
      <c r="GE35" s="72">
        <v>10</v>
      </c>
      <c r="GF35" s="73">
        <v>13</v>
      </c>
      <c r="GG35" s="70">
        <v>47</v>
      </c>
      <c r="GH35" s="71">
        <v>64</v>
      </c>
      <c r="GI35" s="72">
        <v>111</v>
      </c>
      <c r="GJ35" s="244"/>
      <c r="GK35" s="71">
        <v>125</v>
      </c>
      <c r="GL35" s="71">
        <v>83</v>
      </c>
      <c r="GM35" s="71">
        <v>77</v>
      </c>
      <c r="GN35" s="71">
        <v>81</v>
      </c>
      <c r="GO35" s="71">
        <v>34</v>
      </c>
      <c r="GP35" s="72">
        <v>400</v>
      </c>
      <c r="GQ35" s="73">
        <v>511</v>
      </c>
      <c r="GR35" s="123">
        <v>75</v>
      </c>
      <c r="GS35" s="82">
        <v>84</v>
      </c>
      <c r="GT35" s="83">
        <v>159</v>
      </c>
      <c r="GU35" s="241"/>
      <c r="GV35" s="82">
        <v>181</v>
      </c>
      <c r="GW35" s="82">
        <v>141</v>
      </c>
      <c r="GX35" s="82">
        <v>116</v>
      </c>
      <c r="GY35" s="82">
        <v>103</v>
      </c>
      <c r="GZ35" s="82">
        <v>52</v>
      </c>
      <c r="HA35" s="84">
        <v>593</v>
      </c>
      <c r="HB35" s="85">
        <v>752</v>
      </c>
      <c r="HC35" s="70">
        <v>3</v>
      </c>
      <c r="HD35" s="71">
        <v>4</v>
      </c>
      <c r="HE35" s="72">
        <v>7</v>
      </c>
      <c r="HF35" s="244"/>
      <c r="HG35" s="71">
        <v>8</v>
      </c>
      <c r="HH35" s="71">
        <v>3</v>
      </c>
      <c r="HI35" s="71">
        <v>3</v>
      </c>
      <c r="HJ35" s="71">
        <v>5</v>
      </c>
      <c r="HK35" s="71">
        <v>3</v>
      </c>
      <c r="HL35" s="72">
        <v>22</v>
      </c>
      <c r="HM35" s="73">
        <v>29</v>
      </c>
      <c r="HN35" s="70">
        <v>10</v>
      </c>
      <c r="HO35" s="71">
        <v>5</v>
      </c>
      <c r="HP35" s="72">
        <v>15</v>
      </c>
      <c r="HQ35" s="244"/>
      <c r="HR35" s="71">
        <v>14</v>
      </c>
      <c r="HS35" s="71">
        <v>6</v>
      </c>
      <c r="HT35" s="71">
        <v>7</v>
      </c>
      <c r="HU35" s="71">
        <v>8</v>
      </c>
      <c r="HV35" s="71">
        <v>6</v>
      </c>
      <c r="HW35" s="72">
        <v>41</v>
      </c>
      <c r="HX35" s="73">
        <v>56</v>
      </c>
      <c r="HY35" s="70">
        <v>13</v>
      </c>
      <c r="HZ35" s="71">
        <v>7</v>
      </c>
      <c r="IA35" s="72">
        <v>20</v>
      </c>
      <c r="IB35" s="244"/>
      <c r="IC35" s="71">
        <v>23</v>
      </c>
      <c r="ID35" s="71">
        <v>21</v>
      </c>
      <c r="IE35" s="71">
        <v>12</v>
      </c>
      <c r="IF35" s="71">
        <v>6</v>
      </c>
      <c r="IG35" s="71">
        <v>6</v>
      </c>
      <c r="IH35" s="72">
        <v>68</v>
      </c>
      <c r="II35" s="73">
        <v>88</v>
      </c>
      <c r="IJ35" s="70">
        <v>21</v>
      </c>
      <c r="IK35" s="71">
        <v>22</v>
      </c>
      <c r="IL35" s="72">
        <v>43</v>
      </c>
      <c r="IM35" s="244"/>
      <c r="IN35" s="71">
        <v>37</v>
      </c>
      <c r="IO35" s="71">
        <v>32</v>
      </c>
      <c r="IP35" s="71">
        <v>18</v>
      </c>
      <c r="IQ35" s="71">
        <v>17</v>
      </c>
      <c r="IR35" s="71">
        <v>15</v>
      </c>
      <c r="IS35" s="72">
        <v>119</v>
      </c>
      <c r="IT35" s="73">
        <v>162</v>
      </c>
      <c r="IU35" s="70">
        <v>21</v>
      </c>
      <c r="IV35" s="71">
        <v>18</v>
      </c>
      <c r="IW35" s="72">
        <v>39</v>
      </c>
      <c r="IX35" s="244"/>
      <c r="IY35" s="71">
        <v>61</v>
      </c>
      <c r="IZ35" s="71">
        <v>38</v>
      </c>
      <c r="JA35" s="71">
        <v>39</v>
      </c>
      <c r="JB35" s="71">
        <v>21</v>
      </c>
      <c r="JC35" s="71">
        <v>8</v>
      </c>
      <c r="JD35" s="72">
        <v>167</v>
      </c>
      <c r="JE35" s="73">
        <v>206</v>
      </c>
      <c r="JF35" s="70">
        <v>7</v>
      </c>
      <c r="JG35" s="71">
        <v>28</v>
      </c>
      <c r="JH35" s="72">
        <v>35</v>
      </c>
      <c r="JI35" s="244"/>
      <c r="JJ35" s="71">
        <v>38</v>
      </c>
      <c r="JK35" s="71">
        <v>41</v>
      </c>
      <c r="JL35" s="71">
        <v>37</v>
      </c>
      <c r="JM35" s="71">
        <v>46</v>
      </c>
      <c r="JN35" s="71">
        <v>14</v>
      </c>
      <c r="JO35" s="72">
        <v>176</v>
      </c>
      <c r="JP35" s="73">
        <v>211</v>
      </c>
      <c r="JQ35" s="70">
        <v>3</v>
      </c>
      <c r="JR35" s="71">
        <v>2</v>
      </c>
      <c r="JS35" s="72">
        <v>5</v>
      </c>
      <c r="JT35" s="244"/>
      <c r="JU35" s="71">
        <v>9</v>
      </c>
      <c r="JV35" s="71">
        <v>7</v>
      </c>
      <c r="JW35" s="71">
        <v>1</v>
      </c>
      <c r="JX35" s="71">
        <v>4</v>
      </c>
      <c r="JY35" s="71">
        <v>6</v>
      </c>
      <c r="JZ35" s="72">
        <v>27</v>
      </c>
      <c r="KA35" s="73">
        <v>32</v>
      </c>
      <c r="KB35" s="70">
        <v>78</v>
      </c>
      <c r="KC35" s="71">
        <v>86</v>
      </c>
      <c r="KD35" s="72">
        <v>164</v>
      </c>
      <c r="KE35" s="244"/>
      <c r="KF35" s="71">
        <v>190</v>
      </c>
      <c r="KG35" s="71">
        <v>148</v>
      </c>
      <c r="KH35" s="71">
        <v>117</v>
      </c>
      <c r="KI35" s="71">
        <v>107</v>
      </c>
      <c r="KJ35" s="71">
        <v>58</v>
      </c>
      <c r="KK35" s="72">
        <v>620</v>
      </c>
      <c r="KL35" s="73">
        <v>784</v>
      </c>
    </row>
    <row r="36" spans="1:298" ht="19.5" customHeight="1" x14ac:dyDescent="0.2">
      <c r="A36" s="126" t="s">
        <v>33</v>
      </c>
      <c r="B36" s="316">
        <v>35</v>
      </c>
      <c r="C36" s="82">
        <v>21</v>
      </c>
      <c r="D36" s="83">
        <v>56</v>
      </c>
      <c r="E36" s="241"/>
      <c r="F36" s="82">
        <v>56</v>
      </c>
      <c r="G36" s="82">
        <v>45</v>
      </c>
      <c r="H36" s="82">
        <v>29</v>
      </c>
      <c r="I36" s="82">
        <v>26</v>
      </c>
      <c r="J36" s="82">
        <v>14</v>
      </c>
      <c r="K36" s="84">
        <v>170</v>
      </c>
      <c r="L36" s="85">
        <v>226</v>
      </c>
      <c r="M36" s="70">
        <v>2</v>
      </c>
      <c r="N36" s="71">
        <v>1</v>
      </c>
      <c r="O36" s="72">
        <v>3</v>
      </c>
      <c r="P36" s="241"/>
      <c r="Q36" s="71">
        <v>2</v>
      </c>
      <c r="R36" s="71">
        <v>3</v>
      </c>
      <c r="S36" s="71">
        <v>2</v>
      </c>
      <c r="T36" s="71">
        <v>2</v>
      </c>
      <c r="U36" s="71">
        <v>0</v>
      </c>
      <c r="V36" s="72">
        <v>9</v>
      </c>
      <c r="W36" s="73">
        <v>12</v>
      </c>
      <c r="X36" s="70">
        <v>5</v>
      </c>
      <c r="Y36" s="71">
        <v>6</v>
      </c>
      <c r="Z36" s="72">
        <v>11</v>
      </c>
      <c r="AA36" s="241"/>
      <c r="AB36" s="71">
        <v>5</v>
      </c>
      <c r="AC36" s="71">
        <v>9</v>
      </c>
      <c r="AD36" s="71">
        <v>5</v>
      </c>
      <c r="AE36" s="71">
        <v>9</v>
      </c>
      <c r="AF36" s="71">
        <v>3</v>
      </c>
      <c r="AG36" s="72">
        <v>31</v>
      </c>
      <c r="AH36" s="73">
        <v>42</v>
      </c>
      <c r="AI36" s="70">
        <v>8</v>
      </c>
      <c r="AJ36" s="71">
        <v>4</v>
      </c>
      <c r="AK36" s="72">
        <v>12</v>
      </c>
      <c r="AL36" s="241"/>
      <c r="AM36" s="71">
        <v>10</v>
      </c>
      <c r="AN36" s="71">
        <v>7</v>
      </c>
      <c r="AO36" s="71">
        <v>7</v>
      </c>
      <c r="AP36" s="71">
        <v>3</v>
      </c>
      <c r="AQ36" s="71">
        <v>3</v>
      </c>
      <c r="AR36" s="72">
        <v>30</v>
      </c>
      <c r="AS36" s="73">
        <v>42</v>
      </c>
      <c r="AT36" s="70">
        <v>5</v>
      </c>
      <c r="AU36" s="71">
        <v>7</v>
      </c>
      <c r="AV36" s="72">
        <v>12</v>
      </c>
      <c r="AW36" s="241"/>
      <c r="AX36" s="71">
        <v>16</v>
      </c>
      <c r="AY36" s="71">
        <v>12</v>
      </c>
      <c r="AZ36" s="71">
        <v>4</v>
      </c>
      <c r="BA36" s="71">
        <v>3</v>
      </c>
      <c r="BB36" s="71">
        <v>2</v>
      </c>
      <c r="BC36" s="72">
        <v>37</v>
      </c>
      <c r="BD36" s="73">
        <v>49</v>
      </c>
      <c r="BE36" s="70">
        <v>9</v>
      </c>
      <c r="BF36" s="71">
        <v>1</v>
      </c>
      <c r="BG36" s="72">
        <v>10</v>
      </c>
      <c r="BH36" s="244"/>
      <c r="BI36" s="71">
        <v>14</v>
      </c>
      <c r="BJ36" s="71">
        <v>9</v>
      </c>
      <c r="BK36" s="71">
        <v>9</v>
      </c>
      <c r="BL36" s="71">
        <v>5</v>
      </c>
      <c r="BM36" s="71">
        <v>4</v>
      </c>
      <c r="BN36" s="72">
        <v>41</v>
      </c>
      <c r="BO36" s="73">
        <v>51</v>
      </c>
      <c r="BP36" s="70">
        <v>6</v>
      </c>
      <c r="BQ36" s="71">
        <v>2</v>
      </c>
      <c r="BR36" s="72">
        <v>8</v>
      </c>
      <c r="BS36" s="244"/>
      <c r="BT36" s="71">
        <v>9</v>
      </c>
      <c r="BU36" s="71">
        <v>5</v>
      </c>
      <c r="BV36" s="71">
        <v>2</v>
      </c>
      <c r="BW36" s="71">
        <v>4</v>
      </c>
      <c r="BX36" s="71">
        <v>2</v>
      </c>
      <c r="BY36" s="72">
        <v>22</v>
      </c>
      <c r="BZ36" s="73">
        <v>30</v>
      </c>
      <c r="CA36" s="70">
        <v>1</v>
      </c>
      <c r="CB36" s="71">
        <v>0</v>
      </c>
      <c r="CC36" s="72">
        <v>1</v>
      </c>
      <c r="CD36" s="244"/>
      <c r="CE36" s="71">
        <v>2</v>
      </c>
      <c r="CF36" s="71">
        <v>1</v>
      </c>
      <c r="CG36" s="71">
        <v>0</v>
      </c>
      <c r="CH36" s="71">
        <v>0</v>
      </c>
      <c r="CI36" s="71">
        <v>1</v>
      </c>
      <c r="CJ36" s="72">
        <v>4</v>
      </c>
      <c r="CK36" s="73">
        <v>5</v>
      </c>
      <c r="CL36" s="70">
        <v>36</v>
      </c>
      <c r="CM36" s="71">
        <v>21</v>
      </c>
      <c r="CN36" s="72">
        <v>57</v>
      </c>
      <c r="CO36" s="244"/>
      <c r="CP36" s="71">
        <v>58</v>
      </c>
      <c r="CQ36" s="71">
        <v>46</v>
      </c>
      <c r="CR36" s="71">
        <v>29</v>
      </c>
      <c r="CS36" s="71">
        <v>26</v>
      </c>
      <c r="CT36" s="71">
        <v>15</v>
      </c>
      <c r="CU36" s="72">
        <v>174</v>
      </c>
      <c r="CV36" s="73">
        <v>231</v>
      </c>
      <c r="CW36" s="123">
        <v>67</v>
      </c>
      <c r="CX36" s="82">
        <v>71</v>
      </c>
      <c r="CY36" s="83">
        <v>138</v>
      </c>
      <c r="CZ36" s="241"/>
      <c r="DA36" s="82">
        <v>107</v>
      </c>
      <c r="DB36" s="82">
        <v>90</v>
      </c>
      <c r="DC36" s="82">
        <v>71</v>
      </c>
      <c r="DD36" s="82">
        <v>73</v>
      </c>
      <c r="DE36" s="82">
        <v>56</v>
      </c>
      <c r="DF36" s="84">
        <v>397</v>
      </c>
      <c r="DG36" s="85">
        <v>535</v>
      </c>
      <c r="DH36" s="70">
        <v>3</v>
      </c>
      <c r="DI36" s="71">
        <v>1</v>
      </c>
      <c r="DJ36" s="72">
        <v>4</v>
      </c>
      <c r="DK36" s="244"/>
      <c r="DL36" s="71">
        <v>0</v>
      </c>
      <c r="DM36" s="71">
        <v>2</v>
      </c>
      <c r="DN36" s="71">
        <v>2</v>
      </c>
      <c r="DO36" s="71">
        <v>2</v>
      </c>
      <c r="DP36" s="71">
        <v>3</v>
      </c>
      <c r="DQ36" s="72">
        <v>9</v>
      </c>
      <c r="DR36" s="73">
        <v>13</v>
      </c>
      <c r="DS36" s="70">
        <v>8</v>
      </c>
      <c r="DT36" s="71">
        <v>6</v>
      </c>
      <c r="DU36" s="72">
        <v>14</v>
      </c>
      <c r="DV36" s="244"/>
      <c r="DW36" s="71">
        <v>3</v>
      </c>
      <c r="DX36" s="71">
        <v>6</v>
      </c>
      <c r="DY36" s="71">
        <v>4</v>
      </c>
      <c r="DZ36" s="71">
        <v>4</v>
      </c>
      <c r="EA36" s="71">
        <v>2</v>
      </c>
      <c r="EB36" s="72">
        <v>19</v>
      </c>
      <c r="EC36" s="73">
        <v>33</v>
      </c>
      <c r="ED36" s="70">
        <v>4</v>
      </c>
      <c r="EE36" s="71">
        <v>5</v>
      </c>
      <c r="EF36" s="72">
        <v>9</v>
      </c>
      <c r="EG36" s="244"/>
      <c r="EH36" s="71">
        <v>15</v>
      </c>
      <c r="EI36" s="71">
        <v>8</v>
      </c>
      <c r="EJ36" s="71">
        <v>7</v>
      </c>
      <c r="EK36" s="71">
        <v>5</v>
      </c>
      <c r="EL36" s="71">
        <v>8</v>
      </c>
      <c r="EM36" s="72">
        <v>43</v>
      </c>
      <c r="EN36" s="73">
        <v>52</v>
      </c>
      <c r="EO36" s="70">
        <v>11</v>
      </c>
      <c r="EP36" s="71">
        <v>15</v>
      </c>
      <c r="EQ36" s="72">
        <v>26</v>
      </c>
      <c r="ER36" s="244"/>
      <c r="ES36" s="71">
        <v>29</v>
      </c>
      <c r="ET36" s="71">
        <v>19</v>
      </c>
      <c r="EU36" s="71">
        <v>10</v>
      </c>
      <c r="EV36" s="71">
        <v>18</v>
      </c>
      <c r="EW36" s="71">
        <v>9</v>
      </c>
      <c r="EX36" s="72">
        <v>85</v>
      </c>
      <c r="EY36" s="73">
        <v>111</v>
      </c>
      <c r="EZ36" s="70">
        <v>30</v>
      </c>
      <c r="FA36" s="71">
        <v>25</v>
      </c>
      <c r="FB36" s="72">
        <v>55</v>
      </c>
      <c r="FC36" s="244"/>
      <c r="FD36" s="71">
        <v>29</v>
      </c>
      <c r="FE36" s="71">
        <v>20</v>
      </c>
      <c r="FF36" s="71">
        <v>17</v>
      </c>
      <c r="FG36" s="71">
        <v>12</v>
      </c>
      <c r="FH36" s="71">
        <v>13</v>
      </c>
      <c r="FI36" s="72">
        <v>91</v>
      </c>
      <c r="FJ36" s="73">
        <v>146</v>
      </c>
      <c r="FK36" s="70">
        <v>11</v>
      </c>
      <c r="FL36" s="71">
        <v>19</v>
      </c>
      <c r="FM36" s="72">
        <v>30</v>
      </c>
      <c r="FN36" s="244"/>
      <c r="FO36" s="71">
        <v>31</v>
      </c>
      <c r="FP36" s="71">
        <v>35</v>
      </c>
      <c r="FQ36" s="71">
        <v>31</v>
      </c>
      <c r="FR36" s="71">
        <v>32</v>
      </c>
      <c r="FS36" s="71">
        <v>21</v>
      </c>
      <c r="FT36" s="72">
        <v>150</v>
      </c>
      <c r="FU36" s="73">
        <v>180</v>
      </c>
      <c r="FV36" s="70">
        <v>0</v>
      </c>
      <c r="FW36" s="71">
        <v>0</v>
      </c>
      <c r="FX36" s="72">
        <v>0</v>
      </c>
      <c r="FY36" s="244"/>
      <c r="FZ36" s="71">
        <v>1</v>
      </c>
      <c r="GA36" s="71">
        <v>0</v>
      </c>
      <c r="GB36" s="71">
        <v>0</v>
      </c>
      <c r="GC36" s="71">
        <v>1</v>
      </c>
      <c r="GD36" s="71">
        <v>1</v>
      </c>
      <c r="GE36" s="72">
        <v>3</v>
      </c>
      <c r="GF36" s="73">
        <v>3</v>
      </c>
      <c r="GG36" s="70">
        <v>67</v>
      </c>
      <c r="GH36" s="71">
        <v>71</v>
      </c>
      <c r="GI36" s="72">
        <v>138</v>
      </c>
      <c r="GJ36" s="244"/>
      <c r="GK36" s="71">
        <v>108</v>
      </c>
      <c r="GL36" s="71">
        <v>90</v>
      </c>
      <c r="GM36" s="71">
        <v>71</v>
      </c>
      <c r="GN36" s="71">
        <v>74</v>
      </c>
      <c r="GO36" s="71">
        <v>57</v>
      </c>
      <c r="GP36" s="72">
        <v>400</v>
      </c>
      <c r="GQ36" s="73">
        <v>538</v>
      </c>
      <c r="GR36" s="123">
        <v>102</v>
      </c>
      <c r="GS36" s="82">
        <v>92</v>
      </c>
      <c r="GT36" s="83">
        <v>194</v>
      </c>
      <c r="GU36" s="241"/>
      <c r="GV36" s="82">
        <v>163</v>
      </c>
      <c r="GW36" s="82">
        <v>135</v>
      </c>
      <c r="GX36" s="82">
        <v>100</v>
      </c>
      <c r="GY36" s="82">
        <v>99</v>
      </c>
      <c r="GZ36" s="82">
        <v>70</v>
      </c>
      <c r="HA36" s="84">
        <v>567</v>
      </c>
      <c r="HB36" s="85">
        <v>761</v>
      </c>
      <c r="HC36" s="70">
        <v>5</v>
      </c>
      <c r="HD36" s="71">
        <v>2</v>
      </c>
      <c r="HE36" s="72">
        <v>7</v>
      </c>
      <c r="HF36" s="244"/>
      <c r="HG36" s="71">
        <v>2</v>
      </c>
      <c r="HH36" s="71">
        <v>5</v>
      </c>
      <c r="HI36" s="71">
        <v>4</v>
      </c>
      <c r="HJ36" s="71">
        <v>4</v>
      </c>
      <c r="HK36" s="71">
        <v>3</v>
      </c>
      <c r="HL36" s="72">
        <v>18</v>
      </c>
      <c r="HM36" s="73">
        <v>25</v>
      </c>
      <c r="HN36" s="70">
        <v>13</v>
      </c>
      <c r="HO36" s="71">
        <v>12</v>
      </c>
      <c r="HP36" s="72">
        <v>25</v>
      </c>
      <c r="HQ36" s="244"/>
      <c r="HR36" s="71">
        <v>8</v>
      </c>
      <c r="HS36" s="71">
        <v>15</v>
      </c>
      <c r="HT36" s="71">
        <v>9</v>
      </c>
      <c r="HU36" s="71">
        <v>13</v>
      </c>
      <c r="HV36" s="71">
        <v>5</v>
      </c>
      <c r="HW36" s="72">
        <v>50</v>
      </c>
      <c r="HX36" s="73">
        <v>75</v>
      </c>
      <c r="HY36" s="70">
        <v>12</v>
      </c>
      <c r="HZ36" s="71">
        <v>9</v>
      </c>
      <c r="IA36" s="72">
        <v>21</v>
      </c>
      <c r="IB36" s="244"/>
      <c r="IC36" s="71">
        <v>25</v>
      </c>
      <c r="ID36" s="71">
        <v>15</v>
      </c>
      <c r="IE36" s="71">
        <v>14</v>
      </c>
      <c r="IF36" s="71">
        <v>8</v>
      </c>
      <c r="IG36" s="71">
        <v>11</v>
      </c>
      <c r="IH36" s="72">
        <v>73</v>
      </c>
      <c r="II36" s="73">
        <v>94</v>
      </c>
      <c r="IJ36" s="70">
        <v>16</v>
      </c>
      <c r="IK36" s="71">
        <v>22</v>
      </c>
      <c r="IL36" s="72">
        <v>38</v>
      </c>
      <c r="IM36" s="244"/>
      <c r="IN36" s="71">
        <v>45</v>
      </c>
      <c r="IO36" s="71">
        <v>31</v>
      </c>
      <c r="IP36" s="71">
        <v>14</v>
      </c>
      <c r="IQ36" s="71">
        <v>21</v>
      </c>
      <c r="IR36" s="71">
        <v>11</v>
      </c>
      <c r="IS36" s="72">
        <v>122</v>
      </c>
      <c r="IT36" s="73">
        <v>160</v>
      </c>
      <c r="IU36" s="70">
        <v>39</v>
      </c>
      <c r="IV36" s="71">
        <v>26</v>
      </c>
      <c r="IW36" s="72">
        <v>65</v>
      </c>
      <c r="IX36" s="244"/>
      <c r="IY36" s="71">
        <v>43</v>
      </c>
      <c r="IZ36" s="71">
        <v>29</v>
      </c>
      <c r="JA36" s="71">
        <v>26</v>
      </c>
      <c r="JB36" s="71">
        <v>17</v>
      </c>
      <c r="JC36" s="71">
        <v>17</v>
      </c>
      <c r="JD36" s="72">
        <v>132</v>
      </c>
      <c r="JE36" s="73">
        <v>197</v>
      </c>
      <c r="JF36" s="70">
        <v>17</v>
      </c>
      <c r="JG36" s="71">
        <v>21</v>
      </c>
      <c r="JH36" s="72">
        <v>38</v>
      </c>
      <c r="JI36" s="244"/>
      <c r="JJ36" s="71">
        <v>40</v>
      </c>
      <c r="JK36" s="71">
        <v>40</v>
      </c>
      <c r="JL36" s="71">
        <v>33</v>
      </c>
      <c r="JM36" s="71">
        <v>36</v>
      </c>
      <c r="JN36" s="71">
        <v>23</v>
      </c>
      <c r="JO36" s="72">
        <v>172</v>
      </c>
      <c r="JP36" s="73">
        <v>210</v>
      </c>
      <c r="JQ36" s="70">
        <v>1</v>
      </c>
      <c r="JR36" s="71">
        <v>0</v>
      </c>
      <c r="JS36" s="72">
        <v>1</v>
      </c>
      <c r="JT36" s="244"/>
      <c r="JU36" s="71">
        <v>3</v>
      </c>
      <c r="JV36" s="71">
        <v>1</v>
      </c>
      <c r="JW36" s="71">
        <v>0</v>
      </c>
      <c r="JX36" s="71">
        <v>1</v>
      </c>
      <c r="JY36" s="71">
        <v>2</v>
      </c>
      <c r="JZ36" s="72">
        <v>7</v>
      </c>
      <c r="KA36" s="73">
        <v>8</v>
      </c>
      <c r="KB36" s="70">
        <v>103</v>
      </c>
      <c r="KC36" s="71">
        <v>92</v>
      </c>
      <c r="KD36" s="72">
        <v>195</v>
      </c>
      <c r="KE36" s="244"/>
      <c r="KF36" s="71">
        <v>166</v>
      </c>
      <c r="KG36" s="71">
        <v>136</v>
      </c>
      <c r="KH36" s="71">
        <v>100</v>
      </c>
      <c r="KI36" s="71">
        <v>100</v>
      </c>
      <c r="KJ36" s="71">
        <v>72</v>
      </c>
      <c r="KK36" s="72">
        <v>574</v>
      </c>
      <c r="KL36" s="73">
        <v>769</v>
      </c>
    </row>
    <row r="37" spans="1:298" ht="19.5" customHeight="1" x14ac:dyDescent="0.2">
      <c r="A37" s="126" t="s">
        <v>34</v>
      </c>
      <c r="B37" s="316">
        <v>20</v>
      </c>
      <c r="C37" s="82">
        <v>18</v>
      </c>
      <c r="D37" s="83">
        <v>38</v>
      </c>
      <c r="E37" s="241"/>
      <c r="F37" s="82">
        <v>49</v>
      </c>
      <c r="G37" s="82">
        <v>32</v>
      </c>
      <c r="H37" s="82">
        <v>15</v>
      </c>
      <c r="I37" s="82">
        <v>25</v>
      </c>
      <c r="J37" s="82">
        <v>7</v>
      </c>
      <c r="K37" s="84">
        <v>128</v>
      </c>
      <c r="L37" s="85">
        <v>166</v>
      </c>
      <c r="M37" s="70">
        <v>1</v>
      </c>
      <c r="N37" s="71">
        <v>3</v>
      </c>
      <c r="O37" s="72">
        <v>4</v>
      </c>
      <c r="P37" s="241"/>
      <c r="Q37" s="71">
        <v>2</v>
      </c>
      <c r="R37" s="71">
        <v>2</v>
      </c>
      <c r="S37" s="71">
        <v>1</v>
      </c>
      <c r="T37" s="71">
        <v>2</v>
      </c>
      <c r="U37" s="71">
        <v>0</v>
      </c>
      <c r="V37" s="72">
        <v>7</v>
      </c>
      <c r="W37" s="73">
        <v>11</v>
      </c>
      <c r="X37" s="70">
        <v>1</v>
      </c>
      <c r="Y37" s="71">
        <v>2</v>
      </c>
      <c r="Z37" s="72">
        <v>3</v>
      </c>
      <c r="AA37" s="241"/>
      <c r="AB37" s="71">
        <v>4</v>
      </c>
      <c r="AC37" s="71">
        <v>2</v>
      </c>
      <c r="AD37" s="71">
        <v>3</v>
      </c>
      <c r="AE37" s="71">
        <v>3</v>
      </c>
      <c r="AF37" s="71">
        <v>1</v>
      </c>
      <c r="AG37" s="72">
        <v>13</v>
      </c>
      <c r="AH37" s="73">
        <v>16</v>
      </c>
      <c r="AI37" s="70">
        <v>4</v>
      </c>
      <c r="AJ37" s="71">
        <v>3</v>
      </c>
      <c r="AK37" s="72">
        <v>7</v>
      </c>
      <c r="AL37" s="241"/>
      <c r="AM37" s="71">
        <v>4</v>
      </c>
      <c r="AN37" s="71">
        <v>5</v>
      </c>
      <c r="AO37" s="71">
        <v>3</v>
      </c>
      <c r="AP37" s="71">
        <v>6</v>
      </c>
      <c r="AQ37" s="71">
        <v>3</v>
      </c>
      <c r="AR37" s="72">
        <v>21</v>
      </c>
      <c r="AS37" s="73">
        <v>28</v>
      </c>
      <c r="AT37" s="70">
        <v>7</v>
      </c>
      <c r="AU37" s="71">
        <v>5</v>
      </c>
      <c r="AV37" s="72">
        <v>12</v>
      </c>
      <c r="AW37" s="241"/>
      <c r="AX37" s="71">
        <v>17</v>
      </c>
      <c r="AY37" s="71">
        <v>8</v>
      </c>
      <c r="AZ37" s="71">
        <v>4</v>
      </c>
      <c r="BA37" s="71">
        <v>5</v>
      </c>
      <c r="BB37" s="71">
        <v>1</v>
      </c>
      <c r="BC37" s="72">
        <v>35</v>
      </c>
      <c r="BD37" s="73">
        <v>47</v>
      </c>
      <c r="BE37" s="70">
        <v>5</v>
      </c>
      <c r="BF37" s="71">
        <v>4</v>
      </c>
      <c r="BG37" s="72">
        <v>9</v>
      </c>
      <c r="BH37" s="244"/>
      <c r="BI37" s="71">
        <v>13</v>
      </c>
      <c r="BJ37" s="71">
        <v>9</v>
      </c>
      <c r="BK37" s="71">
        <v>3</v>
      </c>
      <c r="BL37" s="71">
        <v>6</v>
      </c>
      <c r="BM37" s="71">
        <v>1</v>
      </c>
      <c r="BN37" s="72">
        <v>32</v>
      </c>
      <c r="BO37" s="73">
        <v>41</v>
      </c>
      <c r="BP37" s="70">
        <v>2</v>
      </c>
      <c r="BQ37" s="71">
        <v>1</v>
      </c>
      <c r="BR37" s="72">
        <v>3</v>
      </c>
      <c r="BS37" s="244"/>
      <c r="BT37" s="71">
        <v>9</v>
      </c>
      <c r="BU37" s="71">
        <v>6</v>
      </c>
      <c r="BV37" s="71">
        <v>1</v>
      </c>
      <c r="BW37" s="71">
        <v>3</v>
      </c>
      <c r="BX37" s="71">
        <v>1</v>
      </c>
      <c r="BY37" s="72">
        <v>20</v>
      </c>
      <c r="BZ37" s="73">
        <v>23</v>
      </c>
      <c r="CA37" s="70">
        <v>0</v>
      </c>
      <c r="CB37" s="71">
        <v>0</v>
      </c>
      <c r="CC37" s="72">
        <v>0</v>
      </c>
      <c r="CD37" s="244"/>
      <c r="CE37" s="71">
        <v>4</v>
      </c>
      <c r="CF37" s="71">
        <v>0</v>
      </c>
      <c r="CG37" s="71">
        <v>1</v>
      </c>
      <c r="CH37" s="71">
        <v>1</v>
      </c>
      <c r="CI37" s="71">
        <v>1</v>
      </c>
      <c r="CJ37" s="72">
        <v>7</v>
      </c>
      <c r="CK37" s="73">
        <v>7</v>
      </c>
      <c r="CL37" s="70">
        <v>20</v>
      </c>
      <c r="CM37" s="71">
        <v>18</v>
      </c>
      <c r="CN37" s="72">
        <v>38</v>
      </c>
      <c r="CO37" s="244"/>
      <c r="CP37" s="71">
        <v>53</v>
      </c>
      <c r="CQ37" s="71">
        <v>32</v>
      </c>
      <c r="CR37" s="71">
        <v>16</v>
      </c>
      <c r="CS37" s="71">
        <v>26</v>
      </c>
      <c r="CT37" s="71">
        <v>8</v>
      </c>
      <c r="CU37" s="72">
        <v>135</v>
      </c>
      <c r="CV37" s="73">
        <v>173</v>
      </c>
      <c r="CW37" s="123">
        <v>41</v>
      </c>
      <c r="CX37" s="82">
        <v>38</v>
      </c>
      <c r="CY37" s="83">
        <v>79</v>
      </c>
      <c r="CZ37" s="241"/>
      <c r="DA37" s="82">
        <v>80</v>
      </c>
      <c r="DB37" s="82">
        <v>63</v>
      </c>
      <c r="DC37" s="82">
        <v>49</v>
      </c>
      <c r="DD37" s="82">
        <v>42</v>
      </c>
      <c r="DE37" s="82">
        <v>28</v>
      </c>
      <c r="DF37" s="84">
        <v>262</v>
      </c>
      <c r="DG37" s="85">
        <v>341</v>
      </c>
      <c r="DH37" s="70">
        <v>1</v>
      </c>
      <c r="DI37" s="71">
        <v>0</v>
      </c>
      <c r="DJ37" s="72">
        <v>1</v>
      </c>
      <c r="DK37" s="244"/>
      <c r="DL37" s="71">
        <v>1</v>
      </c>
      <c r="DM37" s="71">
        <v>1</v>
      </c>
      <c r="DN37" s="71">
        <v>2</v>
      </c>
      <c r="DO37" s="71">
        <v>1</v>
      </c>
      <c r="DP37" s="71">
        <v>0</v>
      </c>
      <c r="DQ37" s="72">
        <v>5</v>
      </c>
      <c r="DR37" s="73">
        <v>6</v>
      </c>
      <c r="DS37" s="70">
        <v>3</v>
      </c>
      <c r="DT37" s="71">
        <v>0</v>
      </c>
      <c r="DU37" s="72">
        <v>3</v>
      </c>
      <c r="DV37" s="244"/>
      <c r="DW37" s="71">
        <v>2</v>
      </c>
      <c r="DX37" s="71">
        <v>3</v>
      </c>
      <c r="DY37" s="71">
        <v>0</v>
      </c>
      <c r="DZ37" s="71">
        <v>0</v>
      </c>
      <c r="EA37" s="71">
        <v>4</v>
      </c>
      <c r="EB37" s="72">
        <v>9</v>
      </c>
      <c r="EC37" s="73">
        <v>12</v>
      </c>
      <c r="ED37" s="70">
        <v>6</v>
      </c>
      <c r="EE37" s="71">
        <v>2</v>
      </c>
      <c r="EF37" s="72">
        <v>8</v>
      </c>
      <c r="EG37" s="244"/>
      <c r="EH37" s="71">
        <v>9</v>
      </c>
      <c r="EI37" s="71">
        <v>5</v>
      </c>
      <c r="EJ37" s="71">
        <v>6</v>
      </c>
      <c r="EK37" s="71">
        <v>5</v>
      </c>
      <c r="EL37" s="71">
        <v>2</v>
      </c>
      <c r="EM37" s="72">
        <v>27</v>
      </c>
      <c r="EN37" s="73">
        <v>35</v>
      </c>
      <c r="EO37" s="70">
        <v>13</v>
      </c>
      <c r="EP37" s="71">
        <v>11</v>
      </c>
      <c r="EQ37" s="72">
        <v>24</v>
      </c>
      <c r="ER37" s="244"/>
      <c r="ES37" s="71">
        <v>16</v>
      </c>
      <c r="ET37" s="71">
        <v>13</v>
      </c>
      <c r="EU37" s="71">
        <v>4</v>
      </c>
      <c r="EV37" s="71">
        <v>8</v>
      </c>
      <c r="EW37" s="71">
        <v>1</v>
      </c>
      <c r="EX37" s="72">
        <v>42</v>
      </c>
      <c r="EY37" s="73">
        <v>66</v>
      </c>
      <c r="EZ37" s="70">
        <v>9</v>
      </c>
      <c r="FA37" s="71">
        <v>13</v>
      </c>
      <c r="FB37" s="72">
        <v>22</v>
      </c>
      <c r="FC37" s="244"/>
      <c r="FD37" s="71">
        <v>28</v>
      </c>
      <c r="FE37" s="71">
        <v>17</v>
      </c>
      <c r="FF37" s="71">
        <v>17</v>
      </c>
      <c r="FG37" s="71">
        <v>13</v>
      </c>
      <c r="FH37" s="71">
        <v>9</v>
      </c>
      <c r="FI37" s="72">
        <v>84</v>
      </c>
      <c r="FJ37" s="73">
        <v>106</v>
      </c>
      <c r="FK37" s="70">
        <v>9</v>
      </c>
      <c r="FL37" s="71">
        <v>12</v>
      </c>
      <c r="FM37" s="72">
        <v>21</v>
      </c>
      <c r="FN37" s="244"/>
      <c r="FO37" s="71">
        <v>24</v>
      </c>
      <c r="FP37" s="71">
        <v>24</v>
      </c>
      <c r="FQ37" s="71">
        <v>20</v>
      </c>
      <c r="FR37" s="71">
        <v>15</v>
      </c>
      <c r="FS37" s="71">
        <v>12</v>
      </c>
      <c r="FT37" s="72">
        <v>95</v>
      </c>
      <c r="FU37" s="73">
        <v>116</v>
      </c>
      <c r="FV37" s="70">
        <v>0</v>
      </c>
      <c r="FW37" s="71">
        <v>0</v>
      </c>
      <c r="FX37" s="72">
        <v>0</v>
      </c>
      <c r="FY37" s="244"/>
      <c r="FZ37" s="71">
        <v>1</v>
      </c>
      <c r="GA37" s="71">
        <v>1</v>
      </c>
      <c r="GB37" s="71">
        <v>1</v>
      </c>
      <c r="GC37" s="71">
        <v>0</v>
      </c>
      <c r="GD37" s="71">
        <v>1</v>
      </c>
      <c r="GE37" s="72">
        <v>4</v>
      </c>
      <c r="GF37" s="73">
        <v>4</v>
      </c>
      <c r="GG37" s="70">
        <v>41</v>
      </c>
      <c r="GH37" s="71">
        <v>38</v>
      </c>
      <c r="GI37" s="72">
        <v>79</v>
      </c>
      <c r="GJ37" s="244"/>
      <c r="GK37" s="71">
        <v>81</v>
      </c>
      <c r="GL37" s="71">
        <v>64</v>
      </c>
      <c r="GM37" s="71">
        <v>50</v>
      </c>
      <c r="GN37" s="71">
        <v>42</v>
      </c>
      <c r="GO37" s="71">
        <v>29</v>
      </c>
      <c r="GP37" s="72">
        <v>266</v>
      </c>
      <c r="GQ37" s="73">
        <v>345</v>
      </c>
      <c r="GR37" s="123">
        <v>61</v>
      </c>
      <c r="GS37" s="82">
        <v>56</v>
      </c>
      <c r="GT37" s="83">
        <v>117</v>
      </c>
      <c r="GU37" s="241"/>
      <c r="GV37" s="82">
        <v>129</v>
      </c>
      <c r="GW37" s="82">
        <v>95</v>
      </c>
      <c r="GX37" s="82">
        <v>64</v>
      </c>
      <c r="GY37" s="82">
        <v>67</v>
      </c>
      <c r="GZ37" s="82">
        <v>35</v>
      </c>
      <c r="HA37" s="84">
        <v>390</v>
      </c>
      <c r="HB37" s="85">
        <v>507</v>
      </c>
      <c r="HC37" s="70">
        <v>2</v>
      </c>
      <c r="HD37" s="71">
        <v>3</v>
      </c>
      <c r="HE37" s="72">
        <v>5</v>
      </c>
      <c r="HF37" s="244"/>
      <c r="HG37" s="71">
        <v>3</v>
      </c>
      <c r="HH37" s="71">
        <v>3</v>
      </c>
      <c r="HI37" s="71">
        <v>3</v>
      </c>
      <c r="HJ37" s="71">
        <v>3</v>
      </c>
      <c r="HK37" s="71">
        <v>0</v>
      </c>
      <c r="HL37" s="72">
        <v>12</v>
      </c>
      <c r="HM37" s="73">
        <v>17</v>
      </c>
      <c r="HN37" s="70">
        <v>4</v>
      </c>
      <c r="HO37" s="71">
        <v>2</v>
      </c>
      <c r="HP37" s="72">
        <v>6</v>
      </c>
      <c r="HQ37" s="244"/>
      <c r="HR37" s="71">
        <v>6</v>
      </c>
      <c r="HS37" s="71">
        <v>5</v>
      </c>
      <c r="HT37" s="71">
        <v>3</v>
      </c>
      <c r="HU37" s="71">
        <v>3</v>
      </c>
      <c r="HV37" s="71">
        <v>5</v>
      </c>
      <c r="HW37" s="72">
        <v>22</v>
      </c>
      <c r="HX37" s="73">
        <v>28</v>
      </c>
      <c r="HY37" s="70">
        <v>10</v>
      </c>
      <c r="HZ37" s="71">
        <v>5</v>
      </c>
      <c r="IA37" s="72">
        <v>15</v>
      </c>
      <c r="IB37" s="244"/>
      <c r="IC37" s="71">
        <v>13</v>
      </c>
      <c r="ID37" s="71">
        <v>10</v>
      </c>
      <c r="IE37" s="71">
        <v>9</v>
      </c>
      <c r="IF37" s="71">
        <v>11</v>
      </c>
      <c r="IG37" s="71">
        <v>5</v>
      </c>
      <c r="IH37" s="72">
        <v>48</v>
      </c>
      <c r="II37" s="73">
        <v>63</v>
      </c>
      <c r="IJ37" s="70">
        <v>20</v>
      </c>
      <c r="IK37" s="71">
        <v>16</v>
      </c>
      <c r="IL37" s="72">
        <v>36</v>
      </c>
      <c r="IM37" s="244"/>
      <c r="IN37" s="71">
        <v>33</v>
      </c>
      <c r="IO37" s="71">
        <v>21</v>
      </c>
      <c r="IP37" s="71">
        <v>8</v>
      </c>
      <c r="IQ37" s="71">
        <v>13</v>
      </c>
      <c r="IR37" s="71">
        <v>2</v>
      </c>
      <c r="IS37" s="72">
        <v>77</v>
      </c>
      <c r="IT37" s="73">
        <v>113</v>
      </c>
      <c r="IU37" s="70">
        <v>14</v>
      </c>
      <c r="IV37" s="71">
        <v>17</v>
      </c>
      <c r="IW37" s="72">
        <v>31</v>
      </c>
      <c r="IX37" s="244"/>
      <c r="IY37" s="71">
        <v>41</v>
      </c>
      <c r="IZ37" s="71">
        <v>26</v>
      </c>
      <c r="JA37" s="71">
        <v>20</v>
      </c>
      <c r="JB37" s="71">
        <v>19</v>
      </c>
      <c r="JC37" s="71">
        <v>10</v>
      </c>
      <c r="JD37" s="72">
        <v>116</v>
      </c>
      <c r="JE37" s="73">
        <v>147</v>
      </c>
      <c r="JF37" s="70">
        <v>11</v>
      </c>
      <c r="JG37" s="71">
        <v>13</v>
      </c>
      <c r="JH37" s="72">
        <v>24</v>
      </c>
      <c r="JI37" s="244"/>
      <c r="JJ37" s="71">
        <v>33</v>
      </c>
      <c r="JK37" s="71">
        <v>30</v>
      </c>
      <c r="JL37" s="71">
        <v>21</v>
      </c>
      <c r="JM37" s="71">
        <v>18</v>
      </c>
      <c r="JN37" s="71">
        <v>13</v>
      </c>
      <c r="JO37" s="72">
        <v>115</v>
      </c>
      <c r="JP37" s="73">
        <v>139</v>
      </c>
      <c r="JQ37" s="70">
        <v>0</v>
      </c>
      <c r="JR37" s="71">
        <v>0</v>
      </c>
      <c r="JS37" s="72">
        <v>0</v>
      </c>
      <c r="JT37" s="244"/>
      <c r="JU37" s="71">
        <v>5</v>
      </c>
      <c r="JV37" s="71">
        <v>1</v>
      </c>
      <c r="JW37" s="71">
        <v>2</v>
      </c>
      <c r="JX37" s="71">
        <v>1</v>
      </c>
      <c r="JY37" s="71">
        <v>2</v>
      </c>
      <c r="JZ37" s="72">
        <v>11</v>
      </c>
      <c r="KA37" s="73">
        <v>11</v>
      </c>
      <c r="KB37" s="70">
        <v>61</v>
      </c>
      <c r="KC37" s="71">
        <v>56</v>
      </c>
      <c r="KD37" s="72">
        <v>117</v>
      </c>
      <c r="KE37" s="244"/>
      <c r="KF37" s="71">
        <v>134</v>
      </c>
      <c r="KG37" s="71">
        <v>96</v>
      </c>
      <c r="KH37" s="71">
        <v>66</v>
      </c>
      <c r="KI37" s="71">
        <v>68</v>
      </c>
      <c r="KJ37" s="71">
        <v>37</v>
      </c>
      <c r="KK37" s="72">
        <v>401</v>
      </c>
      <c r="KL37" s="73">
        <v>518</v>
      </c>
    </row>
    <row r="38" spans="1:298" ht="19.5" customHeight="1" x14ac:dyDescent="0.2">
      <c r="A38" s="126" t="s">
        <v>35</v>
      </c>
      <c r="B38" s="316">
        <v>54</v>
      </c>
      <c r="C38" s="82">
        <v>50</v>
      </c>
      <c r="D38" s="83">
        <v>104</v>
      </c>
      <c r="E38" s="241"/>
      <c r="F38" s="82">
        <v>160</v>
      </c>
      <c r="G38" s="82">
        <v>103</v>
      </c>
      <c r="H38" s="82">
        <v>54</v>
      </c>
      <c r="I38" s="82">
        <v>52</v>
      </c>
      <c r="J38" s="82">
        <v>26</v>
      </c>
      <c r="K38" s="84">
        <v>395</v>
      </c>
      <c r="L38" s="85">
        <v>499</v>
      </c>
      <c r="M38" s="70">
        <v>2</v>
      </c>
      <c r="N38" s="71">
        <v>3</v>
      </c>
      <c r="O38" s="72">
        <v>5</v>
      </c>
      <c r="P38" s="241"/>
      <c r="Q38" s="71">
        <v>10</v>
      </c>
      <c r="R38" s="71">
        <v>2</v>
      </c>
      <c r="S38" s="71">
        <v>11</v>
      </c>
      <c r="T38" s="71">
        <v>1</v>
      </c>
      <c r="U38" s="71">
        <v>1</v>
      </c>
      <c r="V38" s="72">
        <v>25</v>
      </c>
      <c r="W38" s="73">
        <v>30</v>
      </c>
      <c r="X38" s="70">
        <v>7</v>
      </c>
      <c r="Y38" s="71">
        <v>4</v>
      </c>
      <c r="Z38" s="72">
        <v>11</v>
      </c>
      <c r="AA38" s="241"/>
      <c r="AB38" s="71">
        <v>9</v>
      </c>
      <c r="AC38" s="71">
        <v>12</v>
      </c>
      <c r="AD38" s="71">
        <v>6</v>
      </c>
      <c r="AE38" s="71">
        <v>5</v>
      </c>
      <c r="AF38" s="71">
        <v>6</v>
      </c>
      <c r="AG38" s="72">
        <v>38</v>
      </c>
      <c r="AH38" s="73">
        <v>49</v>
      </c>
      <c r="AI38" s="70">
        <v>9</v>
      </c>
      <c r="AJ38" s="71">
        <v>14</v>
      </c>
      <c r="AK38" s="72">
        <v>23</v>
      </c>
      <c r="AL38" s="241"/>
      <c r="AM38" s="71">
        <v>29</v>
      </c>
      <c r="AN38" s="71">
        <v>13</v>
      </c>
      <c r="AO38" s="71">
        <v>5</v>
      </c>
      <c r="AP38" s="71">
        <v>13</v>
      </c>
      <c r="AQ38" s="71">
        <v>3</v>
      </c>
      <c r="AR38" s="72">
        <v>63</v>
      </c>
      <c r="AS38" s="73">
        <v>86</v>
      </c>
      <c r="AT38" s="70">
        <v>16</v>
      </c>
      <c r="AU38" s="71">
        <v>11</v>
      </c>
      <c r="AV38" s="72">
        <v>27</v>
      </c>
      <c r="AW38" s="241"/>
      <c r="AX38" s="71">
        <v>41</v>
      </c>
      <c r="AY38" s="71">
        <v>24</v>
      </c>
      <c r="AZ38" s="71">
        <v>10</v>
      </c>
      <c r="BA38" s="71">
        <v>14</v>
      </c>
      <c r="BB38" s="71">
        <v>3</v>
      </c>
      <c r="BC38" s="72">
        <v>92</v>
      </c>
      <c r="BD38" s="73">
        <v>119</v>
      </c>
      <c r="BE38" s="70">
        <v>10</v>
      </c>
      <c r="BF38" s="71">
        <v>13</v>
      </c>
      <c r="BG38" s="72">
        <v>23</v>
      </c>
      <c r="BH38" s="244"/>
      <c r="BI38" s="71">
        <v>45</v>
      </c>
      <c r="BJ38" s="71">
        <v>23</v>
      </c>
      <c r="BK38" s="71">
        <v>9</v>
      </c>
      <c r="BL38" s="71">
        <v>5</v>
      </c>
      <c r="BM38" s="71">
        <v>6</v>
      </c>
      <c r="BN38" s="72">
        <v>88</v>
      </c>
      <c r="BO38" s="73">
        <v>111</v>
      </c>
      <c r="BP38" s="70">
        <v>10</v>
      </c>
      <c r="BQ38" s="71">
        <v>5</v>
      </c>
      <c r="BR38" s="72">
        <v>15</v>
      </c>
      <c r="BS38" s="244"/>
      <c r="BT38" s="71">
        <v>26</v>
      </c>
      <c r="BU38" s="71">
        <v>29</v>
      </c>
      <c r="BV38" s="71">
        <v>13</v>
      </c>
      <c r="BW38" s="71">
        <v>14</v>
      </c>
      <c r="BX38" s="71">
        <v>7</v>
      </c>
      <c r="BY38" s="72">
        <v>89</v>
      </c>
      <c r="BZ38" s="73">
        <v>104</v>
      </c>
      <c r="CA38" s="70">
        <v>0</v>
      </c>
      <c r="CB38" s="71">
        <v>2</v>
      </c>
      <c r="CC38" s="72">
        <v>2</v>
      </c>
      <c r="CD38" s="244"/>
      <c r="CE38" s="71">
        <v>4</v>
      </c>
      <c r="CF38" s="71">
        <v>1</v>
      </c>
      <c r="CG38" s="71">
        <v>1</v>
      </c>
      <c r="CH38" s="71">
        <v>2</v>
      </c>
      <c r="CI38" s="71">
        <v>1</v>
      </c>
      <c r="CJ38" s="72">
        <v>9</v>
      </c>
      <c r="CK38" s="73">
        <v>11</v>
      </c>
      <c r="CL38" s="70">
        <v>54</v>
      </c>
      <c r="CM38" s="71">
        <v>52</v>
      </c>
      <c r="CN38" s="72">
        <v>106</v>
      </c>
      <c r="CO38" s="244"/>
      <c r="CP38" s="71">
        <v>164</v>
      </c>
      <c r="CQ38" s="71">
        <v>104</v>
      </c>
      <c r="CR38" s="71">
        <v>55</v>
      </c>
      <c r="CS38" s="71">
        <v>54</v>
      </c>
      <c r="CT38" s="71">
        <v>27</v>
      </c>
      <c r="CU38" s="72">
        <v>404</v>
      </c>
      <c r="CV38" s="73">
        <v>510</v>
      </c>
      <c r="CW38" s="123">
        <v>130</v>
      </c>
      <c r="CX38" s="82">
        <v>144</v>
      </c>
      <c r="CY38" s="83">
        <v>274</v>
      </c>
      <c r="CZ38" s="241"/>
      <c r="DA38" s="82">
        <v>299</v>
      </c>
      <c r="DB38" s="82">
        <v>187</v>
      </c>
      <c r="DC38" s="82">
        <v>149</v>
      </c>
      <c r="DD38" s="82">
        <v>143</v>
      </c>
      <c r="DE38" s="82">
        <v>92</v>
      </c>
      <c r="DF38" s="84">
        <v>870</v>
      </c>
      <c r="DG38" s="85">
        <v>1144</v>
      </c>
      <c r="DH38" s="70">
        <v>3</v>
      </c>
      <c r="DI38" s="71">
        <v>4</v>
      </c>
      <c r="DJ38" s="72">
        <v>7</v>
      </c>
      <c r="DK38" s="244"/>
      <c r="DL38" s="71">
        <v>4</v>
      </c>
      <c r="DM38" s="71">
        <v>5</v>
      </c>
      <c r="DN38" s="71">
        <v>4</v>
      </c>
      <c r="DO38" s="71">
        <v>5</v>
      </c>
      <c r="DP38" s="71">
        <v>1</v>
      </c>
      <c r="DQ38" s="72">
        <v>19</v>
      </c>
      <c r="DR38" s="73">
        <v>26</v>
      </c>
      <c r="DS38" s="70">
        <v>6</v>
      </c>
      <c r="DT38" s="71">
        <v>11</v>
      </c>
      <c r="DU38" s="72">
        <v>17</v>
      </c>
      <c r="DV38" s="244"/>
      <c r="DW38" s="71">
        <v>23</v>
      </c>
      <c r="DX38" s="71">
        <v>6</v>
      </c>
      <c r="DY38" s="71">
        <v>4</v>
      </c>
      <c r="DZ38" s="71">
        <v>5</v>
      </c>
      <c r="EA38" s="71">
        <v>3</v>
      </c>
      <c r="EB38" s="72">
        <v>41</v>
      </c>
      <c r="EC38" s="73">
        <v>58</v>
      </c>
      <c r="ED38" s="70">
        <v>21</v>
      </c>
      <c r="EE38" s="71">
        <v>20</v>
      </c>
      <c r="EF38" s="72">
        <v>41</v>
      </c>
      <c r="EG38" s="244"/>
      <c r="EH38" s="71">
        <v>34</v>
      </c>
      <c r="EI38" s="71">
        <v>18</v>
      </c>
      <c r="EJ38" s="71">
        <v>6</v>
      </c>
      <c r="EK38" s="71">
        <v>17</v>
      </c>
      <c r="EL38" s="71">
        <v>11</v>
      </c>
      <c r="EM38" s="72">
        <v>86</v>
      </c>
      <c r="EN38" s="73">
        <v>127</v>
      </c>
      <c r="EO38" s="70">
        <v>37</v>
      </c>
      <c r="EP38" s="71">
        <v>29</v>
      </c>
      <c r="EQ38" s="72">
        <v>66</v>
      </c>
      <c r="ER38" s="244"/>
      <c r="ES38" s="71">
        <v>65</v>
      </c>
      <c r="ET38" s="71">
        <v>43</v>
      </c>
      <c r="EU38" s="71">
        <v>24</v>
      </c>
      <c r="EV38" s="71">
        <v>24</v>
      </c>
      <c r="EW38" s="71">
        <v>11</v>
      </c>
      <c r="EX38" s="72">
        <v>167</v>
      </c>
      <c r="EY38" s="73">
        <v>233</v>
      </c>
      <c r="EZ38" s="70">
        <v>31</v>
      </c>
      <c r="FA38" s="71">
        <v>50</v>
      </c>
      <c r="FB38" s="72">
        <v>81</v>
      </c>
      <c r="FC38" s="244"/>
      <c r="FD38" s="71">
        <v>98</v>
      </c>
      <c r="FE38" s="71">
        <v>45</v>
      </c>
      <c r="FF38" s="71">
        <v>41</v>
      </c>
      <c r="FG38" s="71">
        <v>32</v>
      </c>
      <c r="FH38" s="71">
        <v>23</v>
      </c>
      <c r="FI38" s="72">
        <v>239</v>
      </c>
      <c r="FJ38" s="73">
        <v>320</v>
      </c>
      <c r="FK38" s="70">
        <v>32</v>
      </c>
      <c r="FL38" s="71">
        <v>30</v>
      </c>
      <c r="FM38" s="72">
        <v>62</v>
      </c>
      <c r="FN38" s="244"/>
      <c r="FO38" s="71">
        <v>75</v>
      </c>
      <c r="FP38" s="71">
        <v>70</v>
      </c>
      <c r="FQ38" s="71">
        <v>70</v>
      </c>
      <c r="FR38" s="71">
        <v>60</v>
      </c>
      <c r="FS38" s="71">
        <v>43</v>
      </c>
      <c r="FT38" s="72">
        <v>318</v>
      </c>
      <c r="FU38" s="73">
        <v>380</v>
      </c>
      <c r="FV38" s="70">
        <v>2</v>
      </c>
      <c r="FW38" s="71">
        <v>2</v>
      </c>
      <c r="FX38" s="72">
        <v>4</v>
      </c>
      <c r="FY38" s="244"/>
      <c r="FZ38" s="71">
        <v>0</v>
      </c>
      <c r="GA38" s="71">
        <v>7</v>
      </c>
      <c r="GB38" s="71">
        <v>2</v>
      </c>
      <c r="GC38" s="71">
        <v>1</v>
      </c>
      <c r="GD38" s="71">
        <v>1</v>
      </c>
      <c r="GE38" s="72">
        <v>11</v>
      </c>
      <c r="GF38" s="73">
        <v>15</v>
      </c>
      <c r="GG38" s="70">
        <v>132</v>
      </c>
      <c r="GH38" s="71">
        <v>146</v>
      </c>
      <c r="GI38" s="72">
        <v>278</v>
      </c>
      <c r="GJ38" s="244"/>
      <c r="GK38" s="71">
        <v>299</v>
      </c>
      <c r="GL38" s="71">
        <v>194</v>
      </c>
      <c r="GM38" s="71">
        <v>151</v>
      </c>
      <c r="GN38" s="71">
        <v>144</v>
      </c>
      <c r="GO38" s="71">
        <v>93</v>
      </c>
      <c r="GP38" s="72">
        <v>881</v>
      </c>
      <c r="GQ38" s="73">
        <v>1159</v>
      </c>
      <c r="GR38" s="123">
        <v>184</v>
      </c>
      <c r="GS38" s="82">
        <v>194</v>
      </c>
      <c r="GT38" s="83">
        <v>378</v>
      </c>
      <c r="GU38" s="241"/>
      <c r="GV38" s="82">
        <v>459</v>
      </c>
      <c r="GW38" s="82">
        <v>290</v>
      </c>
      <c r="GX38" s="82">
        <v>203</v>
      </c>
      <c r="GY38" s="82">
        <v>195</v>
      </c>
      <c r="GZ38" s="82">
        <v>118</v>
      </c>
      <c r="HA38" s="84">
        <v>1265</v>
      </c>
      <c r="HB38" s="85">
        <v>1643</v>
      </c>
      <c r="HC38" s="70">
        <v>5</v>
      </c>
      <c r="HD38" s="71">
        <v>7</v>
      </c>
      <c r="HE38" s="72">
        <v>12</v>
      </c>
      <c r="HF38" s="244"/>
      <c r="HG38" s="71">
        <v>14</v>
      </c>
      <c r="HH38" s="71">
        <v>7</v>
      </c>
      <c r="HI38" s="71">
        <v>15</v>
      </c>
      <c r="HJ38" s="71">
        <v>6</v>
      </c>
      <c r="HK38" s="71">
        <v>2</v>
      </c>
      <c r="HL38" s="72">
        <v>44</v>
      </c>
      <c r="HM38" s="73">
        <v>56</v>
      </c>
      <c r="HN38" s="70">
        <v>13</v>
      </c>
      <c r="HO38" s="71">
        <v>15</v>
      </c>
      <c r="HP38" s="72">
        <v>28</v>
      </c>
      <c r="HQ38" s="244"/>
      <c r="HR38" s="71">
        <v>32</v>
      </c>
      <c r="HS38" s="71">
        <v>18</v>
      </c>
      <c r="HT38" s="71">
        <v>10</v>
      </c>
      <c r="HU38" s="71">
        <v>10</v>
      </c>
      <c r="HV38" s="71">
        <v>9</v>
      </c>
      <c r="HW38" s="72">
        <v>79</v>
      </c>
      <c r="HX38" s="73">
        <v>107</v>
      </c>
      <c r="HY38" s="70">
        <v>30</v>
      </c>
      <c r="HZ38" s="71">
        <v>34</v>
      </c>
      <c r="IA38" s="72">
        <v>64</v>
      </c>
      <c r="IB38" s="244"/>
      <c r="IC38" s="71">
        <v>63</v>
      </c>
      <c r="ID38" s="71">
        <v>31</v>
      </c>
      <c r="IE38" s="71">
        <v>11</v>
      </c>
      <c r="IF38" s="71">
        <v>30</v>
      </c>
      <c r="IG38" s="71">
        <v>14</v>
      </c>
      <c r="IH38" s="72">
        <v>149</v>
      </c>
      <c r="II38" s="73">
        <v>213</v>
      </c>
      <c r="IJ38" s="70">
        <v>53</v>
      </c>
      <c r="IK38" s="71">
        <v>40</v>
      </c>
      <c r="IL38" s="72">
        <v>93</v>
      </c>
      <c r="IM38" s="244"/>
      <c r="IN38" s="71">
        <v>106</v>
      </c>
      <c r="IO38" s="71">
        <v>67</v>
      </c>
      <c r="IP38" s="71">
        <v>34</v>
      </c>
      <c r="IQ38" s="71">
        <v>38</v>
      </c>
      <c r="IR38" s="71">
        <v>14</v>
      </c>
      <c r="IS38" s="72">
        <v>259</v>
      </c>
      <c r="IT38" s="73">
        <v>352</v>
      </c>
      <c r="IU38" s="70">
        <v>41</v>
      </c>
      <c r="IV38" s="71">
        <v>63</v>
      </c>
      <c r="IW38" s="72">
        <v>104</v>
      </c>
      <c r="IX38" s="244"/>
      <c r="IY38" s="71">
        <v>143</v>
      </c>
      <c r="IZ38" s="71">
        <v>68</v>
      </c>
      <c r="JA38" s="71">
        <v>50</v>
      </c>
      <c r="JB38" s="71">
        <v>37</v>
      </c>
      <c r="JC38" s="71">
        <v>29</v>
      </c>
      <c r="JD38" s="72">
        <v>327</v>
      </c>
      <c r="JE38" s="73">
        <v>431</v>
      </c>
      <c r="JF38" s="70">
        <v>42</v>
      </c>
      <c r="JG38" s="71">
        <v>35</v>
      </c>
      <c r="JH38" s="72">
        <v>77</v>
      </c>
      <c r="JI38" s="244"/>
      <c r="JJ38" s="71">
        <v>101</v>
      </c>
      <c r="JK38" s="71">
        <v>99</v>
      </c>
      <c r="JL38" s="71">
        <v>83</v>
      </c>
      <c r="JM38" s="71">
        <v>74</v>
      </c>
      <c r="JN38" s="71">
        <v>50</v>
      </c>
      <c r="JO38" s="72">
        <v>407</v>
      </c>
      <c r="JP38" s="73">
        <v>484</v>
      </c>
      <c r="JQ38" s="70">
        <v>2</v>
      </c>
      <c r="JR38" s="71">
        <v>4</v>
      </c>
      <c r="JS38" s="72">
        <v>6</v>
      </c>
      <c r="JT38" s="244"/>
      <c r="JU38" s="71">
        <v>4</v>
      </c>
      <c r="JV38" s="71">
        <v>8</v>
      </c>
      <c r="JW38" s="71">
        <v>3</v>
      </c>
      <c r="JX38" s="71">
        <v>3</v>
      </c>
      <c r="JY38" s="71">
        <v>2</v>
      </c>
      <c r="JZ38" s="72">
        <v>20</v>
      </c>
      <c r="KA38" s="73">
        <v>26</v>
      </c>
      <c r="KB38" s="70">
        <v>186</v>
      </c>
      <c r="KC38" s="71">
        <v>198</v>
      </c>
      <c r="KD38" s="72">
        <v>384</v>
      </c>
      <c r="KE38" s="244"/>
      <c r="KF38" s="71">
        <v>463</v>
      </c>
      <c r="KG38" s="71">
        <v>298</v>
      </c>
      <c r="KH38" s="71">
        <v>206</v>
      </c>
      <c r="KI38" s="71">
        <v>198</v>
      </c>
      <c r="KJ38" s="71">
        <v>120</v>
      </c>
      <c r="KK38" s="72">
        <v>1285</v>
      </c>
      <c r="KL38" s="73">
        <v>1669</v>
      </c>
    </row>
    <row r="39" spans="1:298" ht="19.5" customHeight="1" x14ac:dyDescent="0.2">
      <c r="A39" s="126" t="s">
        <v>36</v>
      </c>
      <c r="B39" s="316">
        <v>62</v>
      </c>
      <c r="C39" s="82">
        <v>83</v>
      </c>
      <c r="D39" s="83">
        <v>145</v>
      </c>
      <c r="E39" s="241"/>
      <c r="F39" s="82">
        <v>146</v>
      </c>
      <c r="G39" s="82">
        <v>144</v>
      </c>
      <c r="H39" s="82">
        <v>103</v>
      </c>
      <c r="I39" s="82">
        <v>59</v>
      </c>
      <c r="J39" s="82">
        <v>44</v>
      </c>
      <c r="K39" s="84">
        <v>496</v>
      </c>
      <c r="L39" s="85">
        <v>641</v>
      </c>
      <c r="M39" s="70">
        <v>5</v>
      </c>
      <c r="N39" s="71">
        <v>6</v>
      </c>
      <c r="O39" s="72">
        <v>11</v>
      </c>
      <c r="P39" s="241"/>
      <c r="Q39" s="71">
        <v>8</v>
      </c>
      <c r="R39" s="71">
        <v>18</v>
      </c>
      <c r="S39" s="71">
        <v>4</v>
      </c>
      <c r="T39" s="71">
        <v>4</v>
      </c>
      <c r="U39" s="71">
        <v>6</v>
      </c>
      <c r="V39" s="72">
        <v>40</v>
      </c>
      <c r="W39" s="73">
        <v>51</v>
      </c>
      <c r="X39" s="70">
        <v>9</v>
      </c>
      <c r="Y39" s="71">
        <v>13</v>
      </c>
      <c r="Z39" s="72">
        <v>22</v>
      </c>
      <c r="AA39" s="241"/>
      <c r="AB39" s="71">
        <v>23</v>
      </c>
      <c r="AC39" s="71">
        <v>20</v>
      </c>
      <c r="AD39" s="71">
        <v>12</v>
      </c>
      <c r="AE39" s="71">
        <v>12</v>
      </c>
      <c r="AF39" s="71">
        <v>6</v>
      </c>
      <c r="AG39" s="72">
        <v>73</v>
      </c>
      <c r="AH39" s="73">
        <v>95</v>
      </c>
      <c r="AI39" s="70">
        <v>13</v>
      </c>
      <c r="AJ39" s="71">
        <v>14</v>
      </c>
      <c r="AK39" s="72">
        <v>27</v>
      </c>
      <c r="AL39" s="241"/>
      <c r="AM39" s="71">
        <v>32</v>
      </c>
      <c r="AN39" s="71">
        <v>27</v>
      </c>
      <c r="AO39" s="71">
        <v>20</v>
      </c>
      <c r="AP39" s="71">
        <v>10</v>
      </c>
      <c r="AQ39" s="71">
        <v>7</v>
      </c>
      <c r="AR39" s="72">
        <v>96</v>
      </c>
      <c r="AS39" s="73">
        <v>123</v>
      </c>
      <c r="AT39" s="70">
        <v>17</v>
      </c>
      <c r="AU39" s="71">
        <v>25</v>
      </c>
      <c r="AV39" s="72">
        <v>42</v>
      </c>
      <c r="AW39" s="241"/>
      <c r="AX39" s="71">
        <v>35</v>
      </c>
      <c r="AY39" s="71">
        <v>37</v>
      </c>
      <c r="AZ39" s="71">
        <v>23</v>
      </c>
      <c r="BA39" s="71">
        <v>9</v>
      </c>
      <c r="BB39" s="71">
        <v>13</v>
      </c>
      <c r="BC39" s="72">
        <v>117</v>
      </c>
      <c r="BD39" s="73">
        <v>159</v>
      </c>
      <c r="BE39" s="70">
        <v>13</v>
      </c>
      <c r="BF39" s="71">
        <v>20</v>
      </c>
      <c r="BG39" s="72">
        <v>33</v>
      </c>
      <c r="BH39" s="244"/>
      <c r="BI39" s="71">
        <v>28</v>
      </c>
      <c r="BJ39" s="71">
        <v>25</v>
      </c>
      <c r="BK39" s="71">
        <v>30</v>
      </c>
      <c r="BL39" s="71">
        <v>17</v>
      </c>
      <c r="BM39" s="71">
        <v>6</v>
      </c>
      <c r="BN39" s="72">
        <v>106</v>
      </c>
      <c r="BO39" s="73">
        <v>139</v>
      </c>
      <c r="BP39" s="70">
        <v>5</v>
      </c>
      <c r="BQ39" s="71">
        <v>5</v>
      </c>
      <c r="BR39" s="72">
        <v>10</v>
      </c>
      <c r="BS39" s="244"/>
      <c r="BT39" s="71">
        <v>20</v>
      </c>
      <c r="BU39" s="71">
        <v>17</v>
      </c>
      <c r="BV39" s="71">
        <v>14</v>
      </c>
      <c r="BW39" s="71">
        <v>7</v>
      </c>
      <c r="BX39" s="71">
        <v>6</v>
      </c>
      <c r="BY39" s="72">
        <v>64</v>
      </c>
      <c r="BZ39" s="73">
        <v>74</v>
      </c>
      <c r="CA39" s="70">
        <v>2</v>
      </c>
      <c r="CB39" s="71">
        <v>5</v>
      </c>
      <c r="CC39" s="72">
        <v>7</v>
      </c>
      <c r="CD39" s="244"/>
      <c r="CE39" s="71">
        <v>4</v>
      </c>
      <c r="CF39" s="71">
        <v>8</v>
      </c>
      <c r="CG39" s="71">
        <v>6</v>
      </c>
      <c r="CH39" s="71">
        <v>6</v>
      </c>
      <c r="CI39" s="71">
        <v>4</v>
      </c>
      <c r="CJ39" s="72">
        <v>28</v>
      </c>
      <c r="CK39" s="73">
        <v>35</v>
      </c>
      <c r="CL39" s="70">
        <v>64</v>
      </c>
      <c r="CM39" s="71">
        <v>88</v>
      </c>
      <c r="CN39" s="72">
        <v>152</v>
      </c>
      <c r="CO39" s="244"/>
      <c r="CP39" s="71">
        <v>150</v>
      </c>
      <c r="CQ39" s="71">
        <v>152</v>
      </c>
      <c r="CR39" s="71">
        <v>109</v>
      </c>
      <c r="CS39" s="71">
        <v>65</v>
      </c>
      <c r="CT39" s="71">
        <v>48</v>
      </c>
      <c r="CU39" s="72">
        <v>524</v>
      </c>
      <c r="CV39" s="73">
        <v>676</v>
      </c>
      <c r="CW39" s="123">
        <v>99</v>
      </c>
      <c r="CX39" s="82">
        <v>163</v>
      </c>
      <c r="CY39" s="83">
        <v>262</v>
      </c>
      <c r="CZ39" s="241"/>
      <c r="DA39" s="82">
        <v>267</v>
      </c>
      <c r="DB39" s="82">
        <v>197</v>
      </c>
      <c r="DC39" s="82">
        <v>182</v>
      </c>
      <c r="DD39" s="82">
        <v>172</v>
      </c>
      <c r="DE39" s="82">
        <v>139</v>
      </c>
      <c r="DF39" s="84">
        <v>957</v>
      </c>
      <c r="DG39" s="85">
        <v>1219</v>
      </c>
      <c r="DH39" s="70">
        <v>0</v>
      </c>
      <c r="DI39" s="71">
        <v>6</v>
      </c>
      <c r="DJ39" s="72">
        <v>6</v>
      </c>
      <c r="DK39" s="244"/>
      <c r="DL39" s="71">
        <v>9</v>
      </c>
      <c r="DM39" s="71">
        <v>7</v>
      </c>
      <c r="DN39" s="71">
        <v>8</v>
      </c>
      <c r="DO39" s="71">
        <v>6</v>
      </c>
      <c r="DP39" s="71">
        <v>4</v>
      </c>
      <c r="DQ39" s="72">
        <v>34</v>
      </c>
      <c r="DR39" s="73">
        <v>40</v>
      </c>
      <c r="DS39" s="70">
        <v>9</v>
      </c>
      <c r="DT39" s="71">
        <v>25</v>
      </c>
      <c r="DU39" s="72">
        <v>34</v>
      </c>
      <c r="DV39" s="244"/>
      <c r="DW39" s="71">
        <v>29</v>
      </c>
      <c r="DX39" s="71">
        <v>10</v>
      </c>
      <c r="DY39" s="71">
        <v>13</v>
      </c>
      <c r="DZ39" s="71">
        <v>12</v>
      </c>
      <c r="EA39" s="71">
        <v>8</v>
      </c>
      <c r="EB39" s="72">
        <v>72</v>
      </c>
      <c r="EC39" s="73">
        <v>106</v>
      </c>
      <c r="ED39" s="70">
        <v>17</v>
      </c>
      <c r="EE39" s="71">
        <v>26</v>
      </c>
      <c r="EF39" s="72">
        <v>43</v>
      </c>
      <c r="EG39" s="244"/>
      <c r="EH39" s="71">
        <v>30</v>
      </c>
      <c r="EI39" s="71">
        <v>18</v>
      </c>
      <c r="EJ39" s="71">
        <v>20</v>
      </c>
      <c r="EK39" s="71">
        <v>17</v>
      </c>
      <c r="EL39" s="71">
        <v>25</v>
      </c>
      <c r="EM39" s="72">
        <v>110</v>
      </c>
      <c r="EN39" s="73">
        <v>153</v>
      </c>
      <c r="EO39" s="70">
        <v>37</v>
      </c>
      <c r="EP39" s="71">
        <v>47</v>
      </c>
      <c r="EQ39" s="72">
        <v>84</v>
      </c>
      <c r="ER39" s="244"/>
      <c r="ES39" s="71">
        <v>82</v>
      </c>
      <c r="ET39" s="71">
        <v>43</v>
      </c>
      <c r="EU39" s="71">
        <v>45</v>
      </c>
      <c r="EV39" s="71">
        <v>30</v>
      </c>
      <c r="EW39" s="71">
        <v>31</v>
      </c>
      <c r="EX39" s="72">
        <v>231</v>
      </c>
      <c r="EY39" s="73">
        <v>315</v>
      </c>
      <c r="EZ39" s="70">
        <v>25</v>
      </c>
      <c r="FA39" s="71">
        <v>39</v>
      </c>
      <c r="FB39" s="72">
        <v>64</v>
      </c>
      <c r="FC39" s="244"/>
      <c r="FD39" s="71">
        <v>67</v>
      </c>
      <c r="FE39" s="71">
        <v>65</v>
      </c>
      <c r="FF39" s="71">
        <v>42</v>
      </c>
      <c r="FG39" s="71">
        <v>42</v>
      </c>
      <c r="FH39" s="71">
        <v>28</v>
      </c>
      <c r="FI39" s="72">
        <v>244</v>
      </c>
      <c r="FJ39" s="73">
        <v>308</v>
      </c>
      <c r="FK39" s="70">
        <v>11</v>
      </c>
      <c r="FL39" s="71">
        <v>20</v>
      </c>
      <c r="FM39" s="72">
        <v>31</v>
      </c>
      <c r="FN39" s="244"/>
      <c r="FO39" s="71">
        <v>50</v>
      </c>
      <c r="FP39" s="71">
        <v>54</v>
      </c>
      <c r="FQ39" s="71">
        <v>54</v>
      </c>
      <c r="FR39" s="71">
        <v>65</v>
      </c>
      <c r="FS39" s="71">
        <v>43</v>
      </c>
      <c r="FT39" s="72">
        <v>266</v>
      </c>
      <c r="FU39" s="73">
        <v>297</v>
      </c>
      <c r="FV39" s="70">
        <v>1</v>
      </c>
      <c r="FW39" s="71">
        <v>2</v>
      </c>
      <c r="FX39" s="72">
        <v>3</v>
      </c>
      <c r="FY39" s="244"/>
      <c r="FZ39" s="71">
        <v>2</v>
      </c>
      <c r="GA39" s="71">
        <v>3</v>
      </c>
      <c r="GB39" s="71">
        <v>1</v>
      </c>
      <c r="GC39" s="71">
        <v>2</v>
      </c>
      <c r="GD39" s="71">
        <v>2</v>
      </c>
      <c r="GE39" s="72">
        <v>10</v>
      </c>
      <c r="GF39" s="73">
        <v>13</v>
      </c>
      <c r="GG39" s="70">
        <v>100</v>
      </c>
      <c r="GH39" s="71">
        <v>165</v>
      </c>
      <c r="GI39" s="72">
        <v>265</v>
      </c>
      <c r="GJ39" s="244"/>
      <c r="GK39" s="71">
        <v>269</v>
      </c>
      <c r="GL39" s="71">
        <v>200</v>
      </c>
      <c r="GM39" s="71">
        <v>183</v>
      </c>
      <c r="GN39" s="71">
        <v>174</v>
      </c>
      <c r="GO39" s="71">
        <v>141</v>
      </c>
      <c r="GP39" s="72">
        <v>967</v>
      </c>
      <c r="GQ39" s="73">
        <v>1232</v>
      </c>
      <c r="GR39" s="123">
        <v>161</v>
      </c>
      <c r="GS39" s="82">
        <v>246</v>
      </c>
      <c r="GT39" s="83">
        <v>407</v>
      </c>
      <c r="GU39" s="241"/>
      <c r="GV39" s="82">
        <v>413</v>
      </c>
      <c r="GW39" s="82">
        <v>341</v>
      </c>
      <c r="GX39" s="82">
        <v>285</v>
      </c>
      <c r="GY39" s="82">
        <v>231</v>
      </c>
      <c r="GZ39" s="82">
        <v>183</v>
      </c>
      <c r="HA39" s="84">
        <v>1453</v>
      </c>
      <c r="HB39" s="85">
        <v>1860</v>
      </c>
      <c r="HC39" s="70">
        <v>5</v>
      </c>
      <c r="HD39" s="71">
        <v>12</v>
      </c>
      <c r="HE39" s="72">
        <v>17</v>
      </c>
      <c r="HF39" s="244"/>
      <c r="HG39" s="71">
        <v>17</v>
      </c>
      <c r="HH39" s="71">
        <v>25</v>
      </c>
      <c r="HI39" s="71">
        <v>12</v>
      </c>
      <c r="HJ39" s="71">
        <v>10</v>
      </c>
      <c r="HK39" s="71">
        <v>10</v>
      </c>
      <c r="HL39" s="72">
        <v>74</v>
      </c>
      <c r="HM39" s="73">
        <v>91</v>
      </c>
      <c r="HN39" s="70">
        <v>18</v>
      </c>
      <c r="HO39" s="71">
        <v>38</v>
      </c>
      <c r="HP39" s="72">
        <v>56</v>
      </c>
      <c r="HQ39" s="244"/>
      <c r="HR39" s="71">
        <v>52</v>
      </c>
      <c r="HS39" s="71">
        <v>30</v>
      </c>
      <c r="HT39" s="71">
        <v>25</v>
      </c>
      <c r="HU39" s="71">
        <v>24</v>
      </c>
      <c r="HV39" s="71">
        <v>14</v>
      </c>
      <c r="HW39" s="72">
        <v>145</v>
      </c>
      <c r="HX39" s="73">
        <v>201</v>
      </c>
      <c r="HY39" s="70">
        <v>30</v>
      </c>
      <c r="HZ39" s="71">
        <v>40</v>
      </c>
      <c r="IA39" s="72">
        <v>70</v>
      </c>
      <c r="IB39" s="244"/>
      <c r="IC39" s="71">
        <v>62</v>
      </c>
      <c r="ID39" s="71">
        <v>45</v>
      </c>
      <c r="IE39" s="71">
        <v>40</v>
      </c>
      <c r="IF39" s="71">
        <v>27</v>
      </c>
      <c r="IG39" s="71">
        <v>32</v>
      </c>
      <c r="IH39" s="72">
        <v>206</v>
      </c>
      <c r="II39" s="73">
        <v>276</v>
      </c>
      <c r="IJ39" s="70">
        <v>54</v>
      </c>
      <c r="IK39" s="71">
        <v>72</v>
      </c>
      <c r="IL39" s="72">
        <v>126</v>
      </c>
      <c r="IM39" s="244"/>
      <c r="IN39" s="71">
        <v>117</v>
      </c>
      <c r="IO39" s="71">
        <v>80</v>
      </c>
      <c r="IP39" s="71">
        <v>68</v>
      </c>
      <c r="IQ39" s="71">
        <v>39</v>
      </c>
      <c r="IR39" s="71">
        <v>44</v>
      </c>
      <c r="IS39" s="72">
        <v>348</v>
      </c>
      <c r="IT39" s="73">
        <v>474</v>
      </c>
      <c r="IU39" s="70">
        <v>38</v>
      </c>
      <c r="IV39" s="71">
        <v>59</v>
      </c>
      <c r="IW39" s="72">
        <v>97</v>
      </c>
      <c r="IX39" s="244"/>
      <c r="IY39" s="71">
        <v>95</v>
      </c>
      <c r="IZ39" s="71">
        <v>90</v>
      </c>
      <c r="JA39" s="71">
        <v>72</v>
      </c>
      <c r="JB39" s="71">
        <v>59</v>
      </c>
      <c r="JC39" s="71">
        <v>34</v>
      </c>
      <c r="JD39" s="72">
        <v>350</v>
      </c>
      <c r="JE39" s="73">
        <v>447</v>
      </c>
      <c r="JF39" s="70">
        <v>16</v>
      </c>
      <c r="JG39" s="71">
        <v>25</v>
      </c>
      <c r="JH39" s="72">
        <v>41</v>
      </c>
      <c r="JI39" s="244"/>
      <c r="JJ39" s="71">
        <v>70</v>
      </c>
      <c r="JK39" s="71">
        <v>71</v>
      </c>
      <c r="JL39" s="71">
        <v>68</v>
      </c>
      <c r="JM39" s="71">
        <v>72</v>
      </c>
      <c r="JN39" s="71">
        <v>49</v>
      </c>
      <c r="JO39" s="72">
        <v>330</v>
      </c>
      <c r="JP39" s="73">
        <v>371</v>
      </c>
      <c r="JQ39" s="70">
        <v>3</v>
      </c>
      <c r="JR39" s="71">
        <v>7</v>
      </c>
      <c r="JS39" s="72">
        <v>10</v>
      </c>
      <c r="JT39" s="244"/>
      <c r="JU39" s="71">
        <v>6</v>
      </c>
      <c r="JV39" s="71">
        <v>11</v>
      </c>
      <c r="JW39" s="71">
        <v>7</v>
      </c>
      <c r="JX39" s="71">
        <v>8</v>
      </c>
      <c r="JY39" s="71">
        <v>6</v>
      </c>
      <c r="JZ39" s="72">
        <v>38</v>
      </c>
      <c r="KA39" s="73">
        <v>48</v>
      </c>
      <c r="KB39" s="70">
        <v>164</v>
      </c>
      <c r="KC39" s="71">
        <v>253</v>
      </c>
      <c r="KD39" s="72">
        <v>417</v>
      </c>
      <c r="KE39" s="244"/>
      <c r="KF39" s="71">
        <v>419</v>
      </c>
      <c r="KG39" s="71">
        <v>352</v>
      </c>
      <c r="KH39" s="71">
        <v>292</v>
      </c>
      <c r="KI39" s="71">
        <v>239</v>
      </c>
      <c r="KJ39" s="71">
        <v>189</v>
      </c>
      <c r="KK39" s="72">
        <v>1491</v>
      </c>
      <c r="KL39" s="73">
        <v>1908</v>
      </c>
    </row>
    <row r="40" spans="1:298" ht="19.5" customHeight="1" thickBot="1" x14ac:dyDescent="0.25">
      <c r="A40" s="127" t="s">
        <v>37</v>
      </c>
      <c r="B40" s="317">
        <v>3</v>
      </c>
      <c r="C40" s="87">
        <v>2</v>
      </c>
      <c r="D40" s="88">
        <v>5</v>
      </c>
      <c r="E40" s="242"/>
      <c r="F40" s="87">
        <v>14</v>
      </c>
      <c r="G40" s="87">
        <v>6</v>
      </c>
      <c r="H40" s="87">
        <v>11</v>
      </c>
      <c r="I40" s="87">
        <v>3</v>
      </c>
      <c r="J40" s="87">
        <v>6</v>
      </c>
      <c r="K40" s="89">
        <v>40</v>
      </c>
      <c r="L40" s="90">
        <v>45</v>
      </c>
      <c r="M40" s="74">
        <v>0</v>
      </c>
      <c r="N40" s="75">
        <v>1</v>
      </c>
      <c r="O40" s="76">
        <v>1</v>
      </c>
      <c r="P40" s="242"/>
      <c r="Q40" s="75">
        <v>2</v>
      </c>
      <c r="R40" s="75">
        <v>0</v>
      </c>
      <c r="S40" s="75">
        <v>1</v>
      </c>
      <c r="T40" s="75">
        <v>0</v>
      </c>
      <c r="U40" s="75">
        <v>1</v>
      </c>
      <c r="V40" s="76">
        <v>4</v>
      </c>
      <c r="W40" s="77">
        <v>5</v>
      </c>
      <c r="X40" s="74">
        <v>1</v>
      </c>
      <c r="Y40" s="75">
        <v>0</v>
      </c>
      <c r="Z40" s="76">
        <v>1</v>
      </c>
      <c r="AA40" s="242"/>
      <c r="AB40" s="75">
        <v>0</v>
      </c>
      <c r="AC40" s="75">
        <v>1</v>
      </c>
      <c r="AD40" s="75">
        <v>2</v>
      </c>
      <c r="AE40" s="75">
        <v>0</v>
      </c>
      <c r="AF40" s="75">
        <v>0</v>
      </c>
      <c r="AG40" s="76">
        <v>3</v>
      </c>
      <c r="AH40" s="77">
        <v>4</v>
      </c>
      <c r="AI40" s="74">
        <v>0</v>
      </c>
      <c r="AJ40" s="75">
        <v>0</v>
      </c>
      <c r="AK40" s="76">
        <v>0</v>
      </c>
      <c r="AL40" s="242"/>
      <c r="AM40" s="75">
        <v>2</v>
      </c>
      <c r="AN40" s="75">
        <v>1</v>
      </c>
      <c r="AO40" s="75">
        <v>2</v>
      </c>
      <c r="AP40" s="75">
        <v>0</v>
      </c>
      <c r="AQ40" s="75">
        <v>0</v>
      </c>
      <c r="AR40" s="76">
        <v>5</v>
      </c>
      <c r="AS40" s="77">
        <v>5</v>
      </c>
      <c r="AT40" s="74">
        <v>2</v>
      </c>
      <c r="AU40" s="75">
        <v>1</v>
      </c>
      <c r="AV40" s="76">
        <v>3</v>
      </c>
      <c r="AW40" s="242"/>
      <c r="AX40" s="75">
        <v>4</v>
      </c>
      <c r="AY40" s="75">
        <v>2</v>
      </c>
      <c r="AZ40" s="75">
        <v>0</v>
      </c>
      <c r="BA40" s="75">
        <v>1</v>
      </c>
      <c r="BB40" s="75">
        <v>2</v>
      </c>
      <c r="BC40" s="76">
        <v>9</v>
      </c>
      <c r="BD40" s="77">
        <v>12</v>
      </c>
      <c r="BE40" s="74">
        <v>0</v>
      </c>
      <c r="BF40" s="75">
        <v>0</v>
      </c>
      <c r="BG40" s="76">
        <v>0</v>
      </c>
      <c r="BH40" s="245"/>
      <c r="BI40" s="75">
        <v>2</v>
      </c>
      <c r="BJ40" s="75">
        <v>1</v>
      </c>
      <c r="BK40" s="75">
        <v>5</v>
      </c>
      <c r="BL40" s="75">
        <v>1</v>
      </c>
      <c r="BM40" s="75">
        <v>2</v>
      </c>
      <c r="BN40" s="76">
        <v>11</v>
      </c>
      <c r="BO40" s="77">
        <v>11</v>
      </c>
      <c r="BP40" s="74">
        <v>0</v>
      </c>
      <c r="BQ40" s="75">
        <v>0</v>
      </c>
      <c r="BR40" s="76">
        <v>0</v>
      </c>
      <c r="BS40" s="245"/>
      <c r="BT40" s="75">
        <v>4</v>
      </c>
      <c r="BU40" s="75">
        <v>1</v>
      </c>
      <c r="BV40" s="75">
        <v>1</v>
      </c>
      <c r="BW40" s="75">
        <v>1</v>
      </c>
      <c r="BX40" s="75">
        <v>1</v>
      </c>
      <c r="BY40" s="76">
        <v>8</v>
      </c>
      <c r="BZ40" s="77">
        <v>8</v>
      </c>
      <c r="CA40" s="74">
        <v>0</v>
      </c>
      <c r="CB40" s="75">
        <v>0</v>
      </c>
      <c r="CC40" s="76">
        <v>0</v>
      </c>
      <c r="CD40" s="245"/>
      <c r="CE40" s="75">
        <v>0</v>
      </c>
      <c r="CF40" s="75">
        <v>0</v>
      </c>
      <c r="CG40" s="75">
        <v>0</v>
      </c>
      <c r="CH40" s="75">
        <v>1</v>
      </c>
      <c r="CI40" s="75">
        <v>0</v>
      </c>
      <c r="CJ40" s="76">
        <v>1</v>
      </c>
      <c r="CK40" s="77">
        <v>1</v>
      </c>
      <c r="CL40" s="74">
        <v>3</v>
      </c>
      <c r="CM40" s="75">
        <v>2</v>
      </c>
      <c r="CN40" s="76">
        <v>5</v>
      </c>
      <c r="CO40" s="245"/>
      <c r="CP40" s="75">
        <v>14</v>
      </c>
      <c r="CQ40" s="75">
        <v>6</v>
      </c>
      <c r="CR40" s="75">
        <v>11</v>
      </c>
      <c r="CS40" s="75">
        <v>4</v>
      </c>
      <c r="CT40" s="75">
        <v>6</v>
      </c>
      <c r="CU40" s="76">
        <v>41</v>
      </c>
      <c r="CV40" s="77">
        <v>46</v>
      </c>
      <c r="CW40" s="124">
        <v>8</v>
      </c>
      <c r="CX40" s="87">
        <v>6</v>
      </c>
      <c r="CY40" s="88">
        <v>14</v>
      </c>
      <c r="CZ40" s="242"/>
      <c r="DA40" s="87">
        <v>29</v>
      </c>
      <c r="DB40" s="87">
        <v>14</v>
      </c>
      <c r="DC40" s="87">
        <v>23</v>
      </c>
      <c r="DD40" s="87">
        <v>12</v>
      </c>
      <c r="DE40" s="87">
        <v>10</v>
      </c>
      <c r="DF40" s="89">
        <v>88</v>
      </c>
      <c r="DG40" s="90">
        <v>102</v>
      </c>
      <c r="DH40" s="74">
        <v>0</v>
      </c>
      <c r="DI40" s="75">
        <v>0</v>
      </c>
      <c r="DJ40" s="76">
        <v>0</v>
      </c>
      <c r="DK40" s="245"/>
      <c r="DL40" s="75">
        <v>0</v>
      </c>
      <c r="DM40" s="75">
        <v>0</v>
      </c>
      <c r="DN40" s="75">
        <v>1</v>
      </c>
      <c r="DO40" s="75">
        <v>0</v>
      </c>
      <c r="DP40" s="75">
        <v>2</v>
      </c>
      <c r="DQ40" s="76">
        <v>3</v>
      </c>
      <c r="DR40" s="77">
        <v>3</v>
      </c>
      <c r="DS40" s="74">
        <v>1</v>
      </c>
      <c r="DT40" s="75">
        <v>0</v>
      </c>
      <c r="DU40" s="76">
        <v>1</v>
      </c>
      <c r="DV40" s="245"/>
      <c r="DW40" s="75">
        <v>0</v>
      </c>
      <c r="DX40" s="75">
        <v>3</v>
      </c>
      <c r="DY40" s="75">
        <v>0</v>
      </c>
      <c r="DZ40" s="75">
        <v>1</v>
      </c>
      <c r="EA40" s="75">
        <v>0</v>
      </c>
      <c r="EB40" s="76">
        <v>4</v>
      </c>
      <c r="EC40" s="77">
        <v>5</v>
      </c>
      <c r="ED40" s="74">
        <v>1</v>
      </c>
      <c r="EE40" s="75">
        <v>0</v>
      </c>
      <c r="EF40" s="76">
        <v>1</v>
      </c>
      <c r="EG40" s="245"/>
      <c r="EH40" s="75">
        <v>3</v>
      </c>
      <c r="EI40" s="75">
        <v>2</v>
      </c>
      <c r="EJ40" s="75">
        <v>3</v>
      </c>
      <c r="EK40" s="75">
        <v>3</v>
      </c>
      <c r="EL40" s="75">
        <v>1</v>
      </c>
      <c r="EM40" s="76">
        <v>12</v>
      </c>
      <c r="EN40" s="77">
        <v>13</v>
      </c>
      <c r="EO40" s="74">
        <v>3</v>
      </c>
      <c r="EP40" s="75">
        <v>2</v>
      </c>
      <c r="EQ40" s="76">
        <v>5</v>
      </c>
      <c r="ER40" s="245"/>
      <c r="ES40" s="75">
        <v>8</v>
      </c>
      <c r="ET40" s="75">
        <v>2</v>
      </c>
      <c r="EU40" s="75">
        <v>6</v>
      </c>
      <c r="EV40" s="75">
        <v>0</v>
      </c>
      <c r="EW40" s="75">
        <v>1</v>
      </c>
      <c r="EX40" s="76">
        <v>17</v>
      </c>
      <c r="EY40" s="77">
        <v>22</v>
      </c>
      <c r="EZ40" s="74">
        <v>2</v>
      </c>
      <c r="FA40" s="75">
        <v>2</v>
      </c>
      <c r="FB40" s="76">
        <v>4</v>
      </c>
      <c r="FC40" s="245"/>
      <c r="FD40" s="75">
        <v>13</v>
      </c>
      <c r="FE40" s="75">
        <v>2</v>
      </c>
      <c r="FF40" s="75">
        <v>7</v>
      </c>
      <c r="FG40" s="75">
        <v>3</v>
      </c>
      <c r="FH40" s="75">
        <v>1</v>
      </c>
      <c r="FI40" s="76">
        <v>26</v>
      </c>
      <c r="FJ40" s="77">
        <v>30</v>
      </c>
      <c r="FK40" s="74">
        <v>1</v>
      </c>
      <c r="FL40" s="75">
        <v>2</v>
      </c>
      <c r="FM40" s="76">
        <v>3</v>
      </c>
      <c r="FN40" s="245"/>
      <c r="FO40" s="75">
        <v>5</v>
      </c>
      <c r="FP40" s="75">
        <v>5</v>
      </c>
      <c r="FQ40" s="75">
        <v>6</v>
      </c>
      <c r="FR40" s="75">
        <v>5</v>
      </c>
      <c r="FS40" s="75">
        <v>5</v>
      </c>
      <c r="FT40" s="76">
        <v>26</v>
      </c>
      <c r="FU40" s="77">
        <v>29</v>
      </c>
      <c r="FV40" s="74">
        <v>0</v>
      </c>
      <c r="FW40" s="75">
        <v>0</v>
      </c>
      <c r="FX40" s="76">
        <v>0</v>
      </c>
      <c r="FY40" s="245"/>
      <c r="FZ40" s="75">
        <v>0</v>
      </c>
      <c r="GA40" s="75">
        <v>1</v>
      </c>
      <c r="GB40" s="75">
        <v>2</v>
      </c>
      <c r="GC40" s="75">
        <v>0</v>
      </c>
      <c r="GD40" s="75">
        <v>0</v>
      </c>
      <c r="GE40" s="76">
        <v>3</v>
      </c>
      <c r="GF40" s="77">
        <v>3</v>
      </c>
      <c r="GG40" s="74">
        <v>8</v>
      </c>
      <c r="GH40" s="75">
        <v>6</v>
      </c>
      <c r="GI40" s="76">
        <v>14</v>
      </c>
      <c r="GJ40" s="245"/>
      <c r="GK40" s="75">
        <v>29</v>
      </c>
      <c r="GL40" s="75">
        <v>15</v>
      </c>
      <c r="GM40" s="75">
        <v>25</v>
      </c>
      <c r="GN40" s="75">
        <v>12</v>
      </c>
      <c r="GO40" s="75">
        <v>10</v>
      </c>
      <c r="GP40" s="76">
        <v>91</v>
      </c>
      <c r="GQ40" s="77">
        <v>105</v>
      </c>
      <c r="GR40" s="124">
        <v>11</v>
      </c>
      <c r="GS40" s="87">
        <v>8</v>
      </c>
      <c r="GT40" s="88">
        <v>19</v>
      </c>
      <c r="GU40" s="242"/>
      <c r="GV40" s="87">
        <v>43</v>
      </c>
      <c r="GW40" s="87">
        <v>20</v>
      </c>
      <c r="GX40" s="87">
        <v>34</v>
      </c>
      <c r="GY40" s="87">
        <v>15</v>
      </c>
      <c r="GZ40" s="87">
        <v>16</v>
      </c>
      <c r="HA40" s="89">
        <v>128</v>
      </c>
      <c r="HB40" s="90">
        <v>147</v>
      </c>
      <c r="HC40" s="74">
        <v>0</v>
      </c>
      <c r="HD40" s="75">
        <v>1</v>
      </c>
      <c r="HE40" s="76">
        <v>1</v>
      </c>
      <c r="HF40" s="245"/>
      <c r="HG40" s="75">
        <v>2</v>
      </c>
      <c r="HH40" s="75">
        <v>0</v>
      </c>
      <c r="HI40" s="75">
        <v>2</v>
      </c>
      <c r="HJ40" s="75">
        <v>0</v>
      </c>
      <c r="HK40" s="75">
        <v>3</v>
      </c>
      <c r="HL40" s="76">
        <v>7</v>
      </c>
      <c r="HM40" s="77">
        <v>8</v>
      </c>
      <c r="HN40" s="74">
        <v>2</v>
      </c>
      <c r="HO40" s="75">
        <v>0</v>
      </c>
      <c r="HP40" s="76">
        <v>2</v>
      </c>
      <c r="HQ40" s="245"/>
      <c r="HR40" s="75">
        <v>0</v>
      </c>
      <c r="HS40" s="75">
        <v>4</v>
      </c>
      <c r="HT40" s="75">
        <v>2</v>
      </c>
      <c r="HU40" s="75">
        <v>1</v>
      </c>
      <c r="HV40" s="75">
        <v>0</v>
      </c>
      <c r="HW40" s="76">
        <v>7</v>
      </c>
      <c r="HX40" s="77">
        <v>9</v>
      </c>
      <c r="HY40" s="74">
        <v>1</v>
      </c>
      <c r="HZ40" s="75">
        <v>0</v>
      </c>
      <c r="IA40" s="76">
        <v>1</v>
      </c>
      <c r="IB40" s="245"/>
      <c r="IC40" s="75">
        <v>5</v>
      </c>
      <c r="ID40" s="75">
        <v>3</v>
      </c>
      <c r="IE40" s="75">
        <v>5</v>
      </c>
      <c r="IF40" s="75">
        <v>3</v>
      </c>
      <c r="IG40" s="75">
        <v>1</v>
      </c>
      <c r="IH40" s="76">
        <v>17</v>
      </c>
      <c r="II40" s="77">
        <v>18</v>
      </c>
      <c r="IJ40" s="74">
        <v>5</v>
      </c>
      <c r="IK40" s="75">
        <v>3</v>
      </c>
      <c r="IL40" s="76">
        <v>8</v>
      </c>
      <c r="IM40" s="245"/>
      <c r="IN40" s="75">
        <v>12</v>
      </c>
      <c r="IO40" s="75">
        <v>4</v>
      </c>
      <c r="IP40" s="75">
        <v>6</v>
      </c>
      <c r="IQ40" s="75">
        <v>1</v>
      </c>
      <c r="IR40" s="75">
        <v>3</v>
      </c>
      <c r="IS40" s="76">
        <v>26</v>
      </c>
      <c r="IT40" s="77">
        <v>34</v>
      </c>
      <c r="IU40" s="74">
        <v>2</v>
      </c>
      <c r="IV40" s="75">
        <v>2</v>
      </c>
      <c r="IW40" s="76">
        <v>4</v>
      </c>
      <c r="IX40" s="245"/>
      <c r="IY40" s="75">
        <v>15</v>
      </c>
      <c r="IZ40" s="75">
        <v>3</v>
      </c>
      <c r="JA40" s="75">
        <v>12</v>
      </c>
      <c r="JB40" s="75">
        <v>4</v>
      </c>
      <c r="JC40" s="75">
        <v>3</v>
      </c>
      <c r="JD40" s="76">
        <v>37</v>
      </c>
      <c r="JE40" s="77">
        <v>41</v>
      </c>
      <c r="JF40" s="74">
        <v>1</v>
      </c>
      <c r="JG40" s="75">
        <v>2</v>
      </c>
      <c r="JH40" s="76">
        <v>3</v>
      </c>
      <c r="JI40" s="245"/>
      <c r="JJ40" s="75">
        <v>9</v>
      </c>
      <c r="JK40" s="75">
        <v>6</v>
      </c>
      <c r="JL40" s="75">
        <v>7</v>
      </c>
      <c r="JM40" s="75">
        <v>6</v>
      </c>
      <c r="JN40" s="75">
        <v>6</v>
      </c>
      <c r="JO40" s="76">
        <v>34</v>
      </c>
      <c r="JP40" s="77">
        <v>37</v>
      </c>
      <c r="JQ40" s="74">
        <v>0</v>
      </c>
      <c r="JR40" s="75">
        <v>0</v>
      </c>
      <c r="JS40" s="76">
        <v>0</v>
      </c>
      <c r="JT40" s="245"/>
      <c r="JU40" s="75">
        <v>0</v>
      </c>
      <c r="JV40" s="75">
        <v>1</v>
      </c>
      <c r="JW40" s="75">
        <v>2</v>
      </c>
      <c r="JX40" s="75">
        <v>1</v>
      </c>
      <c r="JY40" s="75">
        <v>0</v>
      </c>
      <c r="JZ40" s="76">
        <v>4</v>
      </c>
      <c r="KA40" s="77">
        <v>4</v>
      </c>
      <c r="KB40" s="74">
        <v>11</v>
      </c>
      <c r="KC40" s="75">
        <v>8</v>
      </c>
      <c r="KD40" s="76">
        <v>19</v>
      </c>
      <c r="KE40" s="245"/>
      <c r="KF40" s="75">
        <v>43</v>
      </c>
      <c r="KG40" s="75">
        <v>21</v>
      </c>
      <c r="KH40" s="75">
        <v>36</v>
      </c>
      <c r="KI40" s="75">
        <v>16</v>
      </c>
      <c r="KJ40" s="75">
        <v>16</v>
      </c>
      <c r="KK40" s="76">
        <v>132</v>
      </c>
      <c r="KL40" s="77">
        <v>151</v>
      </c>
    </row>
    <row r="41" spans="1:298" ht="32.25" customHeight="1" x14ac:dyDescent="0.2">
      <c r="B41" s="311" t="s">
        <v>126</v>
      </c>
    </row>
  </sheetData>
  <mergeCells count="36">
    <mergeCell ref="GR3:KL3"/>
    <mergeCell ref="GR4:JP4"/>
    <mergeCell ref="JQ4:KA5"/>
    <mergeCell ref="KB4:KL5"/>
    <mergeCell ref="GR5:HB5"/>
    <mergeCell ref="HC5:HM5"/>
    <mergeCell ref="HN5:HX5"/>
    <mergeCell ref="HY5:II5"/>
    <mergeCell ref="IJ5:IT5"/>
    <mergeCell ref="IU5:JE5"/>
    <mergeCell ref="JF5:JP5"/>
    <mergeCell ref="A3:A5"/>
    <mergeCell ref="CW3:GQ3"/>
    <mergeCell ref="CW4:FU4"/>
    <mergeCell ref="FV4:GF5"/>
    <mergeCell ref="GG4:GQ5"/>
    <mergeCell ref="CW5:DG5"/>
    <mergeCell ref="DH5:DR5"/>
    <mergeCell ref="DS5:EC5"/>
    <mergeCell ref="ED5:EN5"/>
    <mergeCell ref="EO5:EY5"/>
    <mergeCell ref="EZ5:FJ5"/>
    <mergeCell ref="FK5:FU5"/>
    <mergeCell ref="H1:I1"/>
    <mergeCell ref="CA4:CK5"/>
    <mergeCell ref="CL4:CV5"/>
    <mergeCell ref="B5:L5"/>
    <mergeCell ref="M5:W5"/>
    <mergeCell ref="X5:AH5"/>
    <mergeCell ref="AI5:AS5"/>
    <mergeCell ref="AT5:BD5"/>
    <mergeCell ref="BE5:BO5"/>
    <mergeCell ref="BP5:BZ5"/>
    <mergeCell ref="B3:CV3"/>
    <mergeCell ref="B4:BZ4"/>
    <mergeCell ref="E1:F1"/>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1" width="12.6640625" style="1" customWidth="1"/>
    <col min="2" max="2" width="8.88671875"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368">
        <f>第１表!F2</f>
        <v>4</v>
      </c>
      <c r="E1" s="251">
        <f>第１表!G2</f>
        <v>5</v>
      </c>
      <c r="F1" s="555">
        <f>IF(E1&lt;3,E1-2+12,E1-2)</f>
        <v>3</v>
      </c>
      <c r="G1" s="555"/>
    </row>
    <row r="2" spans="1:42" ht="17.25" customHeight="1" thickBot="1" x14ac:dyDescent="0.25">
      <c r="A2" s="20" t="s">
        <v>158</v>
      </c>
      <c r="E2" s="20" t="s">
        <v>140</v>
      </c>
    </row>
    <row r="3" spans="1:42" ht="24.75" customHeight="1" x14ac:dyDescent="0.2">
      <c r="A3" s="573"/>
      <c r="B3" s="576" t="s">
        <v>57</v>
      </c>
      <c r="C3" s="577"/>
      <c r="D3" s="577"/>
      <c r="E3" s="577"/>
      <c r="F3" s="577"/>
      <c r="G3" s="577"/>
      <c r="H3" s="577"/>
      <c r="I3" s="577"/>
      <c r="J3" s="577"/>
      <c r="K3" s="577"/>
      <c r="L3" s="576" t="s">
        <v>58</v>
      </c>
      <c r="M3" s="579"/>
      <c r="N3" s="579"/>
      <c r="O3" s="579"/>
      <c r="P3" s="579"/>
      <c r="Q3" s="579"/>
      <c r="R3" s="579"/>
      <c r="S3" s="579"/>
      <c r="T3" s="579"/>
      <c r="U3" s="579"/>
      <c r="V3" s="576" t="s">
        <v>59</v>
      </c>
      <c r="W3" s="577"/>
      <c r="X3" s="577"/>
      <c r="Y3" s="577"/>
      <c r="Z3" s="577"/>
      <c r="AA3" s="577"/>
      <c r="AB3" s="577"/>
      <c r="AC3" s="577"/>
      <c r="AD3" s="577"/>
      <c r="AE3" s="577"/>
      <c r="AF3" s="605" t="s">
        <v>151</v>
      </c>
      <c r="AG3" s="577"/>
      <c r="AH3" s="577"/>
      <c r="AI3" s="577"/>
      <c r="AJ3" s="577"/>
      <c r="AK3" s="577"/>
      <c r="AL3" s="577"/>
      <c r="AM3" s="577"/>
      <c r="AN3" s="577"/>
      <c r="AO3" s="578"/>
    </row>
    <row r="4" spans="1:42" ht="24.75" customHeight="1" x14ac:dyDescent="0.2">
      <c r="A4" s="575"/>
      <c r="B4" s="581" t="s">
        <v>61</v>
      </c>
      <c r="C4" s="582"/>
      <c r="D4" s="583"/>
      <c r="E4" s="584" t="s">
        <v>62</v>
      </c>
      <c r="F4" s="585"/>
      <c r="G4" s="585"/>
      <c r="H4" s="585"/>
      <c r="I4" s="585"/>
      <c r="J4" s="586"/>
      <c r="K4" s="597" t="s">
        <v>52</v>
      </c>
      <c r="L4" s="581" t="s">
        <v>61</v>
      </c>
      <c r="M4" s="582"/>
      <c r="N4" s="583"/>
      <c r="O4" s="584" t="s">
        <v>62</v>
      </c>
      <c r="P4" s="585"/>
      <c r="Q4" s="585"/>
      <c r="R4" s="585"/>
      <c r="S4" s="585"/>
      <c r="T4" s="586"/>
      <c r="U4" s="587" t="s">
        <v>52</v>
      </c>
      <c r="V4" s="581" t="s">
        <v>61</v>
      </c>
      <c r="W4" s="582"/>
      <c r="X4" s="583"/>
      <c r="Y4" s="584" t="s">
        <v>62</v>
      </c>
      <c r="Z4" s="585"/>
      <c r="AA4" s="585"/>
      <c r="AB4" s="585"/>
      <c r="AC4" s="585"/>
      <c r="AD4" s="586"/>
      <c r="AE4" s="597" t="s">
        <v>52</v>
      </c>
      <c r="AF4" s="581" t="s">
        <v>61</v>
      </c>
      <c r="AG4" s="582"/>
      <c r="AH4" s="583"/>
      <c r="AI4" s="584" t="s">
        <v>62</v>
      </c>
      <c r="AJ4" s="585"/>
      <c r="AK4" s="585"/>
      <c r="AL4" s="585"/>
      <c r="AM4" s="585"/>
      <c r="AN4" s="586"/>
      <c r="AO4" s="587" t="s">
        <v>52</v>
      </c>
    </row>
    <row r="5" spans="1:42" ht="24.75" customHeight="1" thickBot="1" x14ac:dyDescent="0.25">
      <c r="A5" s="363" t="s">
        <v>42</v>
      </c>
      <c r="B5" s="31" t="s">
        <v>43</v>
      </c>
      <c r="C5" s="32" t="s">
        <v>44</v>
      </c>
      <c r="D5" s="32" t="s">
        <v>45</v>
      </c>
      <c r="E5" s="33" t="s">
        <v>47</v>
      </c>
      <c r="F5" s="34" t="s">
        <v>48</v>
      </c>
      <c r="G5" s="34" t="s">
        <v>49</v>
      </c>
      <c r="H5" s="35" t="s">
        <v>50</v>
      </c>
      <c r="I5" s="32" t="s">
        <v>51</v>
      </c>
      <c r="J5" s="36" t="s">
        <v>95</v>
      </c>
      <c r="K5" s="596"/>
      <c r="L5" s="31" t="s">
        <v>43</v>
      </c>
      <c r="M5" s="32" t="s">
        <v>44</v>
      </c>
      <c r="N5" s="36" t="s">
        <v>45</v>
      </c>
      <c r="O5" s="15" t="s">
        <v>47</v>
      </c>
      <c r="P5" s="34" t="s">
        <v>48</v>
      </c>
      <c r="Q5" s="34" t="s">
        <v>49</v>
      </c>
      <c r="R5" s="35" t="s">
        <v>50</v>
      </c>
      <c r="S5" s="32" t="s">
        <v>51</v>
      </c>
      <c r="T5" s="36" t="s">
        <v>45</v>
      </c>
      <c r="U5" s="588"/>
      <c r="V5" s="31" t="s">
        <v>43</v>
      </c>
      <c r="W5" s="32" t="s">
        <v>44</v>
      </c>
      <c r="X5" s="32" t="s">
        <v>45</v>
      </c>
      <c r="Y5" s="33" t="s">
        <v>47</v>
      </c>
      <c r="Z5" s="34" t="s">
        <v>48</v>
      </c>
      <c r="AA5" s="34" t="s">
        <v>49</v>
      </c>
      <c r="AB5" s="35" t="s">
        <v>50</v>
      </c>
      <c r="AC5" s="32" t="s">
        <v>51</v>
      </c>
      <c r="AD5" s="36" t="s">
        <v>45</v>
      </c>
      <c r="AE5" s="596"/>
      <c r="AF5" s="31" t="s">
        <v>43</v>
      </c>
      <c r="AG5" s="32" t="s">
        <v>44</v>
      </c>
      <c r="AH5" s="32" t="s">
        <v>45</v>
      </c>
      <c r="AI5" s="33" t="s">
        <v>47</v>
      </c>
      <c r="AJ5" s="34" t="s">
        <v>48</v>
      </c>
      <c r="AK5" s="34" t="s">
        <v>49</v>
      </c>
      <c r="AL5" s="35" t="s">
        <v>50</v>
      </c>
      <c r="AM5" s="32" t="s">
        <v>51</v>
      </c>
      <c r="AN5" s="36" t="s">
        <v>45</v>
      </c>
      <c r="AO5" s="588"/>
    </row>
    <row r="6" spans="1:42" ht="20.25" customHeight="1" x14ac:dyDescent="0.2">
      <c r="A6" s="362" t="s">
        <v>4</v>
      </c>
      <c r="B6" s="185">
        <v>0</v>
      </c>
      <c r="C6" s="186">
        <v>0</v>
      </c>
      <c r="D6" s="186">
        <v>0</v>
      </c>
      <c r="E6" s="187">
        <v>9</v>
      </c>
      <c r="F6" s="188">
        <v>51</v>
      </c>
      <c r="G6" s="188">
        <v>441</v>
      </c>
      <c r="H6" s="188">
        <v>653</v>
      </c>
      <c r="I6" s="186">
        <v>373</v>
      </c>
      <c r="J6" s="189">
        <v>1527</v>
      </c>
      <c r="K6" s="190">
        <v>1527</v>
      </c>
      <c r="L6" s="185">
        <v>0</v>
      </c>
      <c r="M6" s="186">
        <v>0</v>
      </c>
      <c r="N6" s="189">
        <v>0</v>
      </c>
      <c r="O6" s="192">
        <v>95</v>
      </c>
      <c r="P6" s="188">
        <v>201</v>
      </c>
      <c r="Q6" s="188">
        <v>296</v>
      </c>
      <c r="R6" s="188">
        <v>335</v>
      </c>
      <c r="S6" s="186">
        <v>149</v>
      </c>
      <c r="T6" s="189">
        <v>1076</v>
      </c>
      <c r="U6" s="193">
        <v>1076</v>
      </c>
      <c r="V6" s="192">
        <v>0</v>
      </c>
      <c r="W6" s="186">
        <v>0</v>
      </c>
      <c r="X6" s="186">
        <v>0</v>
      </c>
      <c r="Y6" s="187">
        <v>1</v>
      </c>
      <c r="Z6" s="188">
        <v>0</v>
      </c>
      <c r="AA6" s="188">
        <v>2</v>
      </c>
      <c r="AB6" s="188">
        <v>17</v>
      </c>
      <c r="AC6" s="186">
        <v>16</v>
      </c>
      <c r="AD6" s="189">
        <v>36</v>
      </c>
      <c r="AE6" s="190">
        <v>36</v>
      </c>
      <c r="AF6" s="185">
        <v>0</v>
      </c>
      <c r="AG6" s="186">
        <v>0</v>
      </c>
      <c r="AH6" s="186">
        <v>0</v>
      </c>
      <c r="AI6" s="187">
        <v>1</v>
      </c>
      <c r="AJ6" s="188">
        <v>1</v>
      </c>
      <c r="AK6" s="188">
        <v>2</v>
      </c>
      <c r="AL6" s="188">
        <v>14</v>
      </c>
      <c r="AM6" s="186">
        <v>24</v>
      </c>
      <c r="AN6" s="189">
        <v>42</v>
      </c>
      <c r="AO6" s="191">
        <v>42</v>
      </c>
      <c r="AP6" s="37"/>
    </row>
    <row r="7" spans="1:42" ht="20.25" customHeight="1" x14ac:dyDescent="0.2">
      <c r="A7" s="62" t="s">
        <v>5</v>
      </c>
      <c r="B7" s="194">
        <v>0</v>
      </c>
      <c r="C7" s="195">
        <v>0</v>
      </c>
      <c r="D7" s="195">
        <v>0</v>
      </c>
      <c r="E7" s="196">
        <v>2</v>
      </c>
      <c r="F7" s="197">
        <v>31</v>
      </c>
      <c r="G7" s="197">
        <v>226</v>
      </c>
      <c r="H7" s="197">
        <v>283</v>
      </c>
      <c r="I7" s="195">
        <v>178</v>
      </c>
      <c r="J7" s="198">
        <v>720</v>
      </c>
      <c r="K7" s="199">
        <v>720</v>
      </c>
      <c r="L7" s="194">
        <v>0</v>
      </c>
      <c r="M7" s="195">
        <v>0</v>
      </c>
      <c r="N7" s="198">
        <v>0</v>
      </c>
      <c r="O7" s="201">
        <v>39</v>
      </c>
      <c r="P7" s="197">
        <v>106</v>
      </c>
      <c r="Q7" s="197">
        <v>138</v>
      </c>
      <c r="R7" s="197">
        <v>171</v>
      </c>
      <c r="S7" s="195">
        <v>79</v>
      </c>
      <c r="T7" s="198">
        <v>533</v>
      </c>
      <c r="U7" s="202">
        <v>533</v>
      </c>
      <c r="V7" s="201">
        <v>0</v>
      </c>
      <c r="W7" s="195">
        <v>0</v>
      </c>
      <c r="X7" s="195">
        <v>0</v>
      </c>
      <c r="Y7" s="196">
        <v>0</v>
      </c>
      <c r="Z7" s="197">
        <v>0</v>
      </c>
      <c r="AA7" s="197">
        <v>0</v>
      </c>
      <c r="AB7" s="197">
        <v>4</v>
      </c>
      <c r="AC7" s="195">
        <v>7</v>
      </c>
      <c r="AD7" s="198">
        <v>11</v>
      </c>
      <c r="AE7" s="199">
        <v>11</v>
      </c>
      <c r="AF7" s="194">
        <v>0</v>
      </c>
      <c r="AG7" s="195">
        <v>0</v>
      </c>
      <c r="AH7" s="195">
        <v>0</v>
      </c>
      <c r="AI7" s="196">
        <v>0</v>
      </c>
      <c r="AJ7" s="197">
        <v>0</v>
      </c>
      <c r="AK7" s="197">
        <v>0</v>
      </c>
      <c r="AL7" s="197">
        <v>5</v>
      </c>
      <c r="AM7" s="195">
        <v>6</v>
      </c>
      <c r="AN7" s="198">
        <v>11</v>
      </c>
      <c r="AO7" s="200">
        <v>11</v>
      </c>
      <c r="AP7" s="37"/>
    </row>
    <row r="8" spans="1:42" ht="20.25" customHeight="1" x14ac:dyDescent="0.2">
      <c r="A8" s="62" t="s">
        <v>6</v>
      </c>
      <c r="B8" s="194">
        <v>0</v>
      </c>
      <c r="C8" s="195">
        <v>0</v>
      </c>
      <c r="D8" s="195">
        <v>0</v>
      </c>
      <c r="E8" s="196">
        <v>0</v>
      </c>
      <c r="F8" s="197">
        <v>6</v>
      </c>
      <c r="G8" s="197">
        <v>45</v>
      </c>
      <c r="H8" s="197">
        <v>58</v>
      </c>
      <c r="I8" s="195">
        <v>39</v>
      </c>
      <c r="J8" s="198">
        <v>148</v>
      </c>
      <c r="K8" s="199">
        <v>148</v>
      </c>
      <c r="L8" s="194">
        <v>0</v>
      </c>
      <c r="M8" s="195">
        <v>0</v>
      </c>
      <c r="N8" s="198">
        <v>0</v>
      </c>
      <c r="O8" s="201">
        <v>11</v>
      </c>
      <c r="P8" s="197">
        <v>21</v>
      </c>
      <c r="Q8" s="197">
        <v>33</v>
      </c>
      <c r="R8" s="197">
        <v>36</v>
      </c>
      <c r="S8" s="195">
        <v>20</v>
      </c>
      <c r="T8" s="198">
        <v>121</v>
      </c>
      <c r="U8" s="202">
        <v>121</v>
      </c>
      <c r="V8" s="201">
        <v>0</v>
      </c>
      <c r="W8" s="195">
        <v>0</v>
      </c>
      <c r="X8" s="195">
        <v>0</v>
      </c>
      <c r="Y8" s="196">
        <v>1</v>
      </c>
      <c r="Z8" s="197">
        <v>0</v>
      </c>
      <c r="AA8" s="197">
        <v>2</v>
      </c>
      <c r="AB8" s="197">
        <v>10</v>
      </c>
      <c r="AC8" s="195">
        <v>6</v>
      </c>
      <c r="AD8" s="198">
        <v>19</v>
      </c>
      <c r="AE8" s="199">
        <v>19</v>
      </c>
      <c r="AF8" s="194">
        <v>0</v>
      </c>
      <c r="AG8" s="195">
        <v>0</v>
      </c>
      <c r="AH8" s="195">
        <v>0</v>
      </c>
      <c r="AI8" s="196">
        <v>0</v>
      </c>
      <c r="AJ8" s="197">
        <v>0</v>
      </c>
      <c r="AK8" s="197">
        <v>0</v>
      </c>
      <c r="AL8" s="197">
        <v>2</v>
      </c>
      <c r="AM8" s="195">
        <v>7</v>
      </c>
      <c r="AN8" s="198">
        <v>9</v>
      </c>
      <c r="AO8" s="200">
        <v>9</v>
      </c>
      <c r="AP8" s="37"/>
    </row>
    <row r="9" spans="1:42" ht="20.25" customHeight="1" x14ac:dyDescent="0.2">
      <c r="A9" s="62" t="s">
        <v>14</v>
      </c>
      <c r="B9" s="194">
        <v>0</v>
      </c>
      <c r="C9" s="195">
        <v>0</v>
      </c>
      <c r="D9" s="195">
        <v>0</v>
      </c>
      <c r="E9" s="196">
        <v>1</v>
      </c>
      <c r="F9" s="197">
        <v>0</v>
      </c>
      <c r="G9" s="197">
        <v>27</v>
      </c>
      <c r="H9" s="197">
        <v>58</v>
      </c>
      <c r="I9" s="195">
        <v>29</v>
      </c>
      <c r="J9" s="198">
        <v>115</v>
      </c>
      <c r="K9" s="199">
        <v>115</v>
      </c>
      <c r="L9" s="194">
        <v>0</v>
      </c>
      <c r="M9" s="195">
        <v>0</v>
      </c>
      <c r="N9" s="198">
        <v>0</v>
      </c>
      <c r="O9" s="201">
        <v>2</v>
      </c>
      <c r="P9" s="197">
        <v>8</v>
      </c>
      <c r="Q9" s="197">
        <v>16</v>
      </c>
      <c r="R9" s="197">
        <v>21</v>
      </c>
      <c r="S9" s="195">
        <v>7</v>
      </c>
      <c r="T9" s="198">
        <v>54</v>
      </c>
      <c r="U9" s="202">
        <v>54</v>
      </c>
      <c r="V9" s="201">
        <v>0</v>
      </c>
      <c r="W9" s="195">
        <v>0</v>
      </c>
      <c r="X9" s="195">
        <v>0</v>
      </c>
      <c r="Y9" s="196">
        <v>0</v>
      </c>
      <c r="Z9" s="197">
        <v>0</v>
      </c>
      <c r="AA9" s="197">
        <v>0</v>
      </c>
      <c r="AB9" s="197">
        <v>2</v>
      </c>
      <c r="AC9" s="195">
        <v>2</v>
      </c>
      <c r="AD9" s="198">
        <v>4</v>
      </c>
      <c r="AE9" s="199">
        <v>4</v>
      </c>
      <c r="AF9" s="194">
        <v>0</v>
      </c>
      <c r="AG9" s="195">
        <v>0</v>
      </c>
      <c r="AH9" s="195">
        <v>0</v>
      </c>
      <c r="AI9" s="196">
        <v>0</v>
      </c>
      <c r="AJ9" s="197">
        <v>0</v>
      </c>
      <c r="AK9" s="197">
        <v>0</v>
      </c>
      <c r="AL9" s="197">
        <v>1</v>
      </c>
      <c r="AM9" s="195">
        <v>2</v>
      </c>
      <c r="AN9" s="198">
        <v>3</v>
      </c>
      <c r="AO9" s="200">
        <v>3</v>
      </c>
      <c r="AP9" s="37"/>
    </row>
    <row r="10" spans="1:42" ht="20.25" customHeight="1" x14ac:dyDescent="0.2">
      <c r="A10" s="62" t="s">
        <v>7</v>
      </c>
      <c r="B10" s="194">
        <v>0</v>
      </c>
      <c r="C10" s="195">
        <v>0</v>
      </c>
      <c r="D10" s="195">
        <v>0</v>
      </c>
      <c r="E10" s="196">
        <v>0</v>
      </c>
      <c r="F10" s="197">
        <v>5</v>
      </c>
      <c r="G10" s="197">
        <v>25</v>
      </c>
      <c r="H10" s="197">
        <v>58</v>
      </c>
      <c r="I10" s="195">
        <v>26</v>
      </c>
      <c r="J10" s="198">
        <v>114</v>
      </c>
      <c r="K10" s="199">
        <v>114</v>
      </c>
      <c r="L10" s="194">
        <v>0</v>
      </c>
      <c r="M10" s="195">
        <v>0</v>
      </c>
      <c r="N10" s="198">
        <v>0</v>
      </c>
      <c r="O10" s="201">
        <v>14</v>
      </c>
      <c r="P10" s="197">
        <v>13</v>
      </c>
      <c r="Q10" s="197">
        <v>17</v>
      </c>
      <c r="R10" s="197">
        <v>25</v>
      </c>
      <c r="S10" s="195">
        <v>7</v>
      </c>
      <c r="T10" s="198">
        <v>76</v>
      </c>
      <c r="U10" s="202">
        <v>76</v>
      </c>
      <c r="V10" s="201">
        <v>0</v>
      </c>
      <c r="W10" s="195">
        <v>0</v>
      </c>
      <c r="X10" s="195">
        <v>0</v>
      </c>
      <c r="Y10" s="196">
        <v>0</v>
      </c>
      <c r="Z10" s="197">
        <v>0</v>
      </c>
      <c r="AA10" s="197">
        <v>0</v>
      </c>
      <c r="AB10" s="197">
        <v>0</v>
      </c>
      <c r="AC10" s="195">
        <v>0</v>
      </c>
      <c r="AD10" s="198">
        <v>0</v>
      </c>
      <c r="AE10" s="199">
        <v>0</v>
      </c>
      <c r="AF10" s="194">
        <v>0</v>
      </c>
      <c r="AG10" s="195">
        <v>0</v>
      </c>
      <c r="AH10" s="195">
        <v>0</v>
      </c>
      <c r="AI10" s="196">
        <v>0</v>
      </c>
      <c r="AJ10" s="197">
        <v>0</v>
      </c>
      <c r="AK10" s="197">
        <v>0</v>
      </c>
      <c r="AL10" s="197">
        <v>0</v>
      </c>
      <c r="AM10" s="195">
        <v>0</v>
      </c>
      <c r="AN10" s="198">
        <v>0</v>
      </c>
      <c r="AO10" s="200">
        <v>0</v>
      </c>
      <c r="AP10" s="37"/>
    </row>
    <row r="11" spans="1:42" ht="20.25" customHeight="1" x14ac:dyDescent="0.2">
      <c r="A11" s="62" t="s">
        <v>8</v>
      </c>
      <c r="B11" s="194">
        <v>0</v>
      </c>
      <c r="C11" s="195">
        <v>0</v>
      </c>
      <c r="D11" s="195">
        <v>0</v>
      </c>
      <c r="E11" s="196">
        <v>1</v>
      </c>
      <c r="F11" s="197">
        <v>4</v>
      </c>
      <c r="G11" s="197">
        <v>6</v>
      </c>
      <c r="H11" s="197">
        <v>9</v>
      </c>
      <c r="I11" s="195">
        <v>7</v>
      </c>
      <c r="J11" s="198">
        <v>27</v>
      </c>
      <c r="K11" s="199">
        <v>27</v>
      </c>
      <c r="L11" s="194">
        <v>0</v>
      </c>
      <c r="M11" s="195">
        <v>0</v>
      </c>
      <c r="N11" s="198">
        <v>0</v>
      </c>
      <c r="O11" s="201">
        <v>1</v>
      </c>
      <c r="P11" s="197">
        <v>5</v>
      </c>
      <c r="Q11" s="197">
        <v>10</v>
      </c>
      <c r="R11" s="197">
        <v>5</v>
      </c>
      <c r="S11" s="195">
        <v>2</v>
      </c>
      <c r="T11" s="198">
        <v>23</v>
      </c>
      <c r="U11" s="202">
        <v>23</v>
      </c>
      <c r="V11" s="201">
        <v>0</v>
      </c>
      <c r="W11" s="195">
        <v>0</v>
      </c>
      <c r="X11" s="195">
        <v>0</v>
      </c>
      <c r="Y11" s="196">
        <v>0</v>
      </c>
      <c r="Z11" s="197">
        <v>0</v>
      </c>
      <c r="AA11" s="197">
        <v>0</v>
      </c>
      <c r="AB11" s="197">
        <v>0</v>
      </c>
      <c r="AC11" s="195">
        <v>0</v>
      </c>
      <c r="AD11" s="198">
        <v>0</v>
      </c>
      <c r="AE11" s="199">
        <v>0</v>
      </c>
      <c r="AF11" s="194">
        <v>0</v>
      </c>
      <c r="AG11" s="195">
        <v>0</v>
      </c>
      <c r="AH11" s="195">
        <v>0</v>
      </c>
      <c r="AI11" s="196">
        <v>0</v>
      </c>
      <c r="AJ11" s="197">
        <v>0</v>
      </c>
      <c r="AK11" s="197">
        <v>0</v>
      </c>
      <c r="AL11" s="197">
        <v>0</v>
      </c>
      <c r="AM11" s="195">
        <v>0</v>
      </c>
      <c r="AN11" s="198">
        <v>0</v>
      </c>
      <c r="AO11" s="200">
        <v>0</v>
      </c>
      <c r="AP11" s="37"/>
    </row>
    <row r="12" spans="1:42" ht="20.25" customHeight="1" x14ac:dyDescent="0.2">
      <c r="A12" s="62" t="s">
        <v>9</v>
      </c>
      <c r="B12" s="194">
        <v>0</v>
      </c>
      <c r="C12" s="195">
        <v>0</v>
      </c>
      <c r="D12" s="195">
        <v>0</v>
      </c>
      <c r="E12" s="196">
        <v>0</v>
      </c>
      <c r="F12" s="197">
        <v>0</v>
      </c>
      <c r="G12" s="197">
        <v>16</v>
      </c>
      <c r="H12" s="197">
        <v>26</v>
      </c>
      <c r="I12" s="195">
        <v>7</v>
      </c>
      <c r="J12" s="198">
        <v>49</v>
      </c>
      <c r="K12" s="199">
        <v>49</v>
      </c>
      <c r="L12" s="194">
        <v>0</v>
      </c>
      <c r="M12" s="195">
        <v>0</v>
      </c>
      <c r="N12" s="198">
        <v>0</v>
      </c>
      <c r="O12" s="201">
        <v>2</v>
      </c>
      <c r="P12" s="197">
        <v>4</v>
      </c>
      <c r="Q12" s="197">
        <v>9</v>
      </c>
      <c r="R12" s="197">
        <v>7</v>
      </c>
      <c r="S12" s="195">
        <v>1</v>
      </c>
      <c r="T12" s="198">
        <v>23</v>
      </c>
      <c r="U12" s="202">
        <v>23</v>
      </c>
      <c r="V12" s="201">
        <v>0</v>
      </c>
      <c r="W12" s="195">
        <v>0</v>
      </c>
      <c r="X12" s="195">
        <v>0</v>
      </c>
      <c r="Y12" s="196">
        <v>0</v>
      </c>
      <c r="Z12" s="197">
        <v>0</v>
      </c>
      <c r="AA12" s="197">
        <v>0</v>
      </c>
      <c r="AB12" s="197">
        <v>0</v>
      </c>
      <c r="AC12" s="195">
        <v>0</v>
      </c>
      <c r="AD12" s="198">
        <v>0</v>
      </c>
      <c r="AE12" s="199">
        <v>0</v>
      </c>
      <c r="AF12" s="194">
        <v>0</v>
      </c>
      <c r="AG12" s="195">
        <v>0</v>
      </c>
      <c r="AH12" s="195">
        <v>0</v>
      </c>
      <c r="AI12" s="196">
        <v>0</v>
      </c>
      <c r="AJ12" s="197">
        <v>0</v>
      </c>
      <c r="AK12" s="197">
        <v>1</v>
      </c>
      <c r="AL12" s="197">
        <v>0</v>
      </c>
      <c r="AM12" s="195">
        <v>0</v>
      </c>
      <c r="AN12" s="198">
        <v>1</v>
      </c>
      <c r="AO12" s="200">
        <v>1</v>
      </c>
      <c r="AP12" s="37"/>
    </row>
    <row r="13" spans="1:42" ht="20.25" customHeight="1" x14ac:dyDescent="0.2">
      <c r="A13" s="62" t="s">
        <v>10</v>
      </c>
      <c r="B13" s="194">
        <v>0</v>
      </c>
      <c r="C13" s="195">
        <v>0</v>
      </c>
      <c r="D13" s="195">
        <v>0</v>
      </c>
      <c r="E13" s="196">
        <v>1</v>
      </c>
      <c r="F13" s="197">
        <v>0</v>
      </c>
      <c r="G13" s="197">
        <v>20</v>
      </c>
      <c r="H13" s="197">
        <v>33</v>
      </c>
      <c r="I13" s="195">
        <v>16</v>
      </c>
      <c r="J13" s="198">
        <v>70</v>
      </c>
      <c r="K13" s="199">
        <v>70</v>
      </c>
      <c r="L13" s="194">
        <v>0</v>
      </c>
      <c r="M13" s="195">
        <v>0</v>
      </c>
      <c r="N13" s="198">
        <v>0</v>
      </c>
      <c r="O13" s="201">
        <v>7</v>
      </c>
      <c r="P13" s="197">
        <v>4</v>
      </c>
      <c r="Q13" s="197">
        <v>8</v>
      </c>
      <c r="R13" s="197">
        <v>10</v>
      </c>
      <c r="S13" s="195">
        <v>7</v>
      </c>
      <c r="T13" s="198">
        <v>36</v>
      </c>
      <c r="U13" s="202">
        <v>36</v>
      </c>
      <c r="V13" s="201">
        <v>0</v>
      </c>
      <c r="W13" s="195">
        <v>0</v>
      </c>
      <c r="X13" s="195">
        <v>0</v>
      </c>
      <c r="Y13" s="196">
        <v>0</v>
      </c>
      <c r="Z13" s="197">
        <v>0</v>
      </c>
      <c r="AA13" s="197">
        <v>0</v>
      </c>
      <c r="AB13" s="197">
        <v>0</v>
      </c>
      <c r="AC13" s="195">
        <v>0</v>
      </c>
      <c r="AD13" s="198">
        <v>0</v>
      </c>
      <c r="AE13" s="199">
        <v>0</v>
      </c>
      <c r="AF13" s="194">
        <v>0</v>
      </c>
      <c r="AG13" s="195">
        <v>0</v>
      </c>
      <c r="AH13" s="195">
        <v>0</v>
      </c>
      <c r="AI13" s="196">
        <v>0</v>
      </c>
      <c r="AJ13" s="197">
        <v>0</v>
      </c>
      <c r="AK13" s="197">
        <v>0</v>
      </c>
      <c r="AL13" s="197">
        <v>1</v>
      </c>
      <c r="AM13" s="195">
        <v>0</v>
      </c>
      <c r="AN13" s="198">
        <v>1</v>
      </c>
      <c r="AO13" s="200">
        <v>1</v>
      </c>
      <c r="AP13" s="37"/>
    </row>
    <row r="14" spans="1:42" ht="20.25" customHeight="1" x14ac:dyDescent="0.2">
      <c r="A14" s="62" t="s">
        <v>11</v>
      </c>
      <c r="B14" s="194">
        <v>0</v>
      </c>
      <c r="C14" s="195">
        <v>0</v>
      </c>
      <c r="D14" s="195">
        <v>0</v>
      </c>
      <c r="E14" s="196">
        <v>0</v>
      </c>
      <c r="F14" s="197">
        <v>0</v>
      </c>
      <c r="G14" s="197">
        <v>5</v>
      </c>
      <c r="H14" s="197">
        <v>15</v>
      </c>
      <c r="I14" s="195">
        <v>7</v>
      </c>
      <c r="J14" s="198">
        <v>27</v>
      </c>
      <c r="K14" s="199">
        <v>27</v>
      </c>
      <c r="L14" s="194">
        <v>0</v>
      </c>
      <c r="M14" s="195">
        <v>0</v>
      </c>
      <c r="N14" s="198">
        <v>0</v>
      </c>
      <c r="O14" s="201">
        <v>2</v>
      </c>
      <c r="P14" s="197">
        <v>6</v>
      </c>
      <c r="Q14" s="197">
        <v>4</v>
      </c>
      <c r="R14" s="197">
        <v>6</v>
      </c>
      <c r="S14" s="195">
        <v>4</v>
      </c>
      <c r="T14" s="198">
        <v>22</v>
      </c>
      <c r="U14" s="202">
        <v>22</v>
      </c>
      <c r="V14" s="201">
        <v>0</v>
      </c>
      <c r="W14" s="195">
        <v>0</v>
      </c>
      <c r="X14" s="195">
        <v>0</v>
      </c>
      <c r="Y14" s="196">
        <v>0</v>
      </c>
      <c r="Z14" s="197">
        <v>0</v>
      </c>
      <c r="AA14" s="197">
        <v>0</v>
      </c>
      <c r="AB14" s="197">
        <v>0</v>
      </c>
      <c r="AC14" s="195">
        <v>0</v>
      </c>
      <c r="AD14" s="198">
        <v>0</v>
      </c>
      <c r="AE14" s="199">
        <v>0</v>
      </c>
      <c r="AF14" s="194">
        <v>0</v>
      </c>
      <c r="AG14" s="195">
        <v>0</v>
      </c>
      <c r="AH14" s="195">
        <v>0</v>
      </c>
      <c r="AI14" s="196">
        <v>0</v>
      </c>
      <c r="AJ14" s="197">
        <v>1</v>
      </c>
      <c r="AK14" s="197">
        <v>0</v>
      </c>
      <c r="AL14" s="197">
        <v>1</v>
      </c>
      <c r="AM14" s="195">
        <v>0</v>
      </c>
      <c r="AN14" s="198">
        <v>2</v>
      </c>
      <c r="AO14" s="200">
        <v>2</v>
      </c>
      <c r="AP14" s="37"/>
    </row>
    <row r="15" spans="1:42" ht="20.25" customHeight="1" x14ac:dyDescent="0.2">
      <c r="A15" s="62" t="s">
        <v>12</v>
      </c>
      <c r="B15" s="194">
        <v>0</v>
      </c>
      <c r="C15" s="195">
        <v>0</v>
      </c>
      <c r="D15" s="195">
        <v>0</v>
      </c>
      <c r="E15" s="196">
        <v>1</v>
      </c>
      <c r="F15" s="197">
        <v>1</v>
      </c>
      <c r="G15" s="197">
        <v>9</v>
      </c>
      <c r="H15" s="197">
        <v>12</v>
      </c>
      <c r="I15" s="195">
        <v>6</v>
      </c>
      <c r="J15" s="198">
        <v>29</v>
      </c>
      <c r="K15" s="199">
        <v>29</v>
      </c>
      <c r="L15" s="194">
        <v>0</v>
      </c>
      <c r="M15" s="195">
        <v>0</v>
      </c>
      <c r="N15" s="198">
        <v>0</v>
      </c>
      <c r="O15" s="201">
        <v>2</v>
      </c>
      <c r="P15" s="197">
        <v>3</v>
      </c>
      <c r="Q15" s="197">
        <v>9</v>
      </c>
      <c r="R15" s="197">
        <v>10</v>
      </c>
      <c r="S15" s="195">
        <v>3</v>
      </c>
      <c r="T15" s="198">
        <v>27</v>
      </c>
      <c r="U15" s="202">
        <v>27</v>
      </c>
      <c r="V15" s="201">
        <v>0</v>
      </c>
      <c r="W15" s="195">
        <v>0</v>
      </c>
      <c r="X15" s="195">
        <v>0</v>
      </c>
      <c r="Y15" s="196">
        <v>0</v>
      </c>
      <c r="Z15" s="197">
        <v>0</v>
      </c>
      <c r="AA15" s="197">
        <v>0</v>
      </c>
      <c r="AB15" s="197">
        <v>0</v>
      </c>
      <c r="AC15" s="195">
        <v>1</v>
      </c>
      <c r="AD15" s="198">
        <v>1</v>
      </c>
      <c r="AE15" s="199">
        <v>1</v>
      </c>
      <c r="AF15" s="194">
        <v>0</v>
      </c>
      <c r="AG15" s="195">
        <v>0</v>
      </c>
      <c r="AH15" s="195">
        <v>0</v>
      </c>
      <c r="AI15" s="196">
        <v>0</v>
      </c>
      <c r="AJ15" s="197">
        <v>0</v>
      </c>
      <c r="AK15" s="197">
        <v>0</v>
      </c>
      <c r="AL15" s="197">
        <v>0</v>
      </c>
      <c r="AM15" s="195">
        <v>0</v>
      </c>
      <c r="AN15" s="198">
        <v>0</v>
      </c>
      <c r="AO15" s="200">
        <v>0</v>
      </c>
      <c r="AP15" s="37"/>
    </row>
    <row r="16" spans="1:42" ht="20.25" customHeight="1" x14ac:dyDescent="0.2">
      <c r="A16" s="62" t="s">
        <v>13</v>
      </c>
      <c r="B16" s="194">
        <v>0</v>
      </c>
      <c r="C16" s="195">
        <v>0</v>
      </c>
      <c r="D16" s="195">
        <v>0</v>
      </c>
      <c r="E16" s="196">
        <v>1</v>
      </c>
      <c r="F16" s="197">
        <v>0</v>
      </c>
      <c r="G16" s="197">
        <v>3</v>
      </c>
      <c r="H16" s="197">
        <v>7</v>
      </c>
      <c r="I16" s="195">
        <v>5</v>
      </c>
      <c r="J16" s="198">
        <v>16</v>
      </c>
      <c r="K16" s="199">
        <v>16</v>
      </c>
      <c r="L16" s="194">
        <v>0</v>
      </c>
      <c r="M16" s="195">
        <v>0</v>
      </c>
      <c r="N16" s="198">
        <v>0</v>
      </c>
      <c r="O16" s="201">
        <v>2</v>
      </c>
      <c r="P16" s="197">
        <v>2</v>
      </c>
      <c r="Q16" s="197">
        <v>3</v>
      </c>
      <c r="R16" s="197">
        <v>2</v>
      </c>
      <c r="S16" s="195">
        <v>3</v>
      </c>
      <c r="T16" s="198">
        <v>12</v>
      </c>
      <c r="U16" s="202">
        <v>12</v>
      </c>
      <c r="V16" s="201">
        <v>0</v>
      </c>
      <c r="W16" s="195">
        <v>0</v>
      </c>
      <c r="X16" s="195">
        <v>0</v>
      </c>
      <c r="Y16" s="196">
        <v>0</v>
      </c>
      <c r="Z16" s="197">
        <v>0</v>
      </c>
      <c r="AA16" s="197">
        <v>0</v>
      </c>
      <c r="AB16" s="197">
        <v>0</v>
      </c>
      <c r="AC16" s="195">
        <v>0</v>
      </c>
      <c r="AD16" s="198">
        <v>0</v>
      </c>
      <c r="AE16" s="199">
        <v>0</v>
      </c>
      <c r="AF16" s="194">
        <v>0</v>
      </c>
      <c r="AG16" s="195">
        <v>0</v>
      </c>
      <c r="AH16" s="195">
        <v>0</v>
      </c>
      <c r="AI16" s="196">
        <v>0</v>
      </c>
      <c r="AJ16" s="197">
        <v>0</v>
      </c>
      <c r="AK16" s="197">
        <v>0</v>
      </c>
      <c r="AL16" s="197">
        <v>0</v>
      </c>
      <c r="AM16" s="195">
        <v>0</v>
      </c>
      <c r="AN16" s="198">
        <v>0</v>
      </c>
      <c r="AO16" s="200">
        <v>0</v>
      </c>
      <c r="AP16" s="37"/>
    </row>
    <row r="17" spans="1:42" ht="20.25" customHeight="1" x14ac:dyDescent="0.2">
      <c r="A17" s="62" t="s">
        <v>15</v>
      </c>
      <c r="B17" s="194">
        <v>0</v>
      </c>
      <c r="C17" s="195">
        <v>0</v>
      </c>
      <c r="D17" s="195">
        <v>0</v>
      </c>
      <c r="E17" s="196">
        <v>0</v>
      </c>
      <c r="F17" s="197">
        <v>0</v>
      </c>
      <c r="G17" s="197">
        <v>3</v>
      </c>
      <c r="H17" s="197">
        <v>2</v>
      </c>
      <c r="I17" s="195">
        <v>0</v>
      </c>
      <c r="J17" s="198">
        <v>5</v>
      </c>
      <c r="K17" s="199">
        <v>5</v>
      </c>
      <c r="L17" s="194">
        <v>0</v>
      </c>
      <c r="M17" s="195">
        <v>0</v>
      </c>
      <c r="N17" s="198">
        <v>0</v>
      </c>
      <c r="O17" s="201">
        <v>2</v>
      </c>
      <c r="P17" s="197">
        <v>2</v>
      </c>
      <c r="Q17" s="197">
        <v>1</v>
      </c>
      <c r="R17" s="197">
        <v>3</v>
      </c>
      <c r="S17" s="195">
        <v>2</v>
      </c>
      <c r="T17" s="198">
        <v>10</v>
      </c>
      <c r="U17" s="202">
        <v>10</v>
      </c>
      <c r="V17" s="201">
        <v>0</v>
      </c>
      <c r="W17" s="195">
        <v>0</v>
      </c>
      <c r="X17" s="195">
        <v>0</v>
      </c>
      <c r="Y17" s="196">
        <v>0</v>
      </c>
      <c r="Z17" s="197">
        <v>0</v>
      </c>
      <c r="AA17" s="197">
        <v>0</v>
      </c>
      <c r="AB17" s="197">
        <v>0</v>
      </c>
      <c r="AC17" s="195">
        <v>0</v>
      </c>
      <c r="AD17" s="198">
        <v>0</v>
      </c>
      <c r="AE17" s="199">
        <v>0</v>
      </c>
      <c r="AF17" s="194">
        <v>0</v>
      </c>
      <c r="AG17" s="195">
        <v>0</v>
      </c>
      <c r="AH17" s="195">
        <v>0</v>
      </c>
      <c r="AI17" s="196">
        <v>0</v>
      </c>
      <c r="AJ17" s="197">
        <v>0</v>
      </c>
      <c r="AK17" s="197">
        <v>0</v>
      </c>
      <c r="AL17" s="197">
        <v>0</v>
      </c>
      <c r="AM17" s="195">
        <v>0</v>
      </c>
      <c r="AN17" s="198">
        <v>0</v>
      </c>
      <c r="AO17" s="200">
        <v>0</v>
      </c>
      <c r="AP17" s="37"/>
    </row>
    <row r="18" spans="1:42" ht="20.25" customHeight="1" x14ac:dyDescent="0.2">
      <c r="A18" s="62" t="s">
        <v>16</v>
      </c>
      <c r="B18" s="194">
        <v>0</v>
      </c>
      <c r="C18" s="195">
        <v>0</v>
      </c>
      <c r="D18" s="195">
        <v>0</v>
      </c>
      <c r="E18" s="196">
        <v>0</v>
      </c>
      <c r="F18" s="197">
        <v>1</v>
      </c>
      <c r="G18" s="197">
        <v>2</v>
      </c>
      <c r="H18" s="197">
        <v>10</v>
      </c>
      <c r="I18" s="195">
        <v>6</v>
      </c>
      <c r="J18" s="198">
        <v>19</v>
      </c>
      <c r="K18" s="199">
        <v>19</v>
      </c>
      <c r="L18" s="194">
        <v>0</v>
      </c>
      <c r="M18" s="195">
        <v>0</v>
      </c>
      <c r="N18" s="198">
        <v>0</v>
      </c>
      <c r="O18" s="201">
        <v>1</v>
      </c>
      <c r="P18" s="197">
        <v>5</v>
      </c>
      <c r="Q18" s="197">
        <v>4</v>
      </c>
      <c r="R18" s="197">
        <v>7</v>
      </c>
      <c r="S18" s="195">
        <v>2</v>
      </c>
      <c r="T18" s="198">
        <v>19</v>
      </c>
      <c r="U18" s="202">
        <v>19</v>
      </c>
      <c r="V18" s="201">
        <v>0</v>
      </c>
      <c r="W18" s="195">
        <v>0</v>
      </c>
      <c r="X18" s="195">
        <v>0</v>
      </c>
      <c r="Y18" s="196">
        <v>0</v>
      </c>
      <c r="Z18" s="197">
        <v>0</v>
      </c>
      <c r="AA18" s="197">
        <v>0</v>
      </c>
      <c r="AB18" s="197">
        <v>0</v>
      </c>
      <c r="AC18" s="195">
        <v>0</v>
      </c>
      <c r="AD18" s="198">
        <v>0</v>
      </c>
      <c r="AE18" s="199">
        <v>0</v>
      </c>
      <c r="AF18" s="194">
        <v>0</v>
      </c>
      <c r="AG18" s="195">
        <v>0</v>
      </c>
      <c r="AH18" s="195">
        <v>0</v>
      </c>
      <c r="AI18" s="196">
        <v>1</v>
      </c>
      <c r="AJ18" s="197">
        <v>0</v>
      </c>
      <c r="AK18" s="197">
        <v>0</v>
      </c>
      <c r="AL18" s="197">
        <v>0</v>
      </c>
      <c r="AM18" s="195">
        <v>2</v>
      </c>
      <c r="AN18" s="198">
        <v>3</v>
      </c>
      <c r="AO18" s="200">
        <v>3</v>
      </c>
      <c r="AP18" s="37"/>
    </row>
    <row r="19" spans="1:42" ht="20.25" customHeight="1" x14ac:dyDescent="0.2">
      <c r="A19" s="62" t="s">
        <v>17</v>
      </c>
      <c r="B19" s="194">
        <v>0</v>
      </c>
      <c r="C19" s="195">
        <v>0</v>
      </c>
      <c r="D19" s="195">
        <v>0</v>
      </c>
      <c r="E19" s="196">
        <v>0</v>
      </c>
      <c r="F19" s="197">
        <v>2</v>
      </c>
      <c r="G19" s="197">
        <v>9</v>
      </c>
      <c r="H19" s="197">
        <v>13</v>
      </c>
      <c r="I19" s="195">
        <v>5</v>
      </c>
      <c r="J19" s="198">
        <v>29</v>
      </c>
      <c r="K19" s="199">
        <v>29</v>
      </c>
      <c r="L19" s="194">
        <v>0</v>
      </c>
      <c r="M19" s="195">
        <v>0</v>
      </c>
      <c r="N19" s="198">
        <v>0</v>
      </c>
      <c r="O19" s="201">
        <v>0</v>
      </c>
      <c r="P19" s="197">
        <v>5</v>
      </c>
      <c r="Q19" s="197">
        <v>7</v>
      </c>
      <c r="R19" s="197">
        <v>5</v>
      </c>
      <c r="S19" s="195">
        <v>3</v>
      </c>
      <c r="T19" s="198">
        <v>20</v>
      </c>
      <c r="U19" s="202">
        <v>20</v>
      </c>
      <c r="V19" s="201">
        <v>0</v>
      </c>
      <c r="W19" s="195">
        <v>0</v>
      </c>
      <c r="X19" s="195">
        <v>0</v>
      </c>
      <c r="Y19" s="196">
        <v>0</v>
      </c>
      <c r="Z19" s="197">
        <v>0</v>
      </c>
      <c r="AA19" s="197">
        <v>0</v>
      </c>
      <c r="AB19" s="197">
        <v>0</v>
      </c>
      <c r="AC19" s="195">
        <v>0</v>
      </c>
      <c r="AD19" s="198">
        <v>0</v>
      </c>
      <c r="AE19" s="199">
        <v>0</v>
      </c>
      <c r="AF19" s="194">
        <v>0</v>
      </c>
      <c r="AG19" s="195">
        <v>0</v>
      </c>
      <c r="AH19" s="195">
        <v>0</v>
      </c>
      <c r="AI19" s="196">
        <v>0</v>
      </c>
      <c r="AJ19" s="197">
        <v>0</v>
      </c>
      <c r="AK19" s="197">
        <v>0</v>
      </c>
      <c r="AL19" s="197">
        <v>0</v>
      </c>
      <c r="AM19" s="195">
        <v>1</v>
      </c>
      <c r="AN19" s="198">
        <v>1</v>
      </c>
      <c r="AO19" s="200">
        <v>1</v>
      </c>
      <c r="AP19" s="37"/>
    </row>
    <row r="20" spans="1:42" ht="20.25" customHeight="1" x14ac:dyDescent="0.2">
      <c r="A20" s="62" t="s">
        <v>18</v>
      </c>
      <c r="B20" s="194">
        <v>0</v>
      </c>
      <c r="C20" s="195">
        <v>0</v>
      </c>
      <c r="D20" s="195">
        <v>0</v>
      </c>
      <c r="E20" s="196">
        <v>0</v>
      </c>
      <c r="F20" s="197">
        <v>0</v>
      </c>
      <c r="G20" s="197">
        <v>12</v>
      </c>
      <c r="H20" s="197">
        <v>18</v>
      </c>
      <c r="I20" s="195">
        <v>6</v>
      </c>
      <c r="J20" s="198">
        <v>36</v>
      </c>
      <c r="K20" s="199">
        <v>36</v>
      </c>
      <c r="L20" s="194">
        <v>0</v>
      </c>
      <c r="M20" s="195">
        <v>0</v>
      </c>
      <c r="N20" s="198">
        <v>0</v>
      </c>
      <c r="O20" s="201">
        <v>0</v>
      </c>
      <c r="P20" s="197">
        <v>1</v>
      </c>
      <c r="Q20" s="197">
        <v>9</v>
      </c>
      <c r="R20" s="197">
        <v>5</v>
      </c>
      <c r="S20" s="195">
        <v>5</v>
      </c>
      <c r="T20" s="198">
        <v>20</v>
      </c>
      <c r="U20" s="202">
        <v>20</v>
      </c>
      <c r="V20" s="201">
        <v>0</v>
      </c>
      <c r="W20" s="195">
        <v>0</v>
      </c>
      <c r="X20" s="195">
        <v>0</v>
      </c>
      <c r="Y20" s="196">
        <v>0</v>
      </c>
      <c r="Z20" s="197">
        <v>0</v>
      </c>
      <c r="AA20" s="197">
        <v>0</v>
      </c>
      <c r="AB20" s="197">
        <v>1</v>
      </c>
      <c r="AC20" s="195">
        <v>0</v>
      </c>
      <c r="AD20" s="198">
        <v>1</v>
      </c>
      <c r="AE20" s="199">
        <v>1</v>
      </c>
      <c r="AF20" s="194">
        <v>0</v>
      </c>
      <c r="AG20" s="195">
        <v>0</v>
      </c>
      <c r="AH20" s="195">
        <v>0</v>
      </c>
      <c r="AI20" s="196">
        <v>0</v>
      </c>
      <c r="AJ20" s="197">
        <v>0</v>
      </c>
      <c r="AK20" s="197">
        <v>0</v>
      </c>
      <c r="AL20" s="197">
        <v>0</v>
      </c>
      <c r="AM20" s="195">
        <v>1</v>
      </c>
      <c r="AN20" s="198">
        <v>1</v>
      </c>
      <c r="AO20" s="200">
        <v>1</v>
      </c>
      <c r="AP20" s="37"/>
    </row>
    <row r="21" spans="1:42" ht="20.25" customHeight="1" x14ac:dyDescent="0.2">
      <c r="A21" s="62" t="s">
        <v>19</v>
      </c>
      <c r="B21" s="194">
        <v>0</v>
      </c>
      <c r="C21" s="195">
        <v>0</v>
      </c>
      <c r="D21" s="195">
        <v>0</v>
      </c>
      <c r="E21" s="196">
        <v>0</v>
      </c>
      <c r="F21" s="197">
        <v>0</v>
      </c>
      <c r="G21" s="197">
        <v>4</v>
      </c>
      <c r="H21" s="197">
        <v>4</v>
      </c>
      <c r="I21" s="195">
        <v>4</v>
      </c>
      <c r="J21" s="198">
        <v>12</v>
      </c>
      <c r="K21" s="199">
        <v>12</v>
      </c>
      <c r="L21" s="194">
        <v>0</v>
      </c>
      <c r="M21" s="195">
        <v>0</v>
      </c>
      <c r="N21" s="198">
        <v>0</v>
      </c>
      <c r="O21" s="201">
        <v>4</v>
      </c>
      <c r="P21" s="197">
        <v>2</v>
      </c>
      <c r="Q21" s="197">
        <v>3</v>
      </c>
      <c r="R21" s="197">
        <v>3</v>
      </c>
      <c r="S21" s="195">
        <v>0</v>
      </c>
      <c r="T21" s="198">
        <v>12</v>
      </c>
      <c r="U21" s="202">
        <v>12</v>
      </c>
      <c r="V21" s="201">
        <v>0</v>
      </c>
      <c r="W21" s="195">
        <v>0</v>
      </c>
      <c r="X21" s="195">
        <v>0</v>
      </c>
      <c r="Y21" s="196">
        <v>0</v>
      </c>
      <c r="Z21" s="197">
        <v>0</v>
      </c>
      <c r="AA21" s="197">
        <v>0</v>
      </c>
      <c r="AB21" s="197">
        <v>0</v>
      </c>
      <c r="AC21" s="195">
        <v>0</v>
      </c>
      <c r="AD21" s="198">
        <v>0</v>
      </c>
      <c r="AE21" s="199">
        <v>0</v>
      </c>
      <c r="AF21" s="194">
        <v>0</v>
      </c>
      <c r="AG21" s="195">
        <v>0</v>
      </c>
      <c r="AH21" s="195">
        <v>0</v>
      </c>
      <c r="AI21" s="196">
        <v>0</v>
      </c>
      <c r="AJ21" s="197">
        <v>0</v>
      </c>
      <c r="AK21" s="197">
        <v>0</v>
      </c>
      <c r="AL21" s="197">
        <v>0</v>
      </c>
      <c r="AM21" s="195">
        <v>1</v>
      </c>
      <c r="AN21" s="198">
        <v>1</v>
      </c>
      <c r="AO21" s="200">
        <v>1</v>
      </c>
      <c r="AP21" s="37"/>
    </row>
    <row r="22" spans="1:42" ht="20.25" customHeight="1" x14ac:dyDescent="0.2">
      <c r="A22" s="62" t="s">
        <v>20</v>
      </c>
      <c r="B22" s="194">
        <v>0</v>
      </c>
      <c r="C22" s="195">
        <v>0</v>
      </c>
      <c r="D22" s="195">
        <v>0</v>
      </c>
      <c r="E22" s="196">
        <v>0</v>
      </c>
      <c r="F22" s="197">
        <v>0</v>
      </c>
      <c r="G22" s="197">
        <v>4</v>
      </c>
      <c r="H22" s="197">
        <v>9</v>
      </c>
      <c r="I22" s="195">
        <v>6</v>
      </c>
      <c r="J22" s="198">
        <v>19</v>
      </c>
      <c r="K22" s="199">
        <v>19</v>
      </c>
      <c r="L22" s="194">
        <v>0</v>
      </c>
      <c r="M22" s="195">
        <v>0</v>
      </c>
      <c r="N22" s="198">
        <v>0</v>
      </c>
      <c r="O22" s="201">
        <v>1</v>
      </c>
      <c r="P22" s="197">
        <v>3</v>
      </c>
      <c r="Q22" s="197">
        <v>6</v>
      </c>
      <c r="R22" s="197">
        <v>1</v>
      </c>
      <c r="S22" s="195">
        <v>1</v>
      </c>
      <c r="T22" s="198">
        <v>12</v>
      </c>
      <c r="U22" s="202">
        <v>12</v>
      </c>
      <c r="V22" s="201">
        <v>0</v>
      </c>
      <c r="W22" s="195">
        <v>0</v>
      </c>
      <c r="X22" s="195">
        <v>0</v>
      </c>
      <c r="Y22" s="196">
        <v>0</v>
      </c>
      <c r="Z22" s="197">
        <v>0</v>
      </c>
      <c r="AA22" s="197">
        <v>0</v>
      </c>
      <c r="AB22" s="197">
        <v>0</v>
      </c>
      <c r="AC22" s="195">
        <v>0</v>
      </c>
      <c r="AD22" s="198">
        <v>0</v>
      </c>
      <c r="AE22" s="199">
        <v>0</v>
      </c>
      <c r="AF22" s="194">
        <v>0</v>
      </c>
      <c r="AG22" s="195">
        <v>0</v>
      </c>
      <c r="AH22" s="195">
        <v>0</v>
      </c>
      <c r="AI22" s="196">
        <v>0</v>
      </c>
      <c r="AJ22" s="197">
        <v>0</v>
      </c>
      <c r="AK22" s="197">
        <v>0</v>
      </c>
      <c r="AL22" s="197">
        <v>0</v>
      </c>
      <c r="AM22" s="195">
        <v>2</v>
      </c>
      <c r="AN22" s="198">
        <v>2</v>
      </c>
      <c r="AO22" s="200">
        <v>2</v>
      </c>
      <c r="AP22" s="37"/>
    </row>
    <row r="23" spans="1:42" ht="20.25" customHeight="1" x14ac:dyDescent="0.2">
      <c r="A23" s="62" t="s">
        <v>21</v>
      </c>
      <c r="B23" s="194">
        <v>0</v>
      </c>
      <c r="C23" s="195">
        <v>0</v>
      </c>
      <c r="D23" s="195">
        <v>0</v>
      </c>
      <c r="E23" s="196">
        <v>0</v>
      </c>
      <c r="F23" s="197">
        <v>0</v>
      </c>
      <c r="G23" s="197">
        <v>8</v>
      </c>
      <c r="H23" s="197">
        <v>10</v>
      </c>
      <c r="I23" s="195">
        <v>7</v>
      </c>
      <c r="J23" s="198">
        <v>25</v>
      </c>
      <c r="K23" s="199">
        <v>25</v>
      </c>
      <c r="L23" s="194">
        <v>0</v>
      </c>
      <c r="M23" s="195">
        <v>0</v>
      </c>
      <c r="N23" s="198">
        <v>0</v>
      </c>
      <c r="O23" s="201">
        <v>0</v>
      </c>
      <c r="P23" s="197">
        <v>1</v>
      </c>
      <c r="Q23" s="197">
        <v>1</v>
      </c>
      <c r="R23" s="197">
        <v>4</v>
      </c>
      <c r="S23" s="195">
        <v>0</v>
      </c>
      <c r="T23" s="198">
        <v>6</v>
      </c>
      <c r="U23" s="202">
        <v>6</v>
      </c>
      <c r="V23" s="201">
        <v>0</v>
      </c>
      <c r="W23" s="195">
        <v>0</v>
      </c>
      <c r="X23" s="195">
        <v>0</v>
      </c>
      <c r="Y23" s="196">
        <v>0</v>
      </c>
      <c r="Z23" s="197">
        <v>0</v>
      </c>
      <c r="AA23" s="197">
        <v>0</v>
      </c>
      <c r="AB23" s="197">
        <v>0</v>
      </c>
      <c r="AC23" s="195">
        <v>0</v>
      </c>
      <c r="AD23" s="198">
        <v>0</v>
      </c>
      <c r="AE23" s="199">
        <v>0</v>
      </c>
      <c r="AF23" s="194">
        <v>0</v>
      </c>
      <c r="AG23" s="195">
        <v>0</v>
      </c>
      <c r="AH23" s="195">
        <v>0</v>
      </c>
      <c r="AI23" s="196">
        <v>0</v>
      </c>
      <c r="AJ23" s="197">
        <v>0</v>
      </c>
      <c r="AK23" s="197">
        <v>0</v>
      </c>
      <c r="AL23" s="197">
        <v>1</v>
      </c>
      <c r="AM23" s="195">
        <v>1</v>
      </c>
      <c r="AN23" s="198">
        <v>2</v>
      </c>
      <c r="AO23" s="200">
        <v>2</v>
      </c>
      <c r="AP23" s="37"/>
    </row>
    <row r="24" spans="1:42" ht="20.25" customHeight="1" x14ac:dyDescent="0.2">
      <c r="A24" s="62" t="s">
        <v>22</v>
      </c>
      <c r="B24" s="194">
        <v>0</v>
      </c>
      <c r="C24" s="195">
        <v>0</v>
      </c>
      <c r="D24" s="195">
        <v>0</v>
      </c>
      <c r="E24" s="196">
        <v>0</v>
      </c>
      <c r="F24" s="197">
        <v>0</v>
      </c>
      <c r="G24" s="197">
        <v>3</v>
      </c>
      <c r="H24" s="197">
        <v>2</v>
      </c>
      <c r="I24" s="195">
        <v>0</v>
      </c>
      <c r="J24" s="198">
        <v>5</v>
      </c>
      <c r="K24" s="199">
        <v>5</v>
      </c>
      <c r="L24" s="194">
        <v>0</v>
      </c>
      <c r="M24" s="195">
        <v>0</v>
      </c>
      <c r="N24" s="198">
        <v>0</v>
      </c>
      <c r="O24" s="201">
        <v>0</v>
      </c>
      <c r="P24" s="197">
        <v>1</v>
      </c>
      <c r="Q24" s="197">
        <v>1</v>
      </c>
      <c r="R24" s="197">
        <v>1</v>
      </c>
      <c r="S24" s="195">
        <v>0</v>
      </c>
      <c r="T24" s="198">
        <v>3</v>
      </c>
      <c r="U24" s="202">
        <v>3</v>
      </c>
      <c r="V24" s="201">
        <v>0</v>
      </c>
      <c r="W24" s="195">
        <v>0</v>
      </c>
      <c r="X24" s="195">
        <v>0</v>
      </c>
      <c r="Y24" s="196">
        <v>0</v>
      </c>
      <c r="Z24" s="197">
        <v>0</v>
      </c>
      <c r="AA24" s="197">
        <v>0</v>
      </c>
      <c r="AB24" s="197">
        <v>0</v>
      </c>
      <c r="AC24" s="195">
        <v>0</v>
      </c>
      <c r="AD24" s="198">
        <v>0</v>
      </c>
      <c r="AE24" s="199">
        <v>0</v>
      </c>
      <c r="AF24" s="194">
        <v>0</v>
      </c>
      <c r="AG24" s="195">
        <v>0</v>
      </c>
      <c r="AH24" s="195">
        <v>0</v>
      </c>
      <c r="AI24" s="196">
        <v>0</v>
      </c>
      <c r="AJ24" s="197">
        <v>0</v>
      </c>
      <c r="AK24" s="197">
        <v>0</v>
      </c>
      <c r="AL24" s="197">
        <v>0</v>
      </c>
      <c r="AM24" s="195">
        <v>0</v>
      </c>
      <c r="AN24" s="198">
        <v>0</v>
      </c>
      <c r="AO24" s="200">
        <v>0</v>
      </c>
      <c r="AP24" s="37"/>
    </row>
    <row r="25" spans="1:42" ht="20.25" customHeight="1" x14ac:dyDescent="0.2">
      <c r="A25" s="62" t="s">
        <v>23</v>
      </c>
      <c r="B25" s="194">
        <v>0</v>
      </c>
      <c r="C25" s="195">
        <v>0</v>
      </c>
      <c r="D25" s="195">
        <v>0</v>
      </c>
      <c r="E25" s="196">
        <v>1</v>
      </c>
      <c r="F25" s="197">
        <v>0</v>
      </c>
      <c r="G25" s="197">
        <v>3</v>
      </c>
      <c r="H25" s="197">
        <v>4</v>
      </c>
      <c r="I25" s="195">
        <v>1</v>
      </c>
      <c r="J25" s="198">
        <v>9</v>
      </c>
      <c r="K25" s="199">
        <v>9</v>
      </c>
      <c r="L25" s="194">
        <v>0</v>
      </c>
      <c r="M25" s="195">
        <v>0</v>
      </c>
      <c r="N25" s="198">
        <v>0</v>
      </c>
      <c r="O25" s="201">
        <v>0</v>
      </c>
      <c r="P25" s="197">
        <v>1</v>
      </c>
      <c r="Q25" s="197">
        <v>1</v>
      </c>
      <c r="R25" s="197">
        <v>3</v>
      </c>
      <c r="S25" s="195">
        <v>0</v>
      </c>
      <c r="T25" s="198">
        <v>5</v>
      </c>
      <c r="U25" s="202">
        <v>5</v>
      </c>
      <c r="V25" s="201">
        <v>0</v>
      </c>
      <c r="W25" s="195">
        <v>0</v>
      </c>
      <c r="X25" s="195">
        <v>0</v>
      </c>
      <c r="Y25" s="196">
        <v>0</v>
      </c>
      <c r="Z25" s="197">
        <v>0</v>
      </c>
      <c r="AA25" s="197">
        <v>0</v>
      </c>
      <c r="AB25" s="197">
        <v>0</v>
      </c>
      <c r="AC25" s="195">
        <v>0</v>
      </c>
      <c r="AD25" s="198">
        <v>0</v>
      </c>
      <c r="AE25" s="199">
        <v>0</v>
      </c>
      <c r="AF25" s="194">
        <v>0</v>
      </c>
      <c r="AG25" s="195">
        <v>0</v>
      </c>
      <c r="AH25" s="195">
        <v>0</v>
      </c>
      <c r="AI25" s="196">
        <v>0</v>
      </c>
      <c r="AJ25" s="197">
        <v>0</v>
      </c>
      <c r="AK25" s="197">
        <v>0</v>
      </c>
      <c r="AL25" s="197">
        <v>0</v>
      </c>
      <c r="AM25" s="195">
        <v>0</v>
      </c>
      <c r="AN25" s="198">
        <v>0</v>
      </c>
      <c r="AO25" s="200">
        <v>0</v>
      </c>
      <c r="AP25" s="37"/>
    </row>
    <row r="26" spans="1:42" ht="20.25" customHeight="1" x14ac:dyDescent="0.2">
      <c r="A26" s="62" t="s">
        <v>24</v>
      </c>
      <c r="B26" s="194">
        <v>0</v>
      </c>
      <c r="C26" s="195">
        <v>0</v>
      </c>
      <c r="D26" s="195">
        <v>0</v>
      </c>
      <c r="E26" s="196">
        <v>0</v>
      </c>
      <c r="F26" s="197">
        <v>0</v>
      </c>
      <c r="G26" s="197">
        <v>0</v>
      </c>
      <c r="H26" s="197">
        <v>2</v>
      </c>
      <c r="I26" s="195">
        <v>5</v>
      </c>
      <c r="J26" s="198">
        <v>7</v>
      </c>
      <c r="K26" s="199">
        <v>7</v>
      </c>
      <c r="L26" s="194">
        <v>0</v>
      </c>
      <c r="M26" s="195">
        <v>0</v>
      </c>
      <c r="N26" s="198">
        <v>0</v>
      </c>
      <c r="O26" s="201">
        <v>2</v>
      </c>
      <c r="P26" s="197">
        <v>3</v>
      </c>
      <c r="Q26" s="197">
        <v>2</v>
      </c>
      <c r="R26" s="197">
        <v>2</v>
      </c>
      <c r="S26" s="195">
        <v>0</v>
      </c>
      <c r="T26" s="198">
        <v>9</v>
      </c>
      <c r="U26" s="202">
        <v>9</v>
      </c>
      <c r="V26" s="201">
        <v>0</v>
      </c>
      <c r="W26" s="195">
        <v>0</v>
      </c>
      <c r="X26" s="195">
        <v>0</v>
      </c>
      <c r="Y26" s="196">
        <v>0</v>
      </c>
      <c r="Z26" s="197">
        <v>0</v>
      </c>
      <c r="AA26" s="197">
        <v>0</v>
      </c>
      <c r="AB26" s="197">
        <v>0</v>
      </c>
      <c r="AC26" s="195">
        <v>0</v>
      </c>
      <c r="AD26" s="198">
        <v>0</v>
      </c>
      <c r="AE26" s="199">
        <v>0</v>
      </c>
      <c r="AF26" s="194">
        <v>0</v>
      </c>
      <c r="AG26" s="195">
        <v>0</v>
      </c>
      <c r="AH26" s="195">
        <v>0</v>
      </c>
      <c r="AI26" s="196">
        <v>0</v>
      </c>
      <c r="AJ26" s="197">
        <v>0</v>
      </c>
      <c r="AK26" s="197">
        <v>0</v>
      </c>
      <c r="AL26" s="197">
        <v>0</v>
      </c>
      <c r="AM26" s="195">
        <v>0</v>
      </c>
      <c r="AN26" s="198">
        <v>0</v>
      </c>
      <c r="AO26" s="200">
        <v>0</v>
      </c>
      <c r="AP26" s="37"/>
    </row>
    <row r="27" spans="1:42" ht="20.25" customHeight="1" x14ac:dyDescent="0.2">
      <c r="A27" s="62" t="s">
        <v>25</v>
      </c>
      <c r="B27" s="194">
        <v>0</v>
      </c>
      <c r="C27" s="195">
        <v>0</v>
      </c>
      <c r="D27" s="195">
        <v>0</v>
      </c>
      <c r="E27" s="196">
        <v>1</v>
      </c>
      <c r="F27" s="197">
        <v>0</v>
      </c>
      <c r="G27" s="197">
        <v>6</v>
      </c>
      <c r="H27" s="197">
        <v>2</v>
      </c>
      <c r="I27" s="195">
        <v>1</v>
      </c>
      <c r="J27" s="198">
        <v>10</v>
      </c>
      <c r="K27" s="199">
        <v>10</v>
      </c>
      <c r="L27" s="194">
        <v>0</v>
      </c>
      <c r="M27" s="195">
        <v>0</v>
      </c>
      <c r="N27" s="198">
        <v>0</v>
      </c>
      <c r="O27" s="201">
        <v>0</v>
      </c>
      <c r="P27" s="197">
        <v>0</v>
      </c>
      <c r="Q27" s="197">
        <v>2</v>
      </c>
      <c r="R27" s="197">
        <v>2</v>
      </c>
      <c r="S27" s="195">
        <v>0</v>
      </c>
      <c r="T27" s="198">
        <v>4</v>
      </c>
      <c r="U27" s="202">
        <v>4</v>
      </c>
      <c r="V27" s="201">
        <v>0</v>
      </c>
      <c r="W27" s="195">
        <v>0</v>
      </c>
      <c r="X27" s="195">
        <v>0</v>
      </c>
      <c r="Y27" s="196">
        <v>0</v>
      </c>
      <c r="Z27" s="197">
        <v>0</v>
      </c>
      <c r="AA27" s="197">
        <v>0</v>
      </c>
      <c r="AB27" s="197">
        <v>0</v>
      </c>
      <c r="AC27" s="195">
        <v>0</v>
      </c>
      <c r="AD27" s="198">
        <v>0</v>
      </c>
      <c r="AE27" s="199">
        <v>0</v>
      </c>
      <c r="AF27" s="194">
        <v>0</v>
      </c>
      <c r="AG27" s="195">
        <v>0</v>
      </c>
      <c r="AH27" s="195">
        <v>0</v>
      </c>
      <c r="AI27" s="196">
        <v>0</v>
      </c>
      <c r="AJ27" s="197">
        <v>0</v>
      </c>
      <c r="AK27" s="197">
        <v>0</v>
      </c>
      <c r="AL27" s="197">
        <v>0</v>
      </c>
      <c r="AM27" s="195">
        <v>0</v>
      </c>
      <c r="AN27" s="198">
        <v>0</v>
      </c>
      <c r="AO27" s="200">
        <v>0</v>
      </c>
      <c r="AP27" s="37"/>
    </row>
    <row r="28" spans="1:42" ht="20.25" customHeight="1" x14ac:dyDescent="0.2">
      <c r="A28" s="62" t="s">
        <v>26</v>
      </c>
      <c r="B28" s="194">
        <v>0</v>
      </c>
      <c r="C28" s="195">
        <v>0</v>
      </c>
      <c r="D28" s="195">
        <v>0</v>
      </c>
      <c r="E28" s="196">
        <v>0</v>
      </c>
      <c r="F28" s="197">
        <v>0</v>
      </c>
      <c r="G28" s="197">
        <v>1</v>
      </c>
      <c r="H28" s="197">
        <v>3</v>
      </c>
      <c r="I28" s="195">
        <v>1</v>
      </c>
      <c r="J28" s="198">
        <v>5</v>
      </c>
      <c r="K28" s="199">
        <v>5</v>
      </c>
      <c r="L28" s="194">
        <v>0</v>
      </c>
      <c r="M28" s="195">
        <v>0</v>
      </c>
      <c r="N28" s="198">
        <v>0</v>
      </c>
      <c r="O28" s="201">
        <v>0</v>
      </c>
      <c r="P28" s="197">
        <v>0</v>
      </c>
      <c r="Q28" s="197">
        <v>2</v>
      </c>
      <c r="R28" s="197">
        <v>0</v>
      </c>
      <c r="S28" s="195">
        <v>1</v>
      </c>
      <c r="T28" s="198">
        <v>3</v>
      </c>
      <c r="U28" s="202">
        <v>3</v>
      </c>
      <c r="V28" s="201">
        <v>0</v>
      </c>
      <c r="W28" s="195">
        <v>0</v>
      </c>
      <c r="X28" s="195">
        <v>0</v>
      </c>
      <c r="Y28" s="196">
        <v>0</v>
      </c>
      <c r="Z28" s="197">
        <v>0</v>
      </c>
      <c r="AA28" s="197">
        <v>0</v>
      </c>
      <c r="AB28" s="197">
        <v>0</v>
      </c>
      <c r="AC28" s="195">
        <v>0</v>
      </c>
      <c r="AD28" s="198">
        <v>0</v>
      </c>
      <c r="AE28" s="199">
        <v>0</v>
      </c>
      <c r="AF28" s="194">
        <v>0</v>
      </c>
      <c r="AG28" s="195">
        <v>0</v>
      </c>
      <c r="AH28" s="195">
        <v>0</v>
      </c>
      <c r="AI28" s="196">
        <v>0</v>
      </c>
      <c r="AJ28" s="197">
        <v>0</v>
      </c>
      <c r="AK28" s="197">
        <v>0</v>
      </c>
      <c r="AL28" s="197">
        <v>0</v>
      </c>
      <c r="AM28" s="195">
        <v>0</v>
      </c>
      <c r="AN28" s="198">
        <v>0</v>
      </c>
      <c r="AO28" s="200">
        <v>0</v>
      </c>
      <c r="AP28" s="37"/>
    </row>
    <row r="29" spans="1:42" ht="20.25" customHeight="1" x14ac:dyDescent="0.2">
      <c r="A29" s="62" t="s">
        <v>27</v>
      </c>
      <c r="B29" s="194">
        <v>0</v>
      </c>
      <c r="C29" s="195">
        <v>0</v>
      </c>
      <c r="D29" s="195">
        <v>0</v>
      </c>
      <c r="E29" s="196">
        <v>0</v>
      </c>
      <c r="F29" s="197">
        <v>1</v>
      </c>
      <c r="G29" s="197">
        <v>0</v>
      </c>
      <c r="H29" s="197">
        <v>1</v>
      </c>
      <c r="I29" s="195">
        <v>3</v>
      </c>
      <c r="J29" s="198">
        <v>5</v>
      </c>
      <c r="K29" s="199">
        <v>5</v>
      </c>
      <c r="L29" s="194">
        <v>0</v>
      </c>
      <c r="M29" s="195">
        <v>0</v>
      </c>
      <c r="N29" s="198">
        <v>0</v>
      </c>
      <c r="O29" s="201">
        <v>0</v>
      </c>
      <c r="P29" s="197">
        <v>1</v>
      </c>
      <c r="Q29" s="197">
        <v>3</v>
      </c>
      <c r="R29" s="197">
        <v>1</v>
      </c>
      <c r="S29" s="195">
        <v>0</v>
      </c>
      <c r="T29" s="198">
        <v>5</v>
      </c>
      <c r="U29" s="202">
        <v>5</v>
      </c>
      <c r="V29" s="201">
        <v>0</v>
      </c>
      <c r="W29" s="195">
        <v>0</v>
      </c>
      <c r="X29" s="195">
        <v>0</v>
      </c>
      <c r="Y29" s="196">
        <v>0</v>
      </c>
      <c r="Z29" s="197">
        <v>0</v>
      </c>
      <c r="AA29" s="197">
        <v>0</v>
      </c>
      <c r="AB29" s="197">
        <v>0</v>
      </c>
      <c r="AC29" s="195">
        <v>0</v>
      </c>
      <c r="AD29" s="198">
        <v>0</v>
      </c>
      <c r="AE29" s="199">
        <v>0</v>
      </c>
      <c r="AF29" s="194">
        <v>0</v>
      </c>
      <c r="AG29" s="195">
        <v>0</v>
      </c>
      <c r="AH29" s="195">
        <v>0</v>
      </c>
      <c r="AI29" s="196">
        <v>0</v>
      </c>
      <c r="AJ29" s="197">
        <v>0</v>
      </c>
      <c r="AK29" s="197">
        <v>0</v>
      </c>
      <c r="AL29" s="197">
        <v>1</v>
      </c>
      <c r="AM29" s="195">
        <v>0</v>
      </c>
      <c r="AN29" s="198">
        <v>1</v>
      </c>
      <c r="AO29" s="200">
        <v>1</v>
      </c>
      <c r="AP29" s="37"/>
    </row>
    <row r="30" spans="1:42" ht="20.25" customHeight="1" x14ac:dyDescent="0.2">
      <c r="A30" s="62" t="s">
        <v>28</v>
      </c>
      <c r="B30" s="194">
        <v>0</v>
      </c>
      <c r="C30" s="195">
        <v>0</v>
      </c>
      <c r="D30" s="195">
        <v>0</v>
      </c>
      <c r="E30" s="196">
        <v>0</v>
      </c>
      <c r="F30" s="197">
        <v>0</v>
      </c>
      <c r="G30" s="197">
        <v>0</v>
      </c>
      <c r="H30" s="197">
        <v>1</v>
      </c>
      <c r="I30" s="195">
        <v>0</v>
      </c>
      <c r="J30" s="198">
        <v>1</v>
      </c>
      <c r="K30" s="199">
        <v>1</v>
      </c>
      <c r="L30" s="194">
        <v>0</v>
      </c>
      <c r="M30" s="195">
        <v>0</v>
      </c>
      <c r="N30" s="198">
        <v>0</v>
      </c>
      <c r="O30" s="201">
        <v>0</v>
      </c>
      <c r="P30" s="197">
        <v>1</v>
      </c>
      <c r="Q30" s="197">
        <v>0</v>
      </c>
      <c r="R30" s="197">
        <v>1</v>
      </c>
      <c r="S30" s="195">
        <v>0</v>
      </c>
      <c r="T30" s="198">
        <v>2</v>
      </c>
      <c r="U30" s="202">
        <v>2</v>
      </c>
      <c r="V30" s="201">
        <v>0</v>
      </c>
      <c r="W30" s="195">
        <v>0</v>
      </c>
      <c r="X30" s="195">
        <v>0</v>
      </c>
      <c r="Y30" s="196">
        <v>0</v>
      </c>
      <c r="Z30" s="197">
        <v>0</v>
      </c>
      <c r="AA30" s="197">
        <v>0</v>
      </c>
      <c r="AB30" s="197">
        <v>0</v>
      </c>
      <c r="AC30" s="195">
        <v>0</v>
      </c>
      <c r="AD30" s="198">
        <v>0</v>
      </c>
      <c r="AE30" s="199">
        <v>0</v>
      </c>
      <c r="AF30" s="194">
        <v>0</v>
      </c>
      <c r="AG30" s="195">
        <v>0</v>
      </c>
      <c r="AH30" s="195">
        <v>0</v>
      </c>
      <c r="AI30" s="196">
        <v>0</v>
      </c>
      <c r="AJ30" s="197">
        <v>0</v>
      </c>
      <c r="AK30" s="197">
        <v>0</v>
      </c>
      <c r="AL30" s="197">
        <v>0</v>
      </c>
      <c r="AM30" s="195">
        <v>0</v>
      </c>
      <c r="AN30" s="198">
        <v>0</v>
      </c>
      <c r="AO30" s="200">
        <v>0</v>
      </c>
      <c r="AP30" s="37"/>
    </row>
    <row r="31" spans="1:42" ht="20.25" customHeight="1" x14ac:dyDescent="0.2">
      <c r="A31" s="62" t="s">
        <v>29</v>
      </c>
      <c r="B31" s="194">
        <v>0</v>
      </c>
      <c r="C31" s="195">
        <v>0</v>
      </c>
      <c r="D31" s="195">
        <v>0</v>
      </c>
      <c r="E31" s="196">
        <v>0</v>
      </c>
      <c r="F31" s="197">
        <v>0</v>
      </c>
      <c r="G31" s="197">
        <v>1</v>
      </c>
      <c r="H31" s="197">
        <v>1</v>
      </c>
      <c r="I31" s="195">
        <v>1</v>
      </c>
      <c r="J31" s="198">
        <v>3</v>
      </c>
      <c r="K31" s="199">
        <v>3</v>
      </c>
      <c r="L31" s="194">
        <v>0</v>
      </c>
      <c r="M31" s="195">
        <v>0</v>
      </c>
      <c r="N31" s="198">
        <v>0</v>
      </c>
      <c r="O31" s="201">
        <v>0</v>
      </c>
      <c r="P31" s="197">
        <v>1</v>
      </c>
      <c r="Q31" s="197">
        <v>0</v>
      </c>
      <c r="R31" s="197">
        <v>0</v>
      </c>
      <c r="S31" s="195">
        <v>0</v>
      </c>
      <c r="T31" s="198">
        <v>1</v>
      </c>
      <c r="U31" s="202">
        <v>1</v>
      </c>
      <c r="V31" s="201">
        <v>0</v>
      </c>
      <c r="W31" s="195">
        <v>0</v>
      </c>
      <c r="X31" s="195">
        <v>0</v>
      </c>
      <c r="Y31" s="196">
        <v>0</v>
      </c>
      <c r="Z31" s="197">
        <v>0</v>
      </c>
      <c r="AA31" s="197">
        <v>0</v>
      </c>
      <c r="AB31" s="197">
        <v>0</v>
      </c>
      <c r="AC31" s="195">
        <v>0</v>
      </c>
      <c r="AD31" s="198">
        <v>0</v>
      </c>
      <c r="AE31" s="199">
        <v>0</v>
      </c>
      <c r="AF31" s="194">
        <v>0</v>
      </c>
      <c r="AG31" s="195">
        <v>0</v>
      </c>
      <c r="AH31" s="195">
        <v>0</v>
      </c>
      <c r="AI31" s="196">
        <v>0</v>
      </c>
      <c r="AJ31" s="197">
        <v>0</v>
      </c>
      <c r="AK31" s="197">
        <v>0</v>
      </c>
      <c r="AL31" s="197">
        <v>0</v>
      </c>
      <c r="AM31" s="195">
        <v>0</v>
      </c>
      <c r="AN31" s="198">
        <v>0</v>
      </c>
      <c r="AO31" s="200">
        <v>0</v>
      </c>
      <c r="AP31" s="37"/>
    </row>
    <row r="32" spans="1:42" ht="20.25" customHeight="1" x14ac:dyDescent="0.2">
      <c r="A32" s="62" t="s">
        <v>30</v>
      </c>
      <c r="B32" s="194">
        <v>0</v>
      </c>
      <c r="C32" s="195">
        <v>0</v>
      </c>
      <c r="D32" s="195">
        <v>0</v>
      </c>
      <c r="E32" s="196">
        <v>0</v>
      </c>
      <c r="F32" s="197">
        <v>0</v>
      </c>
      <c r="G32" s="197">
        <v>0</v>
      </c>
      <c r="H32" s="197">
        <v>3</v>
      </c>
      <c r="I32" s="195">
        <v>0</v>
      </c>
      <c r="J32" s="198">
        <v>3</v>
      </c>
      <c r="K32" s="199">
        <v>3</v>
      </c>
      <c r="L32" s="194">
        <v>0</v>
      </c>
      <c r="M32" s="195">
        <v>0</v>
      </c>
      <c r="N32" s="198">
        <v>0</v>
      </c>
      <c r="O32" s="201">
        <v>1</v>
      </c>
      <c r="P32" s="197">
        <v>0</v>
      </c>
      <c r="Q32" s="197">
        <v>2</v>
      </c>
      <c r="R32" s="197">
        <v>2</v>
      </c>
      <c r="S32" s="195">
        <v>0</v>
      </c>
      <c r="T32" s="198">
        <v>5</v>
      </c>
      <c r="U32" s="202">
        <v>5</v>
      </c>
      <c r="V32" s="201">
        <v>0</v>
      </c>
      <c r="W32" s="195">
        <v>0</v>
      </c>
      <c r="X32" s="195">
        <v>0</v>
      </c>
      <c r="Y32" s="196">
        <v>0</v>
      </c>
      <c r="Z32" s="197">
        <v>0</v>
      </c>
      <c r="AA32" s="197">
        <v>0</v>
      </c>
      <c r="AB32" s="197">
        <v>0</v>
      </c>
      <c r="AC32" s="195">
        <v>0</v>
      </c>
      <c r="AD32" s="198">
        <v>0</v>
      </c>
      <c r="AE32" s="199">
        <v>0</v>
      </c>
      <c r="AF32" s="194">
        <v>0</v>
      </c>
      <c r="AG32" s="195">
        <v>0</v>
      </c>
      <c r="AH32" s="195">
        <v>0</v>
      </c>
      <c r="AI32" s="196">
        <v>0</v>
      </c>
      <c r="AJ32" s="197">
        <v>0</v>
      </c>
      <c r="AK32" s="197">
        <v>0</v>
      </c>
      <c r="AL32" s="197">
        <v>0</v>
      </c>
      <c r="AM32" s="195">
        <v>1</v>
      </c>
      <c r="AN32" s="198">
        <v>1</v>
      </c>
      <c r="AO32" s="200">
        <v>1</v>
      </c>
      <c r="AP32" s="37"/>
    </row>
    <row r="33" spans="1:42" ht="20.25" customHeight="1" x14ac:dyDescent="0.2">
      <c r="A33" s="62" t="s">
        <v>31</v>
      </c>
      <c r="B33" s="194">
        <v>0</v>
      </c>
      <c r="C33" s="195">
        <v>0</v>
      </c>
      <c r="D33" s="195">
        <v>0</v>
      </c>
      <c r="E33" s="196">
        <v>0</v>
      </c>
      <c r="F33" s="197">
        <v>0</v>
      </c>
      <c r="G33" s="197">
        <v>1</v>
      </c>
      <c r="H33" s="197">
        <v>0</v>
      </c>
      <c r="I33" s="195">
        <v>0</v>
      </c>
      <c r="J33" s="198">
        <v>1</v>
      </c>
      <c r="K33" s="199">
        <v>1</v>
      </c>
      <c r="L33" s="194">
        <v>0</v>
      </c>
      <c r="M33" s="195">
        <v>0</v>
      </c>
      <c r="N33" s="198">
        <v>0</v>
      </c>
      <c r="O33" s="201">
        <v>0</v>
      </c>
      <c r="P33" s="197">
        <v>2</v>
      </c>
      <c r="Q33" s="197">
        <v>0</v>
      </c>
      <c r="R33" s="197">
        <v>0</v>
      </c>
      <c r="S33" s="195">
        <v>0</v>
      </c>
      <c r="T33" s="198">
        <v>2</v>
      </c>
      <c r="U33" s="202">
        <v>2</v>
      </c>
      <c r="V33" s="201">
        <v>0</v>
      </c>
      <c r="W33" s="195">
        <v>0</v>
      </c>
      <c r="X33" s="195">
        <v>0</v>
      </c>
      <c r="Y33" s="196">
        <v>0</v>
      </c>
      <c r="Z33" s="197">
        <v>0</v>
      </c>
      <c r="AA33" s="197">
        <v>0</v>
      </c>
      <c r="AB33" s="197">
        <v>0</v>
      </c>
      <c r="AC33" s="195">
        <v>0</v>
      </c>
      <c r="AD33" s="198">
        <v>0</v>
      </c>
      <c r="AE33" s="199">
        <v>0</v>
      </c>
      <c r="AF33" s="194">
        <v>0</v>
      </c>
      <c r="AG33" s="195">
        <v>0</v>
      </c>
      <c r="AH33" s="195">
        <v>0</v>
      </c>
      <c r="AI33" s="196">
        <v>0</v>
      </c>
      <c r="AJ33" s="197">
        <v>0</v>
      </c>
      <c r="AK33" s="197">
        <v>0</v>
      </c>
      <c r="AL33" s="197">
        <v>0</v>
      </c>
      <c r="AM33" s="195">
        <v>0</v>
      </c>
      <c r="AN33" s="198">
        <v>0</v>
      </c>
      <c r="AO33" s="200">
        <v>0</v>
      </c>
      <c r="AP33" s="37"/>
    </row>
    <row r="34" spans="1:42" ht="20.25" customHeight="1" x14ac:dyDescent="0.2">
      <c r="A34" s="62" t="s">
        <v>32</v>
      </c>
      <c r="B34" s="194">
        <v>0</v>
      </c>
      <c r="C34" s="195">
        <v>0</v>
      </c>
      <c r="D34" s="195">
        <v>0</v>
      </c>
      <c r="E34" s="196">
        <v>0</v>
      </c>
      <c r="F34" s="197">
        <v>0</v>
      </c>
      <c r="G34" s="197">
        <v>0</v>
      </c>
      <c r="H34" s="197">
        <v>2</v>
      </c>
      <c r="I34" s="195">
        <v>1</v>
      </c>
      <c r="J34" s="198">
        <v>3</v>
      </c>
      <c r="K34" s="199">
        <v>3</v>
      </c>
      <c r="L34" s="194">
        <v>0</v>
      </c>
      <c r="M34" s="195">
        <v>0</v>
      </c>
      <c r="N34" s="198">
        <v>0</v>
      </c>
      <c r="O34" s="201">
        <v>1</v>
      </c>
      <c r="P34" s="197">
        <v>0</v>
      </c>
      <c r="Q34" s="197">
        <v>1</v>
      </c>
      <c r="R34" s="197">
        <v>0</v>
      </c>
      <c r="S34" s="195">
        <v>1</v>
      </c>
      <c r="T34" s="198">
        <v>3</v>
      </c>
      <c r="U34" s="202">
        <v>3</v>
      </c>
      <c r="V34" s="201">
        <v>0</v>
      </c>
      <c r="W34" s="195">
        <v>0</v>
      </c>
      <c r="X34" s="195">
        <v>0</v>
      </c>
      <c r="Y34" s="196">
        <v>0</v>
      </c>
      <c r="Z34" s="197">
        <v>0</v>
      </c>
      <c r="AA34" s="197">
        <v>0</v>
      </c>
      <c r="AB34" s="197">
        <v>0</v>
      </c>
      <c r="AC34" s="195">
        <v>0</v>
      </c>
      <c r="AD34" s="198">
        <v>0</v>
      </c>
      <c r="AE34" s="199">
        <v>0</v>
      </c>
      <c r="AF34" s="194">
        <v>0</v>
      </c>
      <c r="AG34" s="195">
        <v>0</v>
      </c>
      <c r="AH34" s="195">
        <v>0</v>
      </c>
      <c r="AI34" s="196">
        <v>0</v>
      </c>
      <c r="AJ34" s="197">
        <v>0</v>
      </c>
      <c r="AK34" s="197">
        <v>0</v>
      </c>
      <c r="AL34" s="197">
        <v>1</v>
      </c>
      <c r="AM34" s="195">
        <v>0</v>
      </c>
      <c r="AN34" s="198">
        <v>1</v>
      </c>
      <c r="AO34" s="200">
        <v>1</v>
      </c>
      <c r="AP34" s="37"/>
    </row>
    <row r="35" spans="1:42" ht="20.25" customHeight="1" x14ac:dyDescent="0.2">
      <c r="A35" s="62" t="s">
        <v>33</v>
      </c>
      <c r="B35" s="194">
        <v>0</v>
      </c>
      <c r="C35" s="195">
        <v>0</v>
      </c>
      <c r="D35" s="195">
        <v>0</v>
      </c>
      <c r="E35" s="196">
        <v>0</v>
      </c>
      <c r="F35" s="197">
        <v>0</v>
      </c>
      <c r="G35" s="197">
        <v>0</v>
      </c>
      <c r="H35" s="197">
        <v>0</v>
      </c>
      <c r="I35" s="195">
        <v>0</v>
      </c>
      <c r="J35" s="198">
        <v>0</v>
      </c>
      <c r="K35" s="199">
        <v>0</v>
      </c>
      <c r="L35" s="194">
        <v>0</v>
      </c>
      <c r="M35" s="195">
        <v>0</v>
      </c>
      <c r="N35" s="198">
        <v>0</v>
      </c>
      <c r="O35" s="201">
        <v>1</v>
      </c>
      <c r="P35" s="197">
        <v>0</v>
      </c>
      <c r="Q35" s="197">
        <v>0</v>
      </c>
      <c r="R35" s="197">
        <v>0</v>
      </c>
      <c r="S35" s="195">
        <v>1</v>
      </c>
      <c r="T35" s="198">
        <v>2</v>
      </c>
      <c r="U35" s="202">
        <v>2</v>
      </c>
      <c r="V35" s="201">
        <v>0</v>
      </c>
      <c r="W35" s="195">
        <v>0</v>
      </c>
      <c r="X35" s="195">
        <v>0</v>
      </c>
      <c r="Y35" s="196">
        <v>0</v>
      </c>
      <c r="Z35" s="197">
        <v>0</v>
      </c>
      <c r="AA35" s="197">
        <v>0</v>
      </c>
      <c r="AB35" s="197">
        <v>0</v>
      </c>
      <c r="AC35" s="195">
        <v>0</v>
      </c>
      <c r="AD35" s="198">
        <v>0</v>
      </c>
      <c r="AE35" s="199">
        <v>0</v>
      </c>
      <c r="AF35" s="194">
        <v>0</v>
      </c>
      <c r="AG35" s="195">
        <v>0</v>
      </c>
      <c r="AH35" s="195">
        <v>0</v>
      </c>
      <c r="AI35" s="196">
        <v>0</v>
      </c>
      <c r="AJ35" s="197">
        <v>0</v>
      </c>
      <c r="AK35" s="197">
        <v>1</v>
      </c>
      <c r="AL35" s="197">
        <v>1</v>
      </c>
      <c r="AM35" s="195">
        <v>0</v>
      </c>
      <c r="AN35" s="198">
        <v>2</v>
      </c>
      <c r="AO35" s="200">
        <v>2</v>
      </c>
      <c r="AP35" s="37"/>
    </row>
    <row r="36" spans="1:42" ht="20.25" customHeight="1" x14ac:dyDescent="0.2">
      <c r="A36" s="62" t="s">
        <v>34</v>
      </c>
      <c r="B36" s="194">
        <v>0</v>
      </c>
      <c r="C36" s="195">
        <v>0</v>
      </c>
      <c r="D36" s="195">
        <v>0</v>
      </c>
      <c r="E36" s="196">
        <v>0</v>
      </c>
      <c r="F36" s="197">
        <v>0</v>
      </c>
      <c r="G36" s="197">
        <v>1</v>
      </c>
      <c r="H36" s="197">
        <v>0</v>
      </c>
      <c r="I36" s="195">
        <v>0</v>
      </c>
      <c r="J36" s="198">
        <v>1</v>
      </c>
      <c r="K36" s="199">
        <v>1</v>
      </c>
      <c r="L36" s="194">
        <v>0</v>
      </c>
      <c r="M36" s="195">
        <v>0</v>
      </c>
      <c r="N36" s="198">
        <v>0</v>
      </c>
      <c r="O36" s="201">
        <v>0</v>
      </c>
      <c r="P36" s="197">
        <v>0</v>
      </c>
      <c r="Q36" s="197">
        <v>0</v>
      </c>
      <c r="R36" s="197">
        <v>0</v>
      </c>
      <c r="S36" s="195">
        <v>0</v>
      </c>
      <c r="T36" s="198">
        <v>0</v>
      </c>
      <c r="U36" s="202">
        <v>0</v>
      </c>
      <c r="V36" s="201">
        <v>0</v>
      </c>
      <c r="W36" s="195">
        <v>0</v>
      </c>
      <c r="X36" s="195">
        <v>0</v>
      </c>
      <c r="Y36" s="196">
        <v>0</v>
      </c>
      <c r="Z36" s="197">
        <v>0</v>
      </c>
      <c r="AA36" s="197">
        <v>0</v>
      </c>
      <c r="AB36" s="197">
        <v>0</v>
      </c>
      <c r="AC36" s="195">
        <v>0</v>
      </c>
      <c r="AD36" s="198">
        <v>0</v>
      </c>
      <c r="AE36" s="199">
        <v>0</v>
      </c>
      <c r="AF36" s="194">
        <v>0</v>
      </c>
      <c r="AG36" s="195">
        <v>0</v>
      </c>
      <c r="AH36" s="195">
        <v>0</v>
      </c>
      <c r="AI36" s="196">
        <v>0</v>
      </c>
      <c r="AJ36" s="197">
        <v>0</v>
      </c>
      <c r="AK36" s="197">
        <v>0</v>
      </c>
      <c r="AL36" s="197">
        <v>0</v>
      </c>
      <c r="AM36" s="195">
        <v>0</v>
      </c>
      <c r="AN36" s="198">
        <v>0</v>
      </c>
      <c r="AO36" s="200">
        <v>0</v>
      </c>
      <c r="AP36" s="37"/>
    </row>
    <row r="37" spans="1:42" ht="20.25" customHeight="1" x14ac:dyDescent="0.2">
      <c r="A37" s="62" t="s">
        <v>35</v>
      </c>
      <c r="B37" s="194">
        <v>0</v>
      </c>
      <c r="C37" s="195">
        <v>0</v>
      </c>
      <c r="D37" s="195">
        <v>0</v>
      </c>
      <c r="E37" s="196">
        <v>0</v>
      </c>
      <c r="F37" s="197">
        <v>0</v>
      </c>
      <c r="G37" s="197">
        <v>0</v>
      </c>
      <c r="H37" s="197">
        <v>3</v>
      </c>
      <c r="I37" s="195">
        <v>1</v>
      </c>
      <c r="J37" s="198">
        <v>4</v>
      </c>
      <c r="K37" s="199">
        <v>4</v>
      </c>
      <c r="L37" s="194">
        <v>0</v>
      </c>
      <c r="M37" s="195">
        <v>0</v>
      </c>
      <c r="N37" s="198">
        <v>0</v>
      </c>
      <c r="O37" s="201">
        <v>0</v>
      </c>
      <c r="P37" s="197">
        <v>0</v>
      </c>
      <c r="Q37" s="197">
        <v>1</v>
      </c>
      <c r="R37" s="197">
        <v>2</v>
      </c>
      <c r="S37" s="195">
        <v>0</v>
      </c>
      <c r="T37" s="198">
        <v>3</v>
      </c>
      <c r="U37" s="202">
        <v>3</v>
      </c>
      <c r="V37" s="201">
        <v>0</v>
      </c>
      <c r="W37" s="195">
        <v>0</v>
      </c>
      <c r="X37" s="195">
        <v>0</v>
      </c>
      <c r="Y37" s="196">
        <v>0</v>
      </c>
      <c r="Z37" s="197">
        <v>0</v>
      </c>
      <c r="AA37" s="197">
        <v>0</v>
      </c>
      <c r="AB37" s="197">
        <v>0</v>
      </c>
      <c r="AC37" s="195">
        <v>0</v>
      </c>
      <c r="AD37" s="198">
        <v>0</v>
      </c>
      <c r="AE37" s="199">
        <v>0</v>
      </c>
      <c r="AF37" s="194">
        <v>0</v>
      </c>
      <c r="AG37" s="195">
        <v>0</v>
      </c>
      <c r="AH37" s="195">
        <v>0</v>
      </c>
      <c r="AI37" s="196">
        <v>0</v>
      </c>
      <c r="AJ37" s="197">
        <v>0</v>
      </c>
      <c r="AK37" s="197">
        <v>0</v>
      </c>
      <c r="AL37" s="197">
        <v>0</v>
      </c>
      <c r="AM37" s="195">
        <v>0</v>
      </c>
      <c r="AN37" s="198">
        <v>0</v>
      </c>
      <c r="AO37" s="200">
        <v>0</v>
      </c>
      <c r="AP37" s="37"/>
    </row>
    <row r="38" spans="1:42" ht="20.25" customHeight="1" x14ac:dyDescent="0.2">
      <c r="A38" s="62" t="s">
        <v>36</v>
      </c>
      <c r="B38" s="194">
        <v>0</v>
      </c>
      <c r="C38" s="195">
        <v>0</v>
      </c>
      <c r="D38" s="195">
        <v>0</v>
      </c>
      <c r="E38" s="196">
        <v>0</v>
      </c>
      <c r="F38" s="197">
        <v>0</v>
      </c>
      <c r="G38" s="197">
        <v>0</v>
      </c>
      <c r="H38" s="197">
        <v>4</v>
      </c>
      <c r="I38" s="195">
        <v>4</v>
      </c>
      <c r="J38" s="198">
        <v>8</v>
      </c>
      <c r="K38" s="199">
        <v>8</v>
      </c>
      <c r="L38" s="194">
        <v>0</v>
      </c>
      <c r="M38" s="195">
        <v>0</v>
      </c>
      <c r="N38" s="198">
        <v>0</v>
      </c>
      <c r="O38" s="201">
        <v>0</v>
      </c>
      <c r="P38" s="197">
        <v>0</v>
      </c>
      <c r="Q38" s="197">
        <v>3</v>
      </c>
      <c r="R38" s="197">
        <v>0</v>
      </c>
      <c r="S38" s="195">
        <v>0</v>
      </c>
      <c r="T38" s="198">
        <v>3</v>
      </c>
      <c r="U38" s="202">
        <v>3</v>
      </c>
      <c r="V38" s="201">
        <v>0</v>
      </c>
      <c r="W38" s="195">
        <v>0</v>
      </c>
      <c r="X38" s="195">
        <v>0</v>
      </c>
      <c r="Y38" s="196">
        <v>0</v>
      </c>
      <c r="Z38" s="197">
        <v>0</v>
      </c>
      <c r="AA38" s="197">
        <v>0</v>
      </c>
      <c r="AB38" s="197">
        <v>0</v>
      </c>
      <c r="AC38" s="195">
        <v>0</v>
      </c>
      <c r="AD38" s="198">
        <v>0</v>
      </c>
      <c r="AE38" s="199">
        <v>0</v>
      </c>
      <c r="AF38" s="194">
        <v>0</v>
      </c>
      <c r="AG38" s="195">
        <v>0</v>
      </c>
      <c r="AH38" s="195">
        <v>0</v>
      </c>
      <c r="AI38" s="196">
        <v>0</v>
      </c>
      <c r="AJ38" s="197">
        <v>0</v>
      </c>
      <c r="AK38" s="197">
        <v>0</v>
      </c>
      <c r="AL38" s="197">
        <v>0</v>
      </c>
      <c r="AM38" s="195">
        <v>0</v>
      </c>
      <c r="AN38" s="198">
        <v>0</v>
      </c>
      <c r="AO38" s="200">
        <v>0</v>
      </c>
      <c r="AP38" s="37"/>
    </row>
    <row r="39" spans="1:42" ht="20.25" customHeight="1" thickBot="1" x14ac:dyDescent="0.25">
      <c r="A39" s="63" t="s">
        <v>37</v>
      </c>
      <c r="B39" s="203">
        <v>0</v>
      </c>
      <c r="C39" s="204">
        <v>0</v>
      </c>
      <c r="D39" s="204">
        <v>0</v>
      </c>
      <c r="E39" s="205">
        <v>0</v>
      </c>
      <c r="F39" s="206">
        <v>0</v>
      </c>
      <c r="G39" s="206">
        <v>1</v>
      </c>
      <c r="H39" s="206">
        <v>0</v>
      </c>
      <c r="I39" s="204">
        <v>1</v>
      </c>
      <c r="J39" s="207">
        <v>2</v>
      </c>
      <c r="K39" s="208">
        <v>2</v>
      </c>
      <c r="L39" s="203">
        <v>0</v>
      </c>
      <c r="M39" s="204">
        <v>0</v>
      </c>
      <c r="N39" s="207">
        <v>0</v>
      </c>
      <c r="O39" s="210">
        <v>0</v>
      </c>
      <c r="P39" s="206">
        <v>0</v>
      </c>
      <c r="Q39" s="206">
        <v>0</v>
      </c>
      <c r="R39" s="206">
        <v>0</v>
      </c>
      <c r="S39" s="204">
        <v>0</v>
      </c>
      <c r="T39" s="207">
        <v>0</v>
      </c>
      <c r="U39" s="211">
        <v>0</v>
      </c>
      <c r="V39" s="210">
        <v>0</v>
      </c>
      <c r="W39" s="204">
        <v>0</v>
      </c>
      <c r="X39" s="204">
        <v>0</v>
      </c>
      <c r="Y39" s="205">
        <v>0</v>
      </c>
      <c r="Z39" s="206">
        <v>0</v>
      </c>
      <c r="AA39" s="206">
        <v>0</v>
      </c>
      <c r="AB39" s="206">
        <v>0</v>
      </c>
      <c r="AC39" s="204">
        <v>0</v>
      </c>
      <c r="AD39" s="207">
        <v>0</v>
      </c>
      <c r="AE39" s="208">
        <v>0</v>
      </c>
      <c r="AF39" s="203">
        <v>0</v>
      </c>
      <c r="AG39" s="204">
        <v>0</v>
      </c>
      <c r="AH39" s="204">
        <v>0</v>
      </c>
      <c r="AI39" s="205">
        <v>0</v>
      </c>
      <c r="AJ39" s="206">
        <v>0</v>
      </c>
      <c r="AK39" s="206">
        <v>0</v>
      </c>
      <c r="AL39" s="206">
        <v>0</v>
      </c>
      <c r="AM39" s="204">
        <v>0</v>
      </c>
      <c r="AN39" s="207">
        <v>0</v>
      </c>
      <c r="AO39" s="209">
        <v>0</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V3:AE3"/>
    <mergeCell ref="AF3:AO3"/>
    <mergeCell ref="L4:N4"/>
    <mergeCell ref="O4:T4"/>
    <mergeCell ref="U4:U5"/>
    <mergeCell ref="V4:X4"/>
    <mergeCell ref="Y4:AD4"/>
    <mergeCell ref="AE4:AE5"/>
    <mergeCell ref="AF4:AH4"/>
    <mergeCell ref="AI4:AN4"/>
    <mergeCell ref="AO4:AO5"/>
    <mergeCell ref="F1:G1"/>
    <mergeCell ref="A3:A4"/>
    <mergeCell ref="B3:K3"/>
    <mergeCell ref="L3:U3"/>
    <mergeCell ref="B4:D4"/>
    <mergeCell ref="E4:J4"/>
    <mergeCell ref="K4:K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8.88671875"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368">
        <f>第１表!F2</f>
        <v>4</v>
      </c>
      <c r="E1" s="251">
        <f>第１表!G2</f>
        <v>5</v>
      </c>
      <c r="F1" s="555">
        <f>IF(E1&lt;3,E1-2+12,E1-2)</f>
        <v>3</v>
      </c>
      <c r="G1" s="555"/>
    </row>
    <row r="2" spans="1:42" ht="17.25" customHeight="1" thickBot="1" x14ac:dyDescent="0.25">
      <c r="A2" s="20" t="s">
        <v>159</v>
      </c>
      <c r="E2" s="20" t="s">
        <v>140</v>
      </c>
    </row>
    <row r="3" spans="1:42" ht="24.75" customHeight="1" x14ac:dyDescent="0.2">
      <c r="A3" s="573"/>
      <c r="B3" s="576" t="s">
        <v>57</v>
      </c>
      <c r="C3" s="577"/>
      <c r="D3" s="577"/>
      <c r="E3" s="577"/>
      <c r="F3" s="577"/>
      <c r="G3" s="577"/>
      <c r="H3" s="577"/>
      <c r="I3" s="577"/>
      <c r="J3" s="577"/>
      <c r="K3" s="577"/>
      <c r="L3" s="576" t="s">
        <v>58</v>
      </c>
      <c r="M3" s="579"/>
      <c r="N3" s="579"/>
      <c r="O3" s="579"/>
      <c r="P3" s="579"/>
      <c r="Q3" s="579"/>
      <c r="R3" s="579"/>
      <c r="S3" s="579"/>
      <c r="T3" s="579"/>
      <c r="U3" s="579"/>
      <c r="V3" s="576" t="s">
        <v>59</v>
      </c>
      <c r="W3" s="577"/>
      <c r="X3" s="577"/>
      <c r="Y3" s="577"/>
      <c r="Z3" s="577"/>
      <c r="AA3" s="577"/>
      <c r="AB3" s="577"/>
      <c r="AC3" s="577"/>
      <c r="AD3" s="577"/>
      <c r="AE3" s="577"/>
      <c r="AF3" s="605" t="s">
        <v>151</v>
      </c>
      <c r="AG3" s="577"/>
      <c r="AH3" s="577"/>
      <c r="AI3" s="577"/>
      <c r="AJ3" s="577"/>
      <c r="AK3" s="577"/>
      <c r="AL3" s="577"/>
      <c r="AM3" s="577"/>
      <c r="AN3" s="577"/>
      <c r="AO3" s="578"/>
    </row>
    <row r="4" spans="1:42" ht="24.75" customHeight="1" x14ac:dyDescent="0.2">
      <c r="A4" s="575"/>
      <c r="B4" s="581" t="s">
        <v>61</v>
      </c>
      <c r="C4" s="582"/>
      <c r="D4" s="583"/>
      <c r="E4" s="584" t="s">
        <v>62</v>
      </c>
      <c r="F4" s="585"/>
      <c r="G4" s="585"/>
      <c r="H4" s="585"/>
      <c r="I4" s="585"/>
      <c r="J4" s="586"/>
      <c r="K4" s="597" t="s">
        <v>52</v>
      </c>
      <c r="L4" s="581" t="s">
        <v>61</v>
      </c>
      <c r="M4" s="582"/>
      <c r="N4" s="583"/>
      <c r="O4" s="584" t="s">
        <v>62</v>
      </c>
      <c r="P4" s="585"/>
      <c r="Q4" s="585"/>
      <c r="R4" s="585"/>
      <c r="S4" s="585"/>
      <c r="T4" s="586"/>
      <c r="U4" s="587" t="s">
        <v>52</v>
      </c>
      <c r="V4" s="581" t="s">
        <v>61</v>
      </c>
      <c r="W4" s="582"/>
      <c r="X4" s="583"/>
      <c r="Y4" s="584" t="s">
        <v>62</v>
      </c>
      <c r="Z4" s="585"/>
      <c r="AA4" s="585"/>
      <c r="AB4" s="585"/>
      <c r="AC4" s="585"/>
      <c r="AD4" s="586"/>
      <c r="AE4" s="597" t="s">
        <v>52</v>
      </c>
      <c r="AF4" s="581" t="s">
        <v>61</v>
      </c>
      <c r="AG4" s="582"/>
      <c r="AH4" s="583"/>
      <c r="AI4" s="584" t="s">
        <v>62</v>
      </c>
      <c r="AJ4" s="585"/>
      <c r="AK4" s="585"/>
      <c r="AL4" s="585"/>
      <c r="AM4" s="585"/>
      <c r="AN4" s="586"/>
      <c r="AO4" s="587" t="s">
        <v>52</v>
      </c>
    </row>
    <row r="5" spans="1:42" ht="24.75" customHeight="1" thickBot="1" x14ac:dyDescent="0.25">
      <c r="A5" s="365" t="s">
        <v>42</v>
      </c>
      <c r="B5" s="31" t="s">
        <v>43</v>
      </c>
      <c r="C5" s="32" t="s">
        <v>44</v>
      </c>
      <c r="D5" s="32" t="s">
        <v>45</v>
      </c>
      <c r="E5" s="33" t="s">
        <v>47</v>
      </c>
      <c r="F5" s="34" t="s">
        <v>48</v>
      </c>
      <c r="G5" s="34" t="s">
        <v>49</v>
      </c>
      <c r="H5" s="35" t="s">
        <v>50</v>
      </c>
      <c r="I5" s="32" t="s">
        <v>51</v>
      </c>
      <c r="J5" s="36" t="s">
        <v>95</v>
      </c>
      <c r="K5" s="596"/>
      <c r="L5" s="31" t="s">
        <v>43</v>
      </c>
      <c r="M5" s="32" t="s">
        <v>44</v>
      </c>
      <c r="N5" s="36" t="s">
        <v>45</v>
      </c>
      <c r="O5" s="15" t="s">
        <v>47</v>
      </c>
      <c r="P5" s="34" t="s">
        <v>48</v>
      </c>
      <c r="Q5" s="34" t="s">
        <v>49</v>
      </c>
      <c r="R5" s="35" t="s">
        <v>50</v>
      </c>
      <c r="S5" s="32" t="s">
        <v>51</v>
      </c>
      <c r="T5" s="36" t="s">
        <v>45</v>
      </c>
      <c r="U5" s="588"/>
      <c r="V5" s="31" t="s">
        <v>43</v>
      </c>
      <c r="W5" s="32" t="s">
        <v>44</v>
      </c>
      <c r="X5" s="32" t="s">
        <v>45</v>
      </c>
      <c r="Y5" s="33" t="s">
        <v>47</v>
      </c>
      <c r="Z5" s="34" t="s">
        <v>48</v>
      </c>
      <c r="AA5" s="34" t="s">
        <v>49</v>
      </c>
      <c r="AB5" s="35" t="s">
        <v>50</v>
      </c>
      <c r="AC5" s="32" t="s">
        <v>51</v>
      </c>
      <c r="AD5" s="36" t="s">
        <v>45</v>
      </c>
      <c r="AE5" s="596"/>
      <c r="AF5" s="31" t="s">
        <v>43</v>
      </c>
      <c r="AG5" s="32" t="s">
        <v>44</v>
      </c>
      <c r="AH5" s="32" t="s">
        <v>45</v>
      </c>
      <c r="AI5" s="33" t="s">
        <v>47</v>
      </c>
      <c r="AJ5" s="34" t="s">
        <v>48</v>
      </c>
      <c r="AK5" s="34" t="s">
        <v>49</v>
      </c>
      <c r="AL5" s="35" t="s">
        <v>50</v>
      </c>
      <c r="AM5" s="32" t="s">
        <v>51</v>
      </c>
      <c r="AN5" s="36" t="s">
        <v>45</v>
      </c>
      <c r="AO5" s="588"/>
    </row>
    <row r="6" spans="1:42" ht="20.25" customHeight="1" x14ac:dyDescent="0.2">
      <c r="A6" s="364" t="s">
        <v>4</v>
      </c>
      <c r="B6" s="185">
        <v>0</v>
      </c>
      <c r="C6" s="186">
        <v>0</v>
      </c>
      <c r="D6" s="186">
        <v>0</v>
      </c>
      <c r="E6" s="187">
        <v>3</v>
      </c>
      <c r="F6" s="188">
        <v>36</v>
      </c>
      <c r="G6" s="188">
        <v>235</v>
      </c>
      <c r="H6" s="188">
        <v>416</v>
      </c>
      <c r="I6" s="186">
        <v>280</v>
      </c>
      <c r="J6" s="189">
        <v>970</v>
      </c>
      <c r="K6" s="190">
        <v>970</v>
      </c>
      <c r="L6" s="185">
        <v>0</v>
      </c>
      <c r="M6" s="186">
        <v>0</v>
      </c>
      <c r="N6" s="189">
        <v>0</v>
      </c>
      <c r="O6" s="192">
        <v>64</v>
      </c>
      <c r="P6" s="188">
        <v>147</v>
      </c>
      <c r="Q6" s="188">
        <v>222</v>
      </c>
      <c r="R6" s="188">
        <v>252</v>
      </c>
      <c r="S6" s="186">
        <v>125</v>
      </c>
      <c r="T6" s="189">
        <v>810</v>
      </c>
      <c r="U6" s="193">
        <v>810</v>
      </c>
      <c r="V6" s="192">
        <v>0</v>
      </c>
      <c r="W6" s="186">
        <v>0</v>
      </c>
      <c r="X6" s="186">
        <v>0</v>
      </c>
      <c r="Y6" s="187">
        <v>0</v>
      </c>
      <c r="Z6" s="188">
        <v>0</v>
      </c>
      <c r="AA6" s="188">
        <v>0</v>
      </c>
      <c r="AB6" s="188">
        <v>12</v>
      </c>
      <c r="AC6" s="186">
        <v>21</v>
      </c>
      <c r="AD6" s="189">
        <v>33</v>
      </c>
      <c r="AE6" s="190">
        <v>33</v>
      </c>
      <c r="AF6" s="185">
        <v>0</v>
      </c>
      <c r="AG6" s="186">
        <v>0</v>
      </c>
      <c r="AH6" s="186">
        <v>0</v>
      </c>
      <c r="AI6" s="187">
        <v>0</v>
      </c>
      <c r="AJ6" s="188">
        <v>2</v>
      </c>
      <c r="AK6" s="188">
        <v>0</v>
      </c>
      <c r="AL6" s="188">
        <v>14</v>
      </c>
      <c r="AM6" s="186">
        <v>17</v>
      </c>
      <c r="AN6" s="189">
        <v>33</v>
      </c>
      <c r="AO6" s="191">
        <v>33</v>
      </c>
      <c r="AP6" s="37"/>
    </row>
    <row r="7" spans="1:42" ht="20.25" customHeight="1" x14ac:dyDescent="0.2">
      <c r="A7" s="62" t="s">
        <v>5</v>
      </c>
      <c r="B7" s="194">
        <v>0</v>
      </c>
      <c r="C7" s="195">
        <v>0</v>
      </c>
      <c r="D7" s="195">
        <v>0</v>
      </c>
      <c r="E7" s="196">
        <v>2</v>
      </c>
      <c r="F7" s="197">
        <v>21</v>
      </c>
      <c r="G7" s="197">
        <v>115</v>
      </c>
      <c r="H7" s="197">
        <v>176</v>
      </c>
      <c r="I7" s="195">
        <v>138</v>
      </c>
      <c r="J7" s="198">
        <v>452</v>
      </c>
      <c r="K7" s="199">
        <v>452</v>
      </c>
      <c r="L7" s="194">
        <v>0</v>
      </c>
      <c r="M7" s="195">
        <v>0</v>
      </c>
      <c r="N7" s="198">
        <v>0</v>
      </c>
      <c r="O7" s="201">
        <v>30</v>
      </c>
      <c r="P7" s="197">
        <v>76</v>
      </c>
      <c r="Q7" s="197">
        <v>103</v>
      </c>
      <c r="R7" s="197">
        <v>126</v>
      </c>
      <c r="S7" s="195">
        <v>74</v>
      </c>
      <c r="T7" s="198">
        <v>409</v>
      </c>
      <c r="U7" s="202">
        <v>409</v>
      </c>
      <c r="V7" s="201">
        <v>0</v>
      </c>
      <c r="W7" s="195">
        <v>0</v>
      </c>
      <c r="X7" s="195">
        <v>0</v>
      </c>
      <c r="Y7" s="196">
        <v>0</v>
      </c>
      <c r="Z7" s="197">
        <v>0</v>
      </c>
      <c r="AA7" s="197">
        <v>0</v>
      </c>
      <c r="AB7" s="197">
        <v>4</v>
      </c>
      <c r="AC7" s="195">
        <v>7</v>
      </c>
      <c r="AD7" s="198">
        <v>11</v>
      </c>
      <c r="AE7" s="199">
        <v>11</v>
      </c>
      <c r="AF7" s="194">
        <v>0</v>
      </c>
      <c r="AG7" s="195">
        <v>0</v>
      </c>
      <c r="AH7" s="195">
        <v>0</v>
      </c>
      <c r="AI7" s="196">
        <v>0</v>
      </c>
      <c r="AJ7" s="197">
        <v>1</v>
      </c>
      <c r="AK7" s="197">
        <v>0</v>
      </c>
      <c r="AL7" s="197">
        <v>4</v>
      </c>
      <c r="AM7" s="195">
        <v>9</v>
      </c>
      <c r="AN7" s="198">
        <v>14</v>
      </c>
      <c r="AO7" s="200">
        <v>14</v>
      </c>
      <c r="AP7" s="37"/>
    </row>
    <row r="8" spans="1:42" ht="20.25" customHeight="1" x14ac:dyDescent="0.2">
      <c r="A8" s="62" t="s">
        <v>6</v>
      </c>
      <c r="B8" s="194">
        <v>0</v>
      </c>
      <c r="C8" s="195">
        <v>0</v>
      </c>
      <c r="D8" s="195">
        <v>0</v>
      </c>
      <c r="E8" s="196">
        <v>0</v>
      </c>
      <c r="F8" s="197">
        <v>6</v>
      </c>
      <c r="G8" s="197">
        <v>29</v>
      </c>
      <c r="H8" s="197">
        <v>48</v>
      </c>
      <c r="I8" s="195">
        <v>35</v>
      </c>
      <c r="J8" s="198">
        <v>118</v>
      </c>
      <c r="K8" s="199">
        <v>118</v>
      </c>
      <c r="L8" s="194">
        <v>0</v>
      </c>
      <c r="M8" s="195">
        <v>0</v>
      </c>
      <c r="N8" s="198">
        <v>0</v>
      </c>
      <c r="O8" s="201">
        <v>6</v>
      </c>
      <c r="P8" s="197">
        <v>20</v>
      </c>
      <c r="Q8" s="197">
        <v>24</v>
      </c>
      <c r="R8" s="197">
        <v>41</v>
      </c>
      <c r="S8" s="195">
        <v>18</v>
      </c>
      <c r="T8" s="198">
        <v>109</v>
      </c>
      <c r="U8" s="202">
        <v>109</v>
      </c>
      <c r="V8" s="201">
        <v>0</v>
      </c>
      <c r="W8" s="195">
        <v>0</v>
      </c>
      <c r="X8" s="195">
        <v>0</v>
      </c>
      <c r="Y8" s="196">
        <v>0</v>
      </c>
      <c r="Z8" s="197">
        <v>0</v>
      </c>
      <c r="AA8" s="197">
        <v>0</v>
      </c>
      <c r="AB8" s="197">
        <v>8</v>
      </c>
      <c r="AC8" s="195">
        <v>10</v>
      </c>
      <c r="AD8" s="198">
        <v>18</v>
      </c>
      <c r="AE8" s="199">
        <v>18</v>
      </c>
      <c r="AF8" s="194">
        <v>0</v>
      </c>
      <c r="AG8" s="195">
        <v>0</v>
      </c>
      <c r="AH8" s="195">
        <v>0</v>
      </c>
      <c r="AI8" s="196">
        <v>0</v>
      </c>
      <c r="AJ8" s="197">
        <v>0</v>
      </c>
      <c r="AK8" s="197">
        <v>0</v>
      </c>
      <c r="AL8" s="197">
        <v>1</v>
      </c>
      <c r="AM8" s="195">
        <v>1</v>
      </c>
      <c r="AN8" s="198">
        <v>2</v>
      </c>
      <c r="AO8" s="200">
        <v>2</v>
      </c>
      <c r="AP8" s="37"/>
    </row>
    <row r="9" spans="1:42" ht="20.25" customHeight="1" x14ac:dyDescent="0.2">
      <c r="A9" s="62" t="s">
        <v>14</v>
      </c>
      <c r="B9" s="194">
        <v>0</v>
      </c>
      <c r="C9" s="195">
        <v>0</v>
      </c>
      <c r="D9" s="195">
        <v>0</v>
      </c>
      <c r="E9" s="196">
        <v>0</v>
      </c>
      <c r="F9" s="197">
        <v>0</v>
      </c>
      <c r="G9" s="197">
        <v>16</v>
      </c>
      <c r="H9" s="197">
        <v>33</v>
      </c>
      <c r="I9" s="195">
        <v>19</v>
      </c>
      <c r="J9" s="198">
        <v>68</v>
      </c>
      <c r="K9" s="199">
        <v>68</v>
      </c>
      <c r="L9" s="194">
        <v>0</v>
      </c>
      <c r="M9" s="195">
        <v>0</v>
      </c>
      <c r="N9" s="198">
        <v>0</v>
      </c>
      <c r="O9" s="201">
        <v>2</v>
      </c>
      <c r="P9" s="197">
        <v>11</v>
      </c>
      <c r="Q9" s="197">
        <v>11</v>
      </c>
      <c r="R9" s="197">
        <v>12</v>
      </c>
      <c r="S9" s="195">
        <v>1</v>
      </c>
      <c r="T9" s="198">
        <v>37</v>
      </c>
      <c r="U9" s="202">
        <v>37</v>
      </c>
      <c r="V9" s="201">
        <v>0</v>
      </c>
      <c r="W9" s="195">
        <v>0</v>
      </c>
      <c r="X9" s="195">
        <v>0</v>
      </c>
      <c r="Y9" s="196">
        <v>0</v>
      </c>
      <c r="Z9" s="197">
        <v>0</v>
      </c>
      <c r="AA9" s="197">
        <v>0</v>
      </c>
      <c r="AB9" s="197">
        <v>0</v>
      </c>
      <c r="AC9" s="195">
        <v>1</v>
      </c>
      <c r="AD9" s="198">
        <v>1</v>
      </c>
      <c r="AE9" s="199">
        <v>1</v>
      </c>
      <c r="AF9" s="194">
        <v>0</v>
      </c>
      <c r="AG9" s="195">
        <v>0</v>
      </c>
      <c r="AH9" s="195">
        <v>0</v>
      </c>
      <c r="AI9" s="196">
        <v>0</v>
      </c>
      <c r="AJ9" s="197">
        <v>0</v>
      </c>
      <c r="AK9" s="197">
        <v>0</v>
      </c>
      <c r="AL9" s="197">
        <v>3</v>
      </c>
      <c r="AM9" s="195">
        <v>2</v>
      </c>
      <c r="AN9" s="198">
        <v>5</v>
      </c>
      <c r="AO9" s="200">
        <v>5</v>
      </c>
      <c r="AP9" s="37"/>
    </row>
    <row r="10" spans="1:42" ht="20.25" customHeight="1" x14ac:dyDescent="0.2">
      <c r="A10" s="62" t="s">
        <v>7</v>
      </c>
      <c r="B10" s="194">
        <v>0</v>
      </c>
      <c r="C10" s="195">
        <v>0</v>
      </c>
      <c r="D10" s="195">
        <v>0</v>
      </c>
      <c r="E10" s="196">
        <v>0</v>
      </c>
      <c r="F10" s="197">
        <v>1</v>
      </c>
      <c r="G10" s="197">
        <v>2</v>
      </c>
      <c r="H10" s="197">
        <v>23</v>
      </c>
      <c r="I10" s="195">
        <v>12</v>
      </c>
      <c r="J10" s="198">
        <v>38</v>
      </c>
      <c r="K10" s="199">
        <v>38</v>
      </c>
      <c r="L10" s="194">
        <v>0</v>
      </c>
      <c r="M10" s="195">
        <v>0</v>
      </c>
      <c r="N10" s="198">
        <v>0</v>
      </c>
      <c r="O10" s="201">
        <v>1</v>
      </c>
      <c r="P10" s="197">
        <v>6</v>
      </c>
      <c r="Q10" s="197">
        <v>5</v>
      </c>
      <c r="R10" s="197">
        <v>4</v>
      </c>
      <c r="S10" s="195">
        <v>2</v>
      </c>
      <c r="T10" s="198">
        <v>18</v>
      </c>
      <c r="U10" s="202">
        <v>18</v>
      </c>
      <c r="V10" s="201">
        <v>0</v>
      </c>
      <c r="W10" s="195">
        <v>0</v>
      </c>
      <c r="X10" s="195">
        <v>0</v>
      </c>
      <c r="Y10" s="196">
        <v>0</v>
      </c>
      <c r="Z10" s="197">
        <v>0</v>
      </c>
      <c r="AA10" s="197">
        <v>0</v>
      </c>
      <c r="AB10" s="197">
        <v>0</v>
      </c>
      <c r="AC10" s="195">
        <v>0</v>
      </c>
      <c r="AD10" s="198">
        <v>0</v>
      </c>
      <c r="AE10" s="199">
        <v>0</v>
      </c>
      <c r="AF10" s="194">
        <v>0</v>
      </c>
      <c r="AG10" s="195">
        <v>0</v>
      </c>
      <c r="AH10" s="195">
        <v>0</v>
      </c>
      <c r="AI10" s="196">
        <v>0</v>
      </c>
      <c r="AJ10" s="197">
        <v>0</v>
      </c>
      <c r="AK10" s="197">
        <v>0</v>
      </c>
      <c r="AL10" s="197">
        <v>0</v>
      </c>
      <c r="AM10" s="195">
        <v>0</v>
      </c>
      <c r="AN10" s="198">
        <v>0</v>
      </c>
      <c r="AO10" s="200">
        <v>0</v>
      </c>
      <c r="AP10" s="37"/>
    </row>
    <row r="11" spans="1:42" ht="20.25" customHeight="1" x14ac:dyDescent="0.2">
      <c r="A11" s="62" t="s">
        <v>8</v>
      </c>
      <c r="B11" s="194">
        <v>0</v>
      </c>
      <c r="C11" s="195">
        <v>0</v>
      </c>
      <c r="D11" s="195">
        <v>0</v>
      </c>
      <c r="E11" s="196">
        <v>0</v>
      </c>
      <c r="F11" s="197">
        <v>2</v>
      </c>
      <c r="G11" s="197">
        <v>2</v>
      </c>
      <c r="H11" s="197">
        <v>10</v>
      </c>
      <c r="I11" s="195">
        <v>6</v>
      </c>
      <c r="J11" s="198">
        <v>20</v>
      </c>
      <c r="K11" s="199">
        <v>20</v>
      </c>
      <c r="L11" s="194">
        <v>0</v>
      </c>
      <c r="M11" s="195">
        <v>0</v>
      </c>
      <c r="N11" s="198">
        <v>0</v>
      </c>
      <c r="O11" s="201">
        <v>0</v>
      </c>
      <c r="P11" s="197">
        <v>4</v>
      </c>
      <c r="Q11" s="197">
        <v>4</v>
      </c>
      <c r="R11" s="197">
        <v>8</v>
      </c>
      <c r="S11" s="195">
        <v>1</v>
      </c>
      <c r="T11" s="198">
        <v>17</v>
      </c>
      <c r="U11" s="202">
        <v>17</v>
      </c>
      <c r="V11" s="201">
        <v>0</v>
      </c>
      <c r="W11" s="195">
        <v>0</v>
      </c>
      <c r="X11" s="195">
        <v>0</v>
      </c>
      <c r="Y11" s="196">
        <v>0</v>
      </c>
      <c r="Z11" s="197">
        <v>0</v>
      </c>
      <c r="AA11" s="197">
        <v>0</v>
      </c>
      <c r="AB11" s="197">
        <v>0</v>
      </c>
      <c r="AC11" s="195">
        <v>0</v>
      </c>
      <c r="AD11" s="198">
        <v>0</v>
      </c>
      <c r="AE11" s="199">
        <v>0</v>
      </c>
      <c r="AF11" s="194">
        <v>0</v>
      </c>
      <c r="AG11" s="195">
        <v>0</v>
      </c>
      <c r="AH11" s="195">
        <v>0</v>
      </c>
      <c r="AI11" s="196">
        <v>0</v>
      </c>
      <c r="AJ11" s="197">
        <v>0</v>
      </c>
      <c r="AK11" s="197">
        <v>0</v>
      </c>
      <c r="AL11" s="197">
        <v>1</v>
      </c>
      <c r="AM11" s="195">
        <v>0</v>
      </c>
      <c r="AN11" s="198">
        <v>1</v>
      </c>
      <c r="AO11" s="200">
        <v>1</v>
      </c>
      <c r="AP11" s="37"/>
    </row>
    <row r="12" spans="1:42" ht="20.25" customHeight="1" x14ac:dyDescent="0.2">
      <c r="A12" s="62" t="s">
        <v>9</v>
      </c>
      <c r="B12" s="194">
        <v>0</v>
      </c>
      <c r="C12" s="195">
        <v>0</v>
      </c>
      <c r="D12" s="195">
        <v>0</v>
      </c>
      <c r="E12" s="196">
        <v>0</v>
      </c>
      <c r="F12" s="197">
        <v>0</v>
      </c>
      <c r="G12" s="197">
        <v>6</v>
      </c>
      <c r="H12" s="197">
        <v>20</v>
      </c>
      <c r="I12" s="195">
        <v>18</v>
      </c>
      <c r="J12" s="198">
        <v>44</v>
      </c>
      <c r="K12" s="199">
        <v>44</v>
      </c>
      <c r="L12" s="194">
        <v>0</v>
      </c>
      <c r="M12" s="195">
        <v>0</v>
      </c>
      <c r="N12" s="198">
        <v>0</v>
      </c>
      <c r="O12" s="201">
        <v>3</v>
      </c>
      <c r="P12" s="197">
        <v>2</v>
      </c>
      <c r="Q12" s="197">
        <v>11</v>
      </c>
      <c r="R12" s="197">
        <v>4</v>
      </c>
      <c r="S12" s="195">
        <v>6</v>
      </c>
      <c r="T12" s="198">
        <v>26</v>
      </c>
      <c r="U12" s="202">
        <v>26</v>
      </c>
      <c r="V12" s="201">
        <v>0</v>
      </c>
      <c r="W12" s="195">
        <v>0</v>
      </c>
      <c r="X12" s="195">
        <v>0</v>
      </c>
      <c r="Y12" s="196">
        <v>0</v>
      </c>
      <c r="Z12" s="197">
        <v>0</v>
      </c>
      <c r="AA12" s="197">
        <v>0</v>
      </c>
      <c r="AB12" s="197">
        <v>0</v>
      </c>
      <c r="AC12" s="195">
        <v>0</v>
      </c>
      <c r="AD12" s="198">
        <v>0</v>
      </c>
      <c r="AE12" s="199">
        <v>0</v>
      </c>
      <c r="AF12" s="194">
        <v>0</v>
      </c>
      <c r="AG12" s="195">
        <v>0</v>
      </c>
      <c r="AH12" s="195">
        <v>0</v>
      </c>
      <c r="AI12" s="196">
        <v>0</v>
      </c>
      <c r="AJ12" s="197">
        <v>0</v>
      </c>
      <c r="AK12" s="197">
        <v>0</v>
      </c>
      <c r="AL12" s="197">
        <v>0</v>
      </c>
      <c r="AM12" s="195">
        <v>0</v>
      </c>
      <c r="AN12" s="198">
        <v>0</v>
      </c>
      <c r="AO12" s="200">
        <v>0</v>
      </c>
      <c r="AP12" s="37"/>
    </row>
    <row r="13" spans="1:42" ht="20.25" customHeight="1" x14ac:dyDescent="0.2">
      <c r="A13" s="62" t="s">
        <v>10</v>
      </c>
      <c r="B13" s="194">
        <v>0</v>
      </c>
      <c r="C13" s="195">
        <v>0</v>
      </c>
      <c r="D13" s="195">
        <v>0</v>
      </c>
      <c r="E13" s="196">
        <v>0</v>
      </c>
      <c r="F13" s="197">
        <v>2</v>
      </c>
      <c r="G13" s="197">
        <v>16</v>
      </c>
      <c r="H13" s="197">
        <v>19</v>
      </c>
      <c r="I13" s="195">
        <v>16</v>
      </c>
      <c r="J13" s="198">
        <v>53</v>
      </c>
      <c r="K13" s="199">
        <v>53</v>
      </c>
      <c r="L13" s="194">
        <v>0</v>
      </c>
      <c r="M13" s="195">
        <v>0</v>
      </c>
      <c r="N13" s="198">
        <v>0</v>
      </c>
      <c r="O13" s="201">
        <v>4</v>
      </c>
      <c r="P13" s="197">
        <v>4</v>
      </c>
      <c r="Q13" s="197">
        <v>10</v>
      </c>
      <c r="R13" s="197">
        <v>6</v>
      </c>
      <c r="S13" s="195">
        <v>1</v>
      </c>
      <c r="T13" s="198">
        <v>25</v>
      </c>
      <c r="U13" s="202">
        <v>25</v>
      </c>
      <c r="V13" s="201">
        <v>0</v>
      </c>
      <c r="W13" s="195">
        <v>0</v>
      </c>
      <c r="X13" s="195">
        <v>0</v>
      </c>
      <c r="Y13" s="196">
        <v>0</v>
      </c>
      <c r="Z13" s="197">
        <v>0</v>
      </c>
      <c r="AA13" s="197">
        <v>0</v>
      </c>
      <c r="AB13" s="197">
        <v>0</v>
      </c>
      <c r="AC13" s="195">
        <v>0</v>
      </c>
      <c r="AD13" s="198">
        <v>0</v>
      </c>
      <c r="AE13" s="199">
        <v>0</v>
      </c>
      <c r="AF13" s="194">
        <v>0</v>
      </c>
      <c r="AG13" s="195">
        <v>0</v>
      </c>
      <c r="AH13" s="195">
        <v>0</v>
      </c>
      <c r="AI13" s="196">
        <v>0</v>
      </c>
      <c r="AJ13" s="197">
        <v>0</v>
      </c>
      <c r="AK13" s="197">
        <v>0</v>
      </c>
      <c r="AL13" s="197">
        <v>0</v>
      </c>
      <c r="AM13" s="195">
        <v>2</v>
      </c>
      <c r="AN13" s="198">
        <v>2</v>
      </c>
      <c r="AO13" s="200">
        <v>2</v>
      </c>
      <c r="AP13" s="37"/>
    </row>
    <row r="14" spans="1:42" ht="20.25" customHeight="1" x14ac:dyDescent="0.2">
      <c r="A14" s="62" t="s">
        <v>11</v>
      </c>
      <c r="B14" s="194">
        <v>0</v>
      </c>
      <c r="C14" s="195">
        <v>0</v>
      </c>
      <c r="D14" s="195">
        <v>0</v>
      </c>
      <c r="E14" s="196">
        <v>0</v>
      </c>
      <c r="F14" s="197">
        <v>0</v>
      </c>
      <c r="G14" s="197">
        <v>1</v>
      </c>
      <c r="H14" s="197">
        <v>8</v>
      </c>
      <c r="I14" s="195">
        <v>4</v>
      </c>
      <c r="J14" s="198">
        <v>13</v>
      </c>
      <c r="K14" s="199">
        <v>13</v>
      </c>
      <c r="L14" s="194">
        <v>0</v>
      </c>
      <c r="M14" s="195">
        <v>0</v>
      </c>
      <c r="N14" s="198">
        <v>0</v>
      </c>
      <c r="O14" s="201">
        <v>3</v>
      </c>
      <c r="P14" s="197">
        <v>1</v>
      </c>
      <c r="Q14" s="197">
        <v>3</v>
      </c>
      <c r="R14" s="197">
        <v>4</v>
      </c>
      <c r="S14" s="195">
        <v>1</v>
      </c>
      <c r="T14" s="198">
        <v>12</v>
      </c>
      <c r="U14" s="202">
        <v>12</v>
      </c>
      <c r="V14" s="201">
        <v>0</v>
      </c>
      <c r="W14" s="195">
        <v>0</v>
      </c>
      <c r="X14" s="195">
        <v>0</v>
      </c>
      <c r="Y14" s="196">
        <v>0</v>
      </c>
      <c r="Z14" s="197">
        <v>0</v>
      </c>
      <c r="AA14" s="197">
        <v>0</v>
      </c>
      <c r="AB14" s="197">
        <v>0</v>
      </c>
      <c r="AC14" s="195">
        <v>0</v>
      </c>
      <c r="AD14" s="198">
        <v>0</v>
      </c>
      <c r="AE14" s="199">
        <v>0</v>
      </c>
      <c r="AF14" s="194">
        <v>0</v>
      </c>
      <c r="AG14" s="195">
        <v>0</v>
      </c>
      <c r="AH14" s="195">
        <v>0</v>
      </c>
      <c r="AI14" s="196">
        <v>0</v>
      </c>
      <c r="AJ14" s="197">
        <v>0</v>
      </c>
      <c r="AK14" s="197">
        <v>0</v>
      </c>
      <c r="AL14" s="197">
        <v>0</v>
      </c>
      <c r="AM14" s="195">
        <v>0</v>
      </c>
      <c r="AN14" s="198">
        <v>0</v>
      </c>
      <c r="AO14" s="200">
        <v>0</v>
      </c>
      <c r="AP14" s="37"/>
    </row>
    <row r="15" spans="1:42" ht="20.25" customHeight="1" x14ac:dyDescent="0.2">
      <c r="A15" s="62" t="s">
        <v>12</v>
      </c>
      <c r="B15" s="194">
        <v>0</v>
      </c>
      <c r="C15" s="195">
        <v>0</v>
      </c>
      <c r="D15" s="195">
        <v>0</v>
      </c>
      <c r="E15" s="196">
        <v>0</v>
      </c>
      <c r="F15" s="197">
        <v>1</v>
      </c>
      <c r="G15" s="197">
        <v>6</v>
      </c>
      <c r="H15" s="197">
        <v>10</v>
      </c>
      <c r="I15" s="195">
        <v>5</v>
      </c>
      <c r="J15" s="198">
        <v>22</v>
      </c>
      <c r="K15" s="199">
        <v>22</v>
      </c>
      <c r="L15" s="194">
        <v>0</v>
      </c>
      <c r="M15" s="195">
        <v>0</v>
      </c>
      <c r="N15" s="198">
        <v>0</v>
      </c>
      <c r="O15" s="201">
        <v>0</v>
      </c>
      <c r="P15" s="197">
        <v>4</v>
      </c>
      <c r="Q15" s="197">
        <v>4</v>
      </c>
      <c r="R15" s="197">
        <v>12</v>
      </c>
      <c r="S15" s="195">
        <v>2</v>
      </c>
      <c r="T15" s="198">
        <v>22</v>
      </c>
      <c r="U15" s="202">
        <v>22</v>
      </c>
      <c r="V15" s="201">
        <v>0</v>
      </c>
      <c r="W15" s="195">
        <v>0</v>
      </c>
      <c r="X15" s="195">
        <v>0</v>
      </c>
      <c r="Y15" s="196">
        <v>0</v>
      </c>
      <c r="Z15" s="197">
        <v>0</v>
      </c>
      <c r="AA15" s="197">
        <v>0</v>
      </c>
      <c r="AB15" s="197">
        <v>0</v>
      </c>
      <c r="AC15" s="195">
        <v>1</v>
      </c>
      <c r="AD15" s="198">
        <v>1</v>
      </c>
      <c r="AE15" s="199">
        <v>1</v>
      </c>
      <c r="AF15" s="194">
        <v>0</v>
      </c>
      <c r="AG15" s="195">
        <v>0</v>
      </c>
      <c r="AH15" s="195">
        <v>0</v>
      </c>
      <c r="AI15" s="196">
        <v>0</v>
      </c>
      <c r="AJ15" s="197">
        <v>0</v>
      </c>
      <c r="AK15" s="197">
        <v>0</v>
      </c>
      <c r="AL15" s="197">
        <v>0</v>
      </c>
      <c r="AM15" s="195">
        <v>0</v>
      </c>
      <c r="AN15" s="198">
        <v>0</v>
      </c>
      <c r="AO15" s="200">
        <v>0</v>
      </c>
      <c r="AP15" s="37"/>
    </row>
    <row r="16" spans="1:42" ht="20.25" customHeight="1" x14ac:dyDescent="0.2">
      <c r="A16" s="62" t="s">
        <v>13</v>
      </c>
      <c r="B16" s="194">
        <v>0</v>
      </c>
      <c r="C16" s="195">
        <v>0</v>
      </c>
      <c r="D16" s="195">
        <v>0</v>
      </c>
      <c r="E16" s="196">
        <v>0</v>
      </c>
      <c r="F16" s="197">
        <v>0</v>
      </c>
      <c r="G16" s="197">
        <v>3</v>
      </c>
      <c r="H16" s="197">
        <v>4</v>
      </c>
      <c r="I16" s="195">
        <v>5</v>
      </c>
      <c r="J16" s="198">
        <v>12</v>
      </c>
      <c r="K16" s="199">
        <v>12</v>
      </c>
      <c r="L16" s="194">
        <v>0</v>
      </c>
      <c r="M16" s="195">
        <v>0</v>
      </c>
      <c r="N16" s="198">
        <v>0</v>
      </c>
      <c r="O16" s="201">
        <v>0</v>
      </c>
      <c r="P16" s="197">
        <v>0</v>
      </c>
      <c r="Q16" s="197">
        <v>2</v>
      </c>
      <c r="R16" s="197">
        <v>2</v>
      </c>
      <c r="S16" s="195">
        <v>1</v>
      </c>
      <c r="T16" s="198">
        <v>5</v>
      </c>
      <c r="U16" s="202">
        <v>5</v>
      </c>
      <c r="V16" s="201">
        <v>0</v>
      </c>
      <c r="W16" s="195">
        <v>0</v>
      </c>
      <c r="X16" s="195">
        <v>0</v>
      </c>
      <c r="Y16" s="196">
        <v>0</v>
      </c>
      <c r="Z16" s="197">
        <v>0</v>
      </c>
      <c r="AA16" s="197">
        <v>0</v>
      </c>
      <c r="AB16" s="197">
        <v>0</v>
      </c>
      <c r="AC16" s="195">
        <v>0</v>
      </c>
      <c r="AD16" s="198">
        <v>0</v>
      </c>
      <c r="AE16" s="199">
        <v>0</v>
      </c>
      <c r="AF16" s="194">
        <v>0</v>
      </c>
      <c r="AG16" s="195">
        <v>0</v>
      </c>
      <c r="AH16" s="195">
        <v>0</v>
      </c>
      <c r="AI16" s="196">
        <v>0</v>
      </c>
      <c r="AJ16" s="197">
        <v>0</v>
      </c>
      <c r="AK16" s="197">
        <v>0</v>
      </c>
      <c r="AL16" s="197">
        <v>0</v>
      </c>
      <c r="AM16" s="195">
        <v>0</v>
      </c>
      <c r="AN16" s="198">
        <v>0</v>
      </c>
      <c r="AO16" s="200">
        <v>0</v>
      </c>
      <c r="AP16" s="37"/>
    </row>
    <row r="17" spans="1:42" ht="20.25" customHeight="1" x14ac:dyDescent="0.2">
      <c r="A17" s="62" t="s">
        <v>15</v>
      </c>
      <c r="B17" s="194">
        <v>0</v>
      </c>
      <c r="C17" s="195">
        <v>0</v>
      </c>
      <c r="D17" s="195">
        <v>0</v>
      </c>
      <c r="E17" s="196">
        <v>0</v>
      </c>
      <c r="F17" s="197">
        <v>0</v>
      </c>
      <c r="G17" s="197">
        <v>0</v>
      </c>
      <c r="H17" s="197">
        <v>1</v>
      </c>
      <c r="I17" s="195">
        <v>1</v>
      </c>
      <c r="J17" s="198">
        <v>2</v>
      </c>
      <c r="K17" s="199">
        <v>2</v>
      </c>
      <c r="L17" s="194">
        <v>0</v>
      </c>
      <c r="M17" s="195">
        <v>0</v>
      </c>
      <c r="N17" s="198">
        <v>0</v>
      </c>
      <c r="O17" s="201">
        <v>1</v>
      </c>
      <c r="P17" s="197">
        <v>0</v>
      </c>
      <c r="Q17" s="197">
        <v>1</v>
      </c>
      <c r="R17" s="197">
        <v>1</v>
      </c>
      <c r="S17" s="195">
        <v>1</v>
      </c>
      <c r="T17" s="198">
        <v>4</v>
      </c>
      <c r="U17" s="202">
        <v>4</v>
      </c>
      <c r="V17" s="201">
        <v>0</v>
      </c>
      <c r="W17" s="195">
        <v>0</v>
      </c>
      <c r="X17" s="195">
        <v>0</v>
      </c>
      <c r="Y17" s="196">
        <v>0</v>
      </c>
      <c r="Z17" s="197">
        <v>0</v>
      </c>
      <c r="AA17" s="197">
        <v>0</v>
      </c>
      <c r="AB17" s="197">
        <v>0</v>
      </c>
      <c r="AC17" s="195">
        <v>0</v>
      </c>
      <c r="AD17" s="198">
        <v>0</v>
      </c>
      <c r="AE17" s="199">
        <v>0</v>
      </c>
      <c r="AF17" s="194">
        <v>0</v>
      </c>
      <c r="AG17" s="195">
        <v>0</v>
      </c>
      <c r="AH17" s="195">
        <v>0</v>
      </c>
      <c r="AI17" s="196">
        <v>0</v>
      </c>
      <c r="AJ17" s="197">
        <v>0</v>
      </c>
      <c r="AK17" s="197">
        <v>0</v>
      </c>
      <c r="AL17" s="197">
        <v>0</v>
      </c>
      <c r="AM17" s="195">
        <v>0</v>
      </c>
      <c r="AN17" s="198">
        <v>0</v>
      </c>
      <c r="AO17" s="200">
        <v>0</v>
      </c>
      <c r="AP17" s="37"/>
    </row>
    <row r="18" spans="1:42" ht="20.25" customHeight="1" x14ac:dyDescent="0.2">
      <c r="A18" s="62" t="s">
        <v>16</v>
      </c>
      <c r="B18" s="194">
        <v>0</v>
      </c>
      <c r="C18" s="195">
        <v>0</v>
      </c>
      <c r="D18" s="195">
        <v>0</v>
      </c>
      <c r="E18" s="196">
        <v>0</v>
      </c>
      <c r="F18" s="197">
        <v>0</v>
      </c>
      <c r="G18" s="197">
        <v>7</v>
      </c>
      <c r="H18" s="197">
        <v>6</v>
      </c>
      <c r="I18" s="195">
        <v>0</v>
      </c>
      <c r="J18" s="198">
        <v>13</v>
      </c>
      <c r="K18" s="199">
        <v>13</v>
      </c>
      <c r="L18" s="194">
        <v>0</v>
      </c>
      <c r="M18" s="195">
        <v>0</v>
      </c>
      <c r="N18" s="198">
        <v>0</v>
      </c>
      <c r="O18" s="201">
        <v>3</v>
      </c>
      <c r="P18" s="197">
        <v>4</v>
      </c>
      <c r="Q18" s="197">
        <v>4</v>
      </c>
      <c r="R18" s="197">
        <v>5</v>
      </c>
      <c r="S18" s="195">
        <v>3</v>
      </c>
      <c r="T18" s="198">
        <v>19</v>
      </c>
      <c r="U18" s="202">
        <v>19</v>
      </c>
      <c r="V18" s="201">
        <v>0</v>
      </c>
      <c r="W18" s="195">
        <v>0</v>
      </c>
      <c r="X18" s="195">
        <v>0</v>
      </c>
      <c r="Y18" s="196">
        <v>0</v>
      </c>
      <c r="Z18" s="197">
        <v>0</v>
      </c>
      <c r="AA18" s="197">
        <v>0</v>
      </c>
      <c r="AB18" s="197">
        <v>0</v>
      </c>
      <c r="AC18" s="195">
        <v>0</v>
      </c>
      <c r="AD18" s="198">
        <v>0</v>
      </c>
      <c r="AE18" s="199">
        <v>0</v>
      </c>
      <c r="AF18" s="194">
        <v>0</v>
      </c>
      <c r="AG18" s="195">
        <v>0</v>
      </c>
      <c r="AH18" s="195">
        <v>0</v>
      </c>
      <c r="AI18" s="196">
        <v>0</v>
      </c>
      <c r="AJ18" s="197">
        <v>0</v>
      </c>
      <c r="AK18" s="197">
        <v>0</v>
      </c>
      <c r="AL18" s="197">
        <v>3</v>
      </c>
      <c r="AM18" s="195">
        <v>0</v>
      </c>
      <c r="AN18" s="198">
        <v>3</v>
      </c>
      <c r="AO18" s="200">
        <v>3</v>
      </c>
      <c r="AP18" s="37"/>
    </row>
    <row r="19" spans="1:42" ht="20.25" customHeight="1" x14ac:dyDescent="0.2">
      <c r="A19" s="62" t="s">
        <v>17</v>
      </c>
      <c r="B19" s="194">
        <v>0</v>
      </c>
      <c r="C19" s="195">
        <v>0</v>
      </c>
      <c r="D19" s="195">
        <v>0</v>
      </c>
      <c r="E19" s="196">
        <v>1</v>
      </c>
      <c r="F19" s="197">
        <v>2</v>
      </c>
      <c r="G19" s="197">
        <v>7</v>
      </c>
      <c r="H19" s="197">
        <v>6</v>
      </c>
      <c r="I19" s="195">
        <v>4</v>
      </c>
      <c r="J19" s="198">
        <v>20</v>
      </c>
      <c r="K19" s="199">
        <v>20</v>
      </c>
      <c r="L19" s="194">
        <v>0</v>
      </c>
      <c r="M19" s="195">
        <v>0</v>
      </c>
      <c r="N19" s="198">
        <v>0</v>
      </c>
      <c r="O19" s="201">
        <v>0</v>
      </c>
      <c r="P19" s="197">
        <v>4</v>
      </c>
      <c r="Q19" s="197">
        <v>12</v>
      </c>
      <c r="R19" s="197">
        <v>7</v>
      </c>
      <c r="S19" s="195">
        <v>3</v>
      </c>
      <c r="T19" s="198">
        <v>26</v>
      </c>
      <c r="U19" s="202">
        <v>26</v>
      </c>
      <c r="V19" s="201">
        <v>0</v>
      </c>
      <c r="W19" s="195">
        <v>0</v>
      </c>
      <c r="X19" s="195">
        <v>0</v>
      </c>
      <c r="Y19" s="196">
        <v>0</v>
      </c>
      <c r="Z19" s="197">
        <v>0</v>
      </c>
      <c r="AA19" s="197">
        <v>0</v>
      </c>
      <c r="AB19" s="197">
        <v>0</v>
      </c>
      <c r="AC19" s="195">
        <v>0</v>
      </c>
      <c r="AD19" s="198">
        <v>0</v>
      </c>
      <c r="AE19" s="199">
        <v>0</v>
      </c>
      <c r="AF19" s="194">
        <v>0</v>
      </c>
      <c r="AG19" s="195">
        <v>0</v>
      </c>
      <c r="AH19" s="195">
        <v>0</v>
      </c>
      <c r="AI19" s="196">
        <v>0</v>
      </c>
      <c r="AJ19" s="197">
        <v>0</v>
      </c>
      <c r="AK19" s="197">
        <v>0</v>
      </c>
      <c r="AL19" s="197">
        <v>0</v>
      </c>
      <c r="AM19" s="195">
        <v>0</v>
      </c>
      <c r="AN19" s="198">
        <v>0</v>
      </c>
      <c r="AO19" s="200">
        <v>0</v>
      </c>
      <c r="AP19" s="37"/>
    </row>
    <row r="20" spans="1:42" ht="20.25" customHeight="1" x14ac:dyDescent="0.2">
      <c r="A20" s="62" t="s">
        <v>18</v>
      </c>
      <c r="B20" s="194">
        <v>0</v>
      </c>
      <c r="C20" s="195">
        <v>0</v>
      </c>
      <c r="D20" s="195">
        <v>0</v>
      </c>
      <c r="E20" s="196">
        <v>0</v>
      </c>
      <c r="F20" s="197">
        <v>0</v>
      </c>
      <c r="G20" s="197">
        <v>6</v>
      </c>
      <c r="H20" s="197">
        <v>17</v>
      </c>
      <c r="I20" s="195">
        <v>3</v>
      </c>
      <c r="J20" s="198">
        <v>26</v>
      </c>
      <c r="K20" s="199">
        <v>26</v>
      </c>
      <c r="L20" s="194">
        <v>0</v>
      </c>
      <c r="M20" s="195">
        <v>0</v>
      </c>
      <c r="N20" s="198">
        <v>0</v>
      </c>
      <c r="O20" s="201">
        <v>4</v>
      </c>
      <c r="P20" s="197">
        <v>2</v>
      </c>
      <c r="Q20" s="197">
        <v>6</v>
      </c>
      <c r="R20" s="197">
        <v>4</v>
      </c>
      <c r="S20" s="195">
        <v>4</v>
      </c>
      <c r="T20" s="198">
        <v>20</v>
      </c>
      <c r="U20" s="202">
        <v>20</v>
      </c>
      <c r="V20" s="201">
        <v>0</v>
      </c>
      <c r="W20" s="195">
        <v>0</v>
      </c>
      <c r="X20" s="195">
        <v>0</v>
      </c>
      <c r="Y20" s="196">
        <v>0</v>
      </c>
      <c r="Z20" s="197">
        <v>0</v>
      </c>
      <c r="AA20" s="197">
        <v>0</v>
      </c>
      <c r="AB20" s="197">
        <v>0</v>
      </c>
      <c r="AC20" s="195">
        <v>1</v>
      </c>
      <c r="AD20" s="198">
        <v>1</v>
      </c>
      <c r="AE20" s="199">
        <v>1</v>
      </c>
      <c r="AF20" s="194">
        <v>0</v>
      </c>
      <c r="AG20" s="195">
        <v>0</v>
      </c>
      <c r="AH20" s="195">
        <v>0</v>
      </c>
      <c r="AI20" s="196">
        <v>0</v>
      </c>
      <c r="AJ20" s="197">
        <v>0</v>
      </c>
      <c r="AK20" s="197">
        <v>0</v>
      </c>
      <c r="AL20" s="197">
        <v>0</v>
      </c>
      <c r="AM20" s="195">
        <v>0</v>
      </c>
      <c r="AN20" s="198">
        <v>0</v>
      </c>
      <c r="AO20" s="200">
        <v>0</v>
      </c>
      <c r="AP20" s="37"/>
    </row>
    <row r="21" spans="1:42" ht="20.25" customHeight="1" x14ac:dyDescent="0.2">
      <c r="A21" s="62" t="s">
        <v>19</v>
      </c>
      <c r="B21" s="194">
        <v>0</v>
      </c>
      <c r="C21" s="195">
        <v>0</v>
      </c>
      <c r="D21" s="195">
        <v>0</v>
      </c>
      <c r="E21" s="196">
        <v>0</v>
      </c>
      <c r="F21" s="197">
        <v>0</v>
      </c>
      <c r="G21" s="197">
        <v>3</v>
      </c>
      <c r="H21" s="197">
        <v>5</v>
      </c>
      <c r="I21" s="195">
        <v>3</v>
      </c>
      <c r="J21" s="198">
        <v>11</v>
      </c>
      <c r="K21" s="199">
        <v>11</v>
      </c>
      <c r="L21" s="194">
        <v>0</v>
      </c>
      <c r="M21" s="195">
        <v>0</v>
      </c>
      <c r="N21" s="198">
        <v>0</v>
      </c>
      <c r="O21" s="201">
        <v>1</v>
      </c>
      <c r="P21" s="197">
        <v>2</v>
      </c>
      <c r="Q21" s="197">
        <v>3</v>
      </c>
      <c r="R21" s="197">
        <v>0</v>
      </c>
      <c r="S21" s="195">
        <v>0</v>
      </c>
      <c r="T21" s="198">
        <v>6</v>
      </c>
      <c r="U21" s="202">
        <v>6</v>
      </c>
      <c r="V21" s="201">
        <v>0</v>
      </c>
      <c r="W21" s="195">
        <v>0</v>
      </c>
      <c r="X21" s="195">
        <v>0</v>
      </c>
      <c r="Y21" s="196">
        <v>0</v>
      </c>
      <c r="Z21" s="197">
        <v>0</v>
      </c>
      <c r="AA21" s="197">
        <v>0</v>
      </c>
      <c r="AB21" s="197">
        <v>0</v>
      </c>
      <c r="AC21" s="195">
        <v>0</v>
      </c>
      <c r="AD21" s="198">
        <v>0</v>
      </c>
      <c r="AE21" s="199">
        <v>0</v>
      </c>
      <c r="AF21" s="194">
        <v>0</v>
      </c>
      <c r="AG21" s="195">
        <v>0</v>
      </c>
      <c r="AH21" s="195">
        <v>0</v>
      </c>
      <c r="AI21" s="196">
        <v>0</v>
      </c>
      <c r="AJ21" s="197">
        <v>0</v>
      </c>
      <c r="AK21" s="197">
        <v>0</v>
      </c>
      <c r="AL21" s="197">
        <v>1</v>
      </c>
      <c r="AM21" s="195">
        <v>0</v>
      </c>
      <c r="AN21" s="198">
        <v>1</v>
      </c>
      <c r="AO21" s="200">
        <v>1</v>
      </c>
      <c r="AP21" s="37"/>
    </row>
    <row r="22" spans="1:42" ht="20.25" customHeight="1" x14ac:dyDescent="0.2">
      <c r="A22" s="62" t="s">
        <v>20</v>
      </c>
      <c r="B22" s="194">
        <v>0</v>
      </c>
      <c r="C22" s="195">
        <v>0</v>
      </c>
      <c r="D22" s="195">
        <v>0</v>
      </c>
      <c r="E22" s="196">
        <v>0</v>
      </c>
      <c r="F22" s="197">
        <v>1</v>
      </c>
      <c r="G22" s="197">
        <v>3</v>
      </c>
      <c r="H22" s="197">
        <v>7</v>
      </c>
      <c r="I22" s="195">
        <v>2</v>
      </c>
      <c r="J22" s="198">
        <v>13</v>
      </c>
      <c r="K22" s="199">
        <v>13</v>
      </c>
      <c r="L22" s="194">
        <v>0</v>
      </c>
      <c r="M22" s="195">
        <v>0</v>
      </c>
      <c r="N22" s="198">
        <v>0</v>
      </c>
      <c r="O22" s="201">
        <v>1</v>
      </c>
      <c r="P22" s="197">
        <v>1</v>
      </c>
      <c r="Q22" s="197">
        <v>3</v>
      </c>
      <c r="R22" s="197">
        <v>2</v>
      </c>
      <c r="S22" s="195">
        <v>0</v>
      </c>
      <c r="T22" s="198">
        <v>7</v>
      </c>
      <c r="U22" s="202">
        <v>7</v>
      </c>
      <c r="V22" s="201">
        <v>0</v>
      </c>
      <c r="W22" s="195">
        <v>0</v>
      </c>
      <c r="X22" s="195">
        <v>0</v>
      </c>
      <c r="Y22" s="196">
        <v>0</v>
      </c>
      <c r="Z22" s="197">
        <v>0</v>
      </c>
      <c r="AA22" s="197">
        <v>0</v>
      </c>
      <c r="AB22" s="197">
        <v>0</v>
      </c>
      <c r="AC22" s="195">
        <v>0</v>
      </c>
      <c r="AD22" s="198">
        <v>0</v>
      </c>
      <c r="AE22" s="199">
        <v>0</v>
      </c>
      <c r="AF22" s="194">
        <v>0</v>
      </c>
      <c r="AG22" s="195">
        <v>0</v>
      </c>
      <c r="AH22" s="195">
        <v>0</v>
      </c>
      <c r="AI22" s="196">
        <v>0</v>
      </c>
      <c r="AJ22" s="197">
        <v>0</v>
      </c>
      <c r="AK22" s="197">
        <v>0</v>
      </c>
      <c r="AL22" s="197">
        <v>0</v>
      </c>
      <c r="AM22" s="195">
        <v>1</v>
      </c>
      <c r="AN22" s="198">
        <v>1</v>
      </c>
      <c r="AO22" s="200">
        <v>1</v>
      </c>
      <c r="AP22" s="37"/>
    </row>
    <row r="23" spans="1:42" ht="20.25" customHeight="1" x14ac:dyDescent="0.2">
      <c r="A23" s="62" t="s">
        <v>21</v>
      </c>
      <c r="B23" s="194">
        <v>0</v>
      </c>
      <c r="C23" s="195">
        <v>0</v>
      </c>
      <c r="D23" s="195">
        <v>0</v>
      </c>
      <c r="E23" s="196">
        <v>0</v>
      </c>
      <c r="F23" s="197">
        <v>0</v>
      </c>
      <c r="G23" s="197">
        <v>2</v>
      </c>
      <c r="H23" s="197">
        <v>4</v>
      </c>
      <c r="I23" s="195">
        <v>2</v>
      </c>
      <c r="J23" s="198">
        <v>8</v>
      </c>
      <c r="K23" s="199">
        <v>8</v>
      </c>
      <c r="L23" s="194">
        <v>0</v>
      </c>
      <c r="M23" s="195">
        <v>0</v>
      </c>
      <c r="N23" s="198">
        <v>0</v>
      </c>
      <c r="O23" s="201">
        <v>0</v>
      </c>
      <c r="P23" s="197">
        <v>3</v>
      </c>
      <c r="Q23" s="197">
        <v>2</v>
      </c>
      <c r="R23" s="197">
        <v>3</v>
      </c>
      <c r="S23" s="195">
        <v>2</v>
      </c>
      <c r="T23" s="198">
        <v>10</v>
      </c>
      <c r="U23" s="202">
        <v>10</v>
      </c>
      <c r="V23" s="201">
        <v>0</v>
      </c>
      <c r="W23" s="195">
        <v>0</v>
      </c>
      <c r="X23" s="195">
        <v>0</v>
      </c>
      <c r="Y23" s="196">
        <v>0</v>
      </c>
      <c r="Z23" s="197">
        <v>0</v>
      </c>
      <c r="AA23" s="197">
        <v>0</v>
      </c>
      <c r="AB23" s="197">
        <v>0</v>
      </c>
      <c r="AC23" s="195">
        <v>0</v>
      </c>
      <c r="AD23" s="198">
        <v>0</v>
      </c>
      <c r="AE23" s="199">
        <v>0</v>
      </c>
      <c r="AF23" s="194">
        <v>0</v>
      </c>
      <c r="AG23" s="195">
        <v>0</v>
      </c>
      <c r="AH23" s="195">
        <v>0</v>
      </c>
      <c r="AI23" s="196">
        <v>0</v>
      </c>
      <c r="AJ23" s="197">
        <v>0</v>
      </c>
      <c r="AK23" s="197">
        <v>0</v>
      </c>
      <c r="AL23" s="197">
        <v>0</v>
      </c>
      <c r="AM23" s="195">
        <v>0</v>
      </c>
      <c r="AN23" s="198">
        <v>0</v>
      </c>
      <c r="AO23" s="200">
        <v>0</v>
      </c>
      <c r="AP23" s="37"/>
    </row>
    <row r="24" spans="1:42" ht="20.25" customHeight="1" x14ac:dyDescent="0.2">
      <c r="A24" s="62" t="s">
        <v>22</v>
      </c>
      <c r="B24" s="194">
        <v>0</v>
      </c>
      <c r="C24" s="195">
        <v>0</v>
      </c>
      <c r="D24" s="195">
        <v>0</v>
      </c>
      <c r="E24" s="196">
        <v>0</v>
      </c>
      <c r="F24" s="197">
        <v>0</v>
      </c>
      <c r="G24" s="197">
        <v>0</v>
      </c>
      <c r="H24" s="197">
        <v>0</v>
      </c>
      <c r="I24" s="195">
        <v>0</v>
      </c>
      <c r="J24" s="198">
        <v>0</v>
      </c>
      <c r="K24" s="199">
        <v>0</v>
      </c>
      <c r="L24" s="194">
        <v>0</v>
      </c>
      <c r="M24" s="195">
        <v>0</v>
      </c>
      <c r="N24" s="198">
        <v>0</v>
      </c>
      <c r="O24" s="201">
        <v>1</v>
      </c>
      <c r="P24" s="197">
        <v>0</v>
      </c>
      <c r="Q24" s="197">
        <v>3</v>
      </c>
      <c r="R24" s="197">
        <v>2</v>
      </c>
      <c r="S24" s="195">
        <v>0</v>
      </c>
      <c r="T24" s="198">
        <v>6</v>
      </c>
      <c r="U24" s="202">
        <v>6</v>
      </c>
      <c r="V24" s="201">
        <v>0</v>
      </c>
      <c r="W24" s="195">
        <v>0</v>
      </c>
      <c r="X24" s="195">
        <v>0</v>
      </c>
      <c r="Y24" s="196">
        <v>0</v>
      </c>
      <c r="Z24" s="197">
        <v>0</v>
      </c>
      <c r="AA24" s="197">
        <v>0</v>
      </c>
      <c r="AB24" s="197">
        <v>0</v>
      </c>
      <c r="AC24" s="195">
        <v>0</v>
      </c>
      <c r="AD24" s="198">
        <v>0</v>
      </c>
      <c r="AE24" s="199">
        <v>0</v>
      </c>
      <c r="AF24" s="194">
        <v>0</v>
      </c>
      <c r="AG24" s="195">
        <v>0</v>
      </c>
      <c r="AH24" s="195">
        <v>0</v>
      </c>
      <c r="AI24" s="196">
        <v>0</v>
      </c>
      <c r="AJ24" s="197">
        <v>0</v>
      </c>
      <c r="AK24" s="197">
        <v>0</v>
      </c>
      <c r="AL24" s="197">
        <v>1</v>
      </c>
      <c r="AM24" s="195">
        <v>0</v>
      </c>
      <c r="AN24" s="198">
        <v>1</v>
      </c>
      <c r="AO24" s="200">
        <v>1</v>
      </c>
      <c r="AP24" s="37"/>
    </row>
    <row r="25" spans="1:42" ht="20.25" customHeight="1" x14ac:dyDescent="0.2">
      <c r="A25" s="62" t="s">
        <v>23</v>
      </c>
      <c r="B25" s="194">
        <v>0</v>
      </c>
      <c r="C25" s="195">
        <v>0</v>
      </c>
      <c r="D25" s="195">
        <v>0</v>
      </c>
      <c r="E25" s="196">
        <v>0</v>
      </c>
      <c r="F25" s="197">
        <v>0</v>
      </c>
      <c r="G25" s="197">
        <v>2</v>
      </c>
      <c r="H25" s="197">
        <v>5</v>
      </c>
      <c r="I25" s="195">
        <v>2</v>
      </c>
      <c r="J25" s="198">
        <v>9</v>
      </c>
      <c r="K25" s="199">
        <v>9</v>
      </c>
      <c r="L25" s="194">
        <v>0</v>
      </c>
      <c r="M25" s="195">
        <v>0</v>
      </c>
      <c r="N25" s="198">
        <v>0</v>
      </c>
      <c r="O25" s="201">
        <v>0</v>
      </c>
      <c r="P25" s="197">
        <v>2</v>
      </c>
      <c r="Q25" s="197">
        <v>2</v>
      </c>
      <c r="R25" s="197">
        <v>2</v>
      </c>
      <c r="S25" s="195">
        <v>2</v>
      </c>
      <c r="T25" s="198">
        <v>8</v>
      </c>
      <c r="U25" s="202">
        <v>8</v>
      </c>
      <c r="V25" s="201">
        <v>0</v>
      </c>
      <c r="W25" s="195">
        <v>0</v>
      </c>
      <c r="X25" s="195">
        <v>0</v>
      </c>
      <c r="Y25" s="196">
        <v>0</v>
      </c>
      <c r="Z25" s="197">
        <v>0</v>
      </c>
      <c r="AA25" s="197">
        <v>0</v>
      </c>
      <c r="AB25" s="197">
        <v>0</v>
      </c>
      <c r="AC25" s="195">
        <v>1</v>
      </c>
      <c r="AD25" s="198">
        <v>1</v>
      </c>
      <c r="AE25" s="199">
        <v>1</v>
      </c>
      <c r="AF25" s="194">
        <v>0</v>
      </c>
      <c r="AG25" s="195">
        <v>0</v>
      </c>
      <c r="AH25" s="195">
        <v>0</v>
      </c>
      <c r="AI25" s="196">
        <v>0</v>
      </c>
      <c r="AJ25" s="197">
        <v>0</v>
      </c>
      <c r="AK25" s="197">
        <v>0</v>
      </c>
      <c r="AL25" s="197">
        <v>0</v>
      </c>
      <c r="AM25" s="195">
        <v>0</v>
      </c>
      <c r="AN25" s="198">
        <v>0</v>
      </c>
      <c r="AO25" s="200">
        <v>0</v>
      </c>
      <c r="AP25" s="37"/>
    </row>
    <row r="26" spans="1:42" ht="20.25" customHeight="1" x14ac:dyDescent="0.2">
      <c r="A26" s="62" t="s">
        <v>24</v>
      </c>
      <c r="B26" s="194">
        <v>0</v>
      </c>
      <c r="C26" s="195">
        <v>0</v>
      </c>
      <c r="D26" s="195">
        <v>0</v>
      </c>
      <c r="E26" s="196">
        <v>0</v>
      </c>
      <c r="F26" s="197">
        <v>0</v>
      </c>
      <c r="G26" s="197">
        <v>1</v>
      </c>
      <c r="H26" s="197">
        <v>2</v>
      </c>
      <c r="I26" s="195">
        <v>0</v>
      </c>
      <c r="J26" s="198">
        <v>3</v>
      </c>
      <c r="K26" s="199">
        <v>3</v>
      </c>
      <c r="L26" s="194">
        <v>0</v>
      </c>
      <c r="M26" s="195">
        <v>0</v>
      </c>
      <c r="N26" s="198">
        <v>0</v>
      </c>
      <c r="O26" s="201">
        <v>1</v>
      </c>
      <c r="P26" s="197">
        <v>0</v>
      </c>
      <c r="Q26" s="197">
        <v>0</v>
      </c>
      <c r="R26" s="197">
        <v>1</v>
      </c>
      <c r="S26" s="195">
        <v>0</v>
      </c>
      <c r="T26" s="198">
        <v>2</v>
      </c>
      <c r="U26" s="202">
        <v>2</v>
      </c>
      <c r="V26" s="201">
        <v>0</v>
      </c>
      <c r="W26" s="195">
        <v>0</v>
      </c>
      <c r="X26" s="195">
        <v>0</v>
      </c>
      <c r="Y26" s="196">
        <v>0</v>
      </c>
      <c r="Z26" s="197">
        <v>0</v>
      </c>
      <c r="AA26" s="197">
        <v>0</v>
      </c>
      <c r="AB26" s="197">
        <v>0</v>
      </c>
      <c r="AC26" s="195">
        <v>0</v>
      </c>
      <c r="AD26" s="198">
        <v>0</v>
      </c>
      <c r="AE26" s="199">
        <v>0</v>
      </c>
      <c r="AF26" s="194">
        <v>0</v>
      </c>
      <c r="AG26" s="195">
        <v>0</v>
      </c>
      <c r="AH26" s="195">
        <v>0</v>
      </c>
      <c r="AI26" s="196">
        <v>0</v>
      </c>
      <c r="AJ26" s="197">
        <v>0</v>
      </c>
      <c r="AK26" s="197">
        <v>0</v>
      </c>
      <c r="AL26" s="197">
        <v>0</v>
      </c>
      <c r="AM26" s="195">
        <v>0</v>
      </c>
      <c r="AN26" s="198">
        <v>0</v>
      </c>
      <c r="AO26" s="200">
        <v>0</v>
      </c>
      <c r="AP26" s="37"/>
    </row>
    <row r="27" spans="1:42" ht="20.25" customHeight="1" x14ac:dyDescent="0.2">
      <c r="A27" s="62" t="s">
        <v>25</v>
      </c>
      <c r="B27" s="194">
        <v>0</v>
      </c>
      <c r="C27" s="195">
        <v>0</v>
      </c>
      <c r="D27" s="195">
        <v>0</v>
      </c>
      <c r="E27" s="196">
        <v>0</v>
      </c>
      <c r="F27" s="197">
        <v>0</v>
      </c>
      <c r="G27" s="197">
        <v>1</v>
      </c>
      <c r="H27" s="197">
        <v>2</v>
      </c>
      <c r="I27" s="195">
        <v>1</v>
      </c>
      <c r="J27" s="198">
        <v>4</v>
      </c>
      <c r="K27" s="199">
        <v>4</v>
      </c>
      <c r="L27" s="194">
        <v>0</v>
      </c>
      <c r="M27" s="195">
        <v>0</v>
      </c>
      <c r="N27" s="198">
        <v>0</v>
      </c>
      <c r="O27" s="201">
        <v>0</v>
      </c>
      <c r="P27" s="197">
        <v>0</v>
      </c>
      <c r="Q27" s="197">
        <v>0</v>
      </c>
      <c r="R27" s="197">
        <v>1</v>
      </c>
      <c r="S27" s="195">
        <v>0</v>
      </c>
      <c r="T27" s="198">
        <v>1</v>
      </c>
      <c r="U27" s="202">
        <v>1</v>
      </c>
      <c r="V27" s="201">
        <v>0</v>
      </c>
      <c r="W27" s="195">
        <v>0</v>
      </c>
      <c r="X27" s="195">
        <v>0</v>
      </c>
      <c r="Y27" s="196">
        <v>0</v>
      </c>
      <c r="Z27" s="197">
        <v>0</v>
      </c>
      <c r="AA27" s="197">
        <v>0</v>
      </c>
      <c r="AB27" s="197">
        <v>0</v>
      </c>
      <c r="AC27" s="195">
        <v>0</v>
      </c>
      <c r="AD27" s="198">
        <v>0</v>
      </c>
      <c r="AE27" s="199">
        <v>0</v>
      </c>
      <c r="AF27" s="194">
        <v>0</v>
      </c>
      <c r="AG27" s="195">
        <v>0</v>
      </c>
      <c r="AH27" s="195">
        <v>0</v>
      </c>
      <c r="AI27" s="196">
        <v>0</v>
      </c>
      <c r="AJ27" s="197">
        <v>0</v>
      </c>
      <c r="AK27" s="197">
        <v>0</v>
      </c>
      <c r="AL27" s="197">
        <v>0</v>
      </c>
      <c r="AM27" s="195">
        <v>0</v>
      </c>
      <c r="AN27" s="198">
        <v>0</v>
      </c>
      <c r="AO27" s="200">
        <v>0</v>
      </c>
      <c r="AP27" s="37"/>
    </row>
    <row r="28" spans="1:42" ht="20.25" customHeight="1" x14ac:dyDescent="0.2">
      <c r="A28" s="62" t="s">
        <v>26</v>
      </c>
      <c r="B28" s="194">
        <v>0</v>
      </c>
      <c r="C28" s="195">
        <v>0</v>
      </c>
      <c r="D28" s="195">
        <v>0</v>
      </c>
      <c r="E28" s="196">
        <v>0</v>
      </c>
      <c r="F28" s="197">
        <v>0</v>
      </c>
      <c r="G28" s="197">
        <v>0</v>
      </c>
      <c r="H28" s="197">
        <v>2</v>
      </c>
      <c r="I28" s="195">
        <v>1</v>
      </c>
      <c r="J28" s="198">
        <v>3</v>
      </c>
      <c r="K28" s="199">
        <v>3</v>
      </c>
      <c r="L28" s="194">
        <v>0</v>
      </c>
      <c r="M28" s="195">
        <v>0</v>
      </c>
      <c r="N28" s="198">
        <v>0</v>
      </c>
      <c r="O28" s="201">
        <v>1</v>
      </c>
      <c r="P28" s="197">
        <v>0</v>
      </c>
      <c r="Q28" s="197">
        <v>1</v>
      </c>
      <c r="R28" s="197">
        <v>0</v>
      </c>
      <c r="S28" s="195">
        <v>0</v>
      </c>
      <c r="T28" s="198">
        <v>2</v>
      </c>
      <c r="U28" s="202">
        <v>2</v>
      </c>
      <c r="V28" s="201">
        <v>0</v>
      </c>
      <c r="W28" s="195">
        <v>0</v>
      </c>
      <c r="X28" s="195">
        <v>0</v>
      </c>
      <c r="Y28" s="196">
        <v>0</v>
      </c>
      <c r="Z28" s="197">
        <v>0</v>
      </c>
      <c r="AA28" s="197">
        <v>0</v>
      </c>
      <c r="AB28" s="197">
        <v>0</v>
      </c>
      <c r="AC28" s="195">
        <v>0</v>
      </c>
      <c r="AD28" s="198">
        <v>0</v>
      </c>
      <c r="AE28" s="199">
        <v>0</v>
      </c>
      <c r="AF28" s="194">
        <v>0</v>
      </c>
      <c r="AG28" s="195">
        <v>0</v>
      </c>
      <c r="AH28" s="195">
        <v>0</v>
      </c>
      <c r="AI28" s="196">
        <v>0</v>
      </c>
      <c r="AJ28" s="197">
        <v>0</v>
      </c>
      <c r="AK28" s="197">
        <v>0</v>
      </c>
      <c r="AL28" s="197">
        <v>0</v>
      </c>
      <c r="AM28" s="195">
        <v>0</v>
      </c>
      <c r="AN28" s="198">
        <v>0</v>
      </c>
      <c r="AO28" s="200">
        <v>0</v>
      </c>
      <c r="AP28" s="37"/>
    </row>
    <row r="29" spans="1:42" ht="20.25" customHeight="1" x14ac:dyDescent="0.2">
      <c r="A29" s="62" t="s">
        <v>27</v>
      </c>
      <c r="B29" s="194">
        <v>0</v>
      </c>
      <c r="C29" s="195">
        <v>0</v>
      </c>
      <c r="D29" s="195">
        <v>0</v>
      </c>
      <c r="E29" s="196">
        <v>0</v>
      </c>
      <c r="F29" s="197">
        <v>0</v>
      </c>
      <c r="G29" s="197">
        <v>2</v>
      </c>
      <c r="H29" s="197">
        <v>1</v>
      </c>
      <c r="I29" s="195">
        <v>0</v>
      </c>
      <c r="J29" s="198">
        <v>3</v>
      </c>
      <c r="K29" s="199">
        <v>3</v>
      </c>
      <c r="L29" s="194">
        <v>0</v>
      </c>
      <c r="M29" s="195">
        <v>0</v>
      </c>
      <c r="N29" s="198">
        <v>0</v>
      </c>
      <c r="O29" s="201">
        <v>1</v>
      </c>
      <c r="P29" s="197">
        <v>0</v>
      </c>
      <c r="Q29" s="197">
        <v>1</v>
      </c>
      <c r="R29" s="197">
        <v>1</v>
      </c>
      <c r="S29" s="195">
        <v>0</v>
      </c>
      <c r="T29" s="198">
        <v>3</v>
      </c>
      <c r="U29" s="202">
        <v>3</v>
      </c>
      <c r="V29" s="201">
        <v>0</v>
      </c>
      <c r="W29" s="195">
        <v>0</v>
      </c>
      <c r="X29" s="195">
        <v>0</v>
      </c>
      <c r="Y29" s="196">
        <v>0</v>
      </c>
      <c r="Z29" s="197">
        <v>0</v>
      </c>
      <c r="AA29" s="197">
        <v>0</v>
      </c>
      <c r="AB29" s="197">
        <v>0</v>
      </c>
      <c r="AC29" s="195">
        <v>0</v>
      </c>
      <c r="AD29" s="198">
        <v>0</v>
      </c>
      <c r="AE29" s="199">
        <v>0</v>
      </c>
      <c r="AF29" s="194">
        <v>0</v>
      </c>
      <c r="AG29" s="195">
        <v>0</v>
      </c>
      <c r="AH29" s="195">
        <v>0</v>
      </c>
      <c r="AI29" s="196">
        <v>0</v>
      </c>
      <c r="AJ29" s="197">
        <v>0</v>
      </c>
      <c r="AK29" s="197">
        <v>0</v>
      </c>
      <c r="AL29" s="197">
        <v>0</v>
      </c>
      <c r="AM29" s="195">
        <v>0</v>
      </c>
      <c r="AN29" s="198">
        <v>0</v>
      </c>
      <c r="AO29" s="200">
        <v>0</v>
      </c>
      <c r="AP29" s="37"/>
    </row>
    <row r="30" spans="1:42" ht="20.25" customHeight="1" x14ac:dyDescent="0.2">
      <c r="A30" s="62" t="s">
        <v>28</v>
      </c>
      <c r="B30" s="194">
        <v>0</v>
      </c>
      <c r="C30" s="195">
        <v>0</v>
      </c>
      <c r="D30" s="195">
        <v>0</v>
      </c>
      <c r="E30" s="196">
        <v>0</v>
      </c>
      <c r="F30" s="197">
        <v>0</v>
      </c>
      <c r="G30" s="197">
        <v>0</v>
      </c>
      <c r="H30" s="197">
        <v>1</v>
      </c>
      <c r="I30" s="195">
        <v>0</v>
      </c>
      <c r="J30" s="198">
        <v>1</v>
      </c>
      <c r="K30" s="199">
        <v>1</v>
      </c>
      <c r="L30" s="194">
        <v>0</v>
      </c>
      <c r="M30" s="195">
        <v>0</v>
      </c>
      <c r="N30" s="198">
        <v>0</v>
      </c>
      <c r="O30" s="201">
        <v>0</v>
      </c>
      <c r="P30" s="197">
        <v>0</v>
      </c>
      <c r="Q30" s="197">
        <v>1</v>
      </c>
      <c r="R30" s="197">
        <v>1</v>
      </c>
      <c r="S30" s="195">
        <v>1</v>
      </c>
      <c r="T30" s="198">
        <v>3</v>
      </c>
      <c r="U30" s="202">
        <v>3</v>
      </c>
      <c r="V30" s="201">
        <v>0</v>
      </c>
      <c r="W30" s="195">
        <v>0</v>
      </c>
      <c r="X30" s="195">
        <v>0</v>
      </c>
      <c r="Y30" s="196">
        <v>0</v>
      </c>
      <c r="Z30" s="197">
        <v>0</v>
      </c>
      <c r="AA30" s="197">
        <v>0</v>
      </c>
      <c r="AB30" s="197">
        <v>0</v>
      </c>
      <c r="AC30" s="195">
        <v>0</v>
      </c>
      <c r="AD30" s="198">
        <v>0</v>
      </c>
      <c r="AE30" s="199">
        <v>0</v>
      </c>
      <c r="AF30" s="194">
        <v>0</v>
      </c>
      <c r="AG30" s="195">
        <v>0</v>
      </c>
      <c r="AH30" s="195">
        <v>0</v>
      </c>
      <c r="AI30" s="196">
        <v>0</v>
      </c>
      <c r="AJ30" s="197">
        <v>0</v>
      </c>
      <c r="AK30" s="197">
        <v>0</v>
      </c>
      <c r="AL30" s="197">
        <v>0</v>
      </c>
      <c r="AM30" s="195">
        <v>0</v>
      </c>
      <c r="AN30" s="198">
        <v>0</v>
      </c>
      <c r="AO30" s="200">
        <v>0</v>
      </c>
      <c r="AP30" s="37"/>
    </row>
    <row r="31" spans="1:42" ht="20.25" customHeight="1" x14ac:dyDescent="0.2">
      <c r="A31" s="62" t="s">
        <v>29</v>
      </c>
      <c r="B31" s="194">
        <v>0</v>
      </c>
      <c r="C31" s="195">
        <v>0</v>
      </c>
      <c r="D31" s="195">
        <v>0</v>
      </c>
      <c r="E31" s="196">
        <v>0</v>
      </c>
      <c r="F31" s="197">
        <v>0</v>
      </c>
      <c r="G31" s="197">
        <v>1</v>
      </c>
      <c r="H31" s="197">
        <v>0</v>
      </c>
      <c r="I31" s="195">
        <v>0</v>
      </c>
      <c r="J31" s="198">
        <v>1</v>
      </c>
      <c r="K31" s="199">
        <v>1</v>
      </c>
      <c r="L31" s="194">
        <v>0</v>
      </c>
      <c r="M31" s="195">
        <v>0</v>
      </c>
      <c r="N31" s="198">
        <v>0</v>
      </c>
      <c r="O31" s="201">
        <v>0</v>
      </c>
      <c r="P31" s="197">
        <v>0</v>
      </c>
      <c r="Q31" s="197">
        <v>2</v>
      </c>
      <c r="R31" s="197">
        <v>1</v>
      </c>
      <c r="S31" s="195">
        <v>0</v>
      </c>
      <c r="T31" s="198">
        <v>3</v>
      </c>
      <c r="U31" s="202">
        <v>3</v>
      </c>
      <c r="V31" s="201">
        <v>0</v>
      </c>
      <c r="W31" s="195">
        <v>0</v>
      </c>
      <c r="X31" s="195">
        <v>0</v>
      </c>
      <c r="Y31" s="196">
        <v>0</v>
      </c>
      <c r="Z31" s="197">
        <v>0</v>
      </c>
      <c r="AA31" s="197">
        <v>0</v>
      </c>
      <c r="AB31" s="197">
        <v>0</v>
      </c>
      <c r="AC31" s="195">
        <v>0</v>
      </c>
      <c r="AD31" s="198">
        <v>0</v>
      </c>
      <c r="AE31" s="199">
        <v>0</v>
      </c>
      <c r="AF31" s="194">
        <v>0</v>
      </c>
      <c r="AG31" s="195">
        <v>0</v>
      </c>
      <c r="AH31" s="195">
        <v>0</v>
      </c>
      <c r="AI31" s="196">
        <v>0</v>
      </c>
      <c r="AJ31" s="197">
        <v>0</v>
      </c>
      <c r="AK31" s="197">
        <v>0</v>
      </c>
      <c r="AL31" s="197">
        <v>0</v>
      </c>
      <c r="AM31" s="195">
        <v>0</v>
      </c>
      <c r="AN31" s="198">
        <v>0</v>
      </c>
      <c r="AO31" s="200">
        <v>0</v>
      </c>
      <c r="AP31" s="37"/>
    </row>
    <row r="32" spans="1:42" ht="20.25" customHeight="1" x14ac:dyDescent="0.2">
      <c r="A32" s="62" t="s">
        <v>30</v>
      </c>
      <c r="B32" s="194">
        <v>0</v>
      </c>
      <c r="C32" s="195">
        <v>0</v>
      </c>
      <c r="D32" s="195">
        <v>0</v>
      </c>
      <c r="E32" s="196">
        <v>0</v>
      </c>
      <c r="F32" s="197">
        <v>0</v>
      </c>
      <c r="G32" s="197">
        <v>1</v>
      </c>
      <c r="H32" s="197">
        <v>0</v>
      </c>
      <c r="I32" s="195">
        <v>0</v>
      </c>
      <c r="J32" s="198">
        <v>1</v>
      </c>
      <c r="K32" s="199">
        <v>1</v>
      </c>
      <c r="L32" s="194">
        <v>0</v>
      </c>
      <c r="M32" s="195">
        <v>0</v>
      </c>
      <c r="N32" s="198">
        <v>0</v>
      </c>
      <c r="O32" s="201">
        <v>0</v>
      </c>
      <c r="P32" s="197">
        <v>0</v>
      </c>
      <c r="Q32" s="197">
        <v>1</v>
      </c>
      <c r="R32" s="197">
        <v>1</v>
      </c>
      <c r="S32" s="195">
        <v>1</v>
      </c>
      <c r="T32" s="198">
        <v>3</v>
      </c>
      <c r="U32" s="202">
        <v>3</v>
      </c>
      <c r="V32" s="201">
        <v>0</v>
      </c>
      <c r="W32" s="195">
        <v>0</v>
      </c>
      <c r="X32" s="195">
        <v>0</v>
      </c>
      <c r="Y32" s="196">
        <v>0</v>
      </c>
      <c r="Z32" s="197">
        <v>0</v>
      </c>
      <c r="AA32" s="197">
        <v>0</v>
      </c>
      <c r="AB32" s="197">
        <v>0</v>
      </c>
      <c r="AC32" s="195">
        <v>0</v>
      </c>
      <c r="AD32" s="198">
        <v>0</v>
      </c>
      <c r="AE32" s="199">
        <v>0</v>
      </c>
      <c r="AF32" s="194">
        <v>0</v>
      </c>
      <c r="AG32" s="195">
        <v>0</v>
      </c>
      <c r="AH32" s="195">
        <v>0</v>
      </c>
      <c r="AI32" s="196">
        <v>0</v>
      </c>
      <c r="AJ32" s="197">
        <v>0</v>
      </c>
      <c r="AK32" s="197">
        <v>0</v>
      </c>
      <c r="AL32" s="197">
        <v>0</v>
      </c>
      <c r="AM32" s="195">
        <v>0</v>
      </c>
      <c r="AN32" s="198">
        <v>0</v>
      </c>
      <c r="AO32" s="200">
        <v>0</v>
      </c>
      <c r="AP32" s="37"/>
    </row>
    <row r="33" spans="1:42" ht="20.25" customHeight="1" x14ac:dyDescent="0.2">
      <c r="A33" s="62" t="s">
        <v>31</v>
      </c>
      <c r="B33" s="194">
        <v>0</v>
      </c>
      <c r="C33" s="195">
        <v>0</v>
      </c>
      <c r="D33" s="195">
        <v>0</v>
      </c>
      <c r="E33" s="196">
        <v>0</v>
      </c>
      <c r="F33" s="197">
        <v>0</v>
      </c>
      <c r="G33" s="197">
        <v>2</v>
      </c>
      <c r="H33" s="197">
        <v>1</v>
      </c>
      <c r="I33" s="195">
        <v>0</v>
      </c>
      <c r="J33" s="198">
        <v>3</v>
      </c>
      <c r="K33" s="199">
        <v>3</v>
      </c>
      <c r="L33" s="194">
        <v>0</v>
      </c>
      <c r="M33" s="195">
        <v>0</v>
      </c>
      <c r="N33" s="198">
        <v>0</v>
      </c>
      <c r="O33" s="201">
        <v>0</v>
      </c>
      <c r="P33" s="197">
        <v>1</v>
      </c>
      <c r="Q33" s="197">
        <v>0</v>
      </c>
      <c r="R33" s="197">
        <v>0</v>
      </c>
      <c r="S33" s="195">
        <v>1</v>
      </c>
      <c r="T33" s="198">
        <v>2</v>
      </c>
      <c r="U33" s="202">
        <v>2</v>
      </c>
      <c r="V33" s="201">
        <v>0</v>
      </c>
      <c r="W33" s="195">
        <v>0</v>
      </c>
      <c r="X33" s="195">
        <v>0</v>
      </c>
      <c r="Y33" s="196">
        <v>0</v>
      </c>
      <c r="Z33" s="197">
        <v>0</v>
      </c>
      <c r="AA33" s="197">
        <v>0</v>
      </c>
      <c r="AB33" s="197">
        <v>0</v>
      </c>
      <c r="AC33" s="195">
        <v>0</v>
      </c>
      <c r="AD33" s="198">
        <v>0</v>
      </c>
      <c r="AE33" s="199">
        <v>0</v>
      </c>
      <c r="AF33" s="194">
        <v>0</v>
      </c>
      <c r="AG33" s="195">
        <v>0</v>
      </c>
      <c r="AH33" s="195">
        <v>0</v>
      </c>
      <c r="AI33" s="196">
        <v>0</v>
      </c>
      <c r="AJ33" s="197">
        <v>0</v>
      </c>
      <c r="AK33" s="197">
        <v>0</v>
      </c>
      <c r="AL33" s="197">
        <v>0</v>
      </c>
      <c r="AM33" s="195">
        <v>0</v>
      </c>
      <c r="AN33" s="198">
        <v>0</v>
      </c>
      <c r="AO33" s="200">
        <v>0</v>
      </c>
      <c r="AP33" s="37"/>
    </row>
    <row r="34" spans="1:42" ht="20.25" customHeight="1" x14ac:dyDescent="0.2">
      <c r="A34" s="62" t="s">
        <v>32</v>
      </c>
      <c r="B34" s="194">
        <v>0</v>
      </c>
      <c r="C34" s="195">
        <v>0</v>
      </c>
      <c r="D34" s="195">
        <v>0</v>
      </c>
      <c r="E34" s="196">
        <v>0</v>
      </c>
      <c r="F34" s="197">
        <v>0</v>
      </c>
      <c r="G34" s="197">
        <v>0</v>
      </c>
      <c r="H34" s="197">
        <v>0</v>
      </c>
      <c r="I34" s="195">
        <v>1</v>
      </c>
      <c r="J34" s="198">
        <v>1</v>
      </c>
      <c r="K34" s="199">
        <v>1</v>
      </c>
      <c r="L34" s="194">
        <v>0</v>
      </c>
      <c r="M34" s="195">
        <v>0</v>
      </c>
      <c r="N34" s="198">
        <v>0</v>
      </c>
      <c r="O34" s="201">
        <v>0</v>
      </c>
      <c r="P34" s="197">
        <v>0</v>
      </c>
      <c r="Q34" s="197">
        <v>0</v>
      </c>
      <c r="R34" s="197">
        <v>0</v>
      </c>
      <c r="S34" s="195">
        <v>0</v>
      </c>
      <c r="T34" s="198">
        <v>0</v>
      </c>
      <c r="U34" s="202">
        <v>0</v>
      </c>
      <c r="V34" s="201">
        <v>0</v>
      </c>
      <c r="W34" s="195">
        <v>0</v>
      </c>
      <c r="X34" s="195">
        <v>0</v>
      </c>
      <c r="Y34" s="196">
        <v>0</v>
      </c>
      <c r="Z34" s="197">
        <v>0</v>
      </c>
      <c r="AA34" s="197">
        <v>0</v>
      </c>
      <c r="AB34" s="197">
        <v>0</v>
      </c>
      <c r="AC34" s="195">
        <v>0</v>
      </c>
      <c r="AD34" s="198">
        <v>0</v>
      </c>
      <c r="AE34" s="199">
        <v>0</v>
      </c>
      <c r="AF34" s="194">
        <v>0</v>
      </c>
      <c r="AG34" s="195">
        <v>0</v>
      </c>
      <c r="AH34" s="195">
        <v>0</v>
      </c>
      <c r="AI34" s="196">
        <v>0</v>
      </c>
      <c r="AJ34" s="197">
        <v>0</v>
      </c>
      <c r="AK34" s="197">
        <v>0</v>
      </c>
      <c r="AL34" s="197">
        <v>0</v>
      </c>
      <c r="AM34" s="195">
        <v>0</v>
      </c>
      <c r="AN34" s="198">
        <v>0</v>
      </c>
      <c r="AO34" s="200">
        <v>0</v>
      </c>
      <c r="AP34" s="37"/>
    </row>
    <row r="35" spans="1:42" ht="20.25" customHeight="1" x14ac:dyDescent="0.2">
      <c r="A35" s="62" t="s">
        <v>33</v>
      </c>
      <c r="B35" s="194">
        <v>0</v>
      </c>
      <c r="C35" s="195">
        <v>0</v>
      </c>
      <c r="D35" s="195">
        <v>0</v>
      </c>
      <c r="E35" s="196">
        <v>0</v>
      </c>
      <c r="F35" s="197">
        <v>0</v>
      </c>
      <c r="G35" s="197">
        <v>0</v>
      </c>
      <c r="H35" s="197">
        <v>1</v>
      </c>
      <c r="I35" s="195">
        <v>0</v>
      </c>
      <c r="J35" s="198">
        <v>1</v>
      </c>
      <c r="K35" s="199">
        <v>1</v>
      </c>
      <c r="L35" s="194">
        <v>0</v>
      </c>
      <c r="M35" s="195">
        <v>0</v>
      </c>
      <c r="N35" s="198">
        <v>0</v>
      </c>
      <c r="O35" s="201">
        <v>0</v>
      </c>
      <c r="P35" s="197">
        <v>0</v>
      </c>
      <c r="Q35" s="197">
        <v>0</v>
      </c>
      <c r="R35" s="197">
        <v>0</v>
      </c>
      <c r="S35" s="195">
        <v>0</v>
      </c>
      <c r="T35" s="198">
        <v>0</v>
      </c>
      <c r="U35" s="202">
        <v>0</v>
      </c>
      <c r="V35" s="201">
        <v>0</v>
      </c>
      <c r="W35" s="195">
        <v>0</v>
      </c>
      <c r="X35" s="195">
        <v>0</v>
      </c>
      <c r="Y35" s="196">
        <v>0</v>
      </c>
      <c r="Z35" s="197">
        <v>0</v>
      </c>
      <c r="AA35" s="197">
        <v>0</v>
      </c>
      <c r="AB35" s="197">
        <v>0</v>
      </c>
      <c r="AC35" s="195">
        <v>0</v>
      </c>
      <c r="AD35" s="198">
        <v>0</v>
      </c>
      <c r="AE35" s="199">
        <v>0</v>
      </c>
      <c r="AF35" s="194">
        <v>0</v>
      </c>
      <c r="AG35" s="195">
        <v>0</v>
      </c>
      <c r="AH35" s="195">
        <v>0</v>
      </c>
      <c r="AI35" s="196">
        <v>0</v>
      </c>
      <c r="AJ35" s="197">
        <v>1</v>
      </c>
      <c r="AK35" s="197">
        <v>0</v>
      </c>
      <c r="AL35" s="197">
        <v>0</v>
      </c>
      <c r="AM35" s="195">
        <v>1</v>
      </c>
      <c r="AN35" s="198">
        <v>2</v>
      </c>
      <c r="AO35" s="200">
        <v>2</v>
      </c>
      <c r="AP35" s="37"/>
    </row>
    <row r="36" spans="1:42" ht="20.25" customHeight="1" x14ac:dyDescent="0.2">
      <c r="A36" s="62" t="s">
        <v>34</v>
      </c>
      <c r="B36" s="194">
        <v>0</v>
      </c>
      <c r="C36" s="195">
        <v>0</v>
      </c>
      <c r="D36" s="195">
        <v>0</v>
      </c>
      <c r="E36" s="196">
        <v>0</v>
      </c>
      <c r="F36" s="197">
        <v>0</v>
      </c>
      <c r="G36" s="197">
        <v>0</v>
      </c>
      <c r="H36" s="197">
        <v>0</v>
      </c>
      <c r="I36" s="195">
        <v>0</v>
      </c>
      <c r="J36" s="198">
        <v>0</v>
      </c>
      <c r="K36" s="199">
        <v>0</v>
      </c>
      <c r="L36" s="194">
        <v>0</v>
      </c>
      <c r="M36" s="195">
        <v>0</v>
      </c>
      <c r="N36" s="198">
        <v>0</v>
      </c>
      <c r="O36" s="201">
        <v>0</v>
      </c>
      <c r="P36" s="197">
        <v>0</v>
      </c>
      <c r="Q36" s="197">
        <v>1</v>
      </c>
      <c r="R36" s="197">
        <v>0</v>
      </c>
      <c r="S36" s="195">
        <v>0</v>
      </c>
      <c r="T36" s="198">
        <v>1</v>
      </c>
      <c r="U36" s="202">
        <v>1</v>
      </c>
      <c r="V36" s="201">
        <v>0</v>
      </c>
      <c r="W36" s="195">
        <v>0</v>
      </c>
      <c r="X36" s="195">
        <v>0</v>
      </c>
      <c r="Y36" s="196">
        <v>0</v>
      </c>
      <c r="Z36" s="197">
        <v>0</v>
      </c>
      <c r="AA36" s="197">
        <v>0</v>
      </c>
      <c r="AB36" s="197">
        <v>0</v>
      </c>
      <c r="AC36" s="195">
        <v>0</v>
      </c>
      <c r="AD36" s="198">
        <v>0</v>
      </c>
      <c r="AE36" s="199">
        <v>0</v>
      </c>
      <c r="AF36" s="194">
        <v>0</v>
      </c>
      <c r="AG36" s="195">
        <v>0</v>
      </c>
      <c r="AH36" s="195">
        <v>0</v>
      </c>
      <c r="AI36" s="196">
        <v>0</v>
      </c>
      <c r="AJ36" s="197">
        <v>0</v>
      </c>
      <c r="AK36" s="197">
        <v>0</v>
      </c>
      <c r="AL36" s="197">
        <v>0</v>
      </c>
      <c r="AM36" s="195">
        <v>0</v>
      </c>
      <c r="AN36" s="198">
        <v>0</v>
      </c>
      <c r="AO36" s="200">
        <v>0</v>
      </c>
      <c r="AP36" s="37"/>
    </row>
    <row r="37" spans="1:42" ht="20.25" customHeight="1" x14ac:dyDescent="0.2">
      <c r="A37" s="62" t="s">
        <v>35</v>
      </c>
      <c r="B37" s="194">
        <v>0</v>
      </c>
      <c r="C37" s="195">
        <v>0</v>
      </c>
      <c r="D37" s="195">
        <v>0</v>
      </c>
      <c r="E37" s="196">
        <v>0</v>
      </c>
      <c r="F37" s="197">
        <v>0</v>
      </c>
      <c r="G37" s="197">
        <v>1</v>
      </c>
      <c r="H37" s="197">
        <v>2</v>
      </c>
      <c r="I37" s="195">
        <v>0</v>
      </c>
      <c r="J37" s="198">
        <v>3</v>
      </c>
      <c r="K37" s="199">
        <v>3</v>
      </c>
      <c r="L37" s="194">
        <v>0</v>
      </c>
      <c r="M37" s="195">
        <v>0</v>
      </c>
      <c r="N37" s="198">
        <v>0</v>
      </c>
      <c r="O37" s="201">
        <v>0</v>
      </c>
      <c r="P37" s="197">
        <v>0</v>
      </c>
      <c r="Q37" s="197">
        <v>1</v>
      </c>
      <c r="R37" s="197">
        <v>0</v>
      </c>
      <c r="S37" s="195">
        <v>0</v>
      </c>
      <c r="T37" s="198">
        <v>1</v>
      </c>
      <c r="U37" s="202">
        <v>1</v>
      </c>
      <c r="V37" s="201">
        <v>0</v>
      </c>
      <c r="W37" s="195">
        <v>0</v>
      </c>
      <c r="X37" s="195">
        <v>0</v>
      </c>
      <c r="Y37" s="196">
        <v>0</v>
      </c>
      <c r="Z37" s="197">
        <v>0</v>
      </c>
      <c r="AA37" s="197">
        <v>0</v>
      </c>
      <c r="AB37" s="197">
        <v>0</v>
      </c>
      <c r="AC37" s="195">
        <v>0</v>
      </c>
      <c r="AD37" s="198">
        <v>0</v>
      </c>
      <c r="AE37" s="199">
        <v>0</v>
      </c>
      <c r="AF37" s="194">
        <v>0</v>
      </c>
      <c r="AG37" s="195">
        <v>0</v>
      </c>
      <c r="AH37" s="195">
        <v>0</v>
      </c>
      <c r="AI37" s="196">
        <v>0</v>
      </c>
      <c r="AJ37" s="197">
        <v>0</v>
      </c>
      <c r="AK37" s="197">
        <v>0</v>
      </c>
      <c r="AL37" s="197">
        <v>0</v>
      </c>
      <c r="AM37" s="195">
        <v>0</v>
      </c>
      <c r="AN37" s="198">
        <v>0</v>
      </c>
      <c r="AO37" s="200">
        <v>0</v>
      </c>
      <c r="AP37" s="37"/>
    </row>
    <row r="38" spans="1:42" ht="20.25" customHeight="1" x14ac:dyDescent="0.2">
      <c r="A38" s="62" t="s">
        <v>36</v>
      </c>
      <c r="B38" s="194">
        <v>0</v>
      </c>
      <c r="C38" s="195">
        <v>0</v>
      </c>
      <c r="D38" s="195">
        <v>0</v>
      </c>
      <c r="E38" s="196">
        <v>0</v>
      </c>
      <c r="F38" s="197">
        <v>0</v>
      </c>
      <c r="G38" s="197">
        <v>0</v>
      </c>
      <c r="H38" s="197">
        <v>2</v>
      </c>
      <c r="I38" s="195">
        <v>2</v>
      </c>
      <c r="J38" s="198">
        <v>4</v>
      </c>
      <c r="K38" s="199">
        <v>4</v>
      </c>
      <c r="L38" s="194">
        <v>0</v>
      </c>
      <c r="M38" s="195">
        <v>0</v>
      </c>
      <c r="N38" s="198">
        <v>0</v>
      </c>
      <c r="O38" s="201">
        <v>1</v>
      </c>
      <c r="P38" s="197">
        <v>0</v>
      </c>
      <c r="Q38" s="197">
        <v>1</v>
      </c>
      <c r="R38" s="197">
        <v>1</v>
      </c>
      <c r="S38" s="195">
        <v>0</v>
      </c>
      <c r="T38" s="198">
        <v>3</v>
      </c>
      <c r="U38" s="202">
        <v>3</v>
      </c>
      <c r="V38" s="201">
        <v>0</v>
      </c>
      <c r="W38" s="195">
        <v>0</v>
      </c>
      <c r="X38" s="195">
        <v>0</v>
      </c>
      <c r="Y38" s="196">
        <v>0</v>
      </c>
      <c r="Z38" s="197">
        <v>0</v>
      </c>
      <c r="AA38" s="197">
        <v>0</v>
      </c>
      <c r="AB38" s="197">
        <v>0</v>
      </c>
      <c r="AC38" s="195">
        <v>0</v>
      </c>
      <c r="AD38" s="198">
        <v>0</v>
      </c>
      <c r="AE38" s="199">
        <v>0</v>
      </c>
      <c r="AF38" s="194">
        <v>0</v>
      </c>
      <c r="AG38" s="195">
        <v>0</v>
      </c>
      <c r="AH38" s="195">
        <v>0</v>
      </c>
      <c r="AI38" s="196">
        <v>0</v>
      </c>
      <c r="AJ38" s="197">
        <v>0</v>
      </c>
      <c r="AK38" s="197">
        <v>0</v>
      </c>
      <c r="AL38" s="197">
        <v>0</v>
      </c>
      <c r="AM38" s="195">
        <v>0</v>
      </c>
      <c r="AN38" s="198">
        <v>0</v>
      </c>
      <c r="AO38" s="200">
        <v>0</v>
      </c>
      <c r="AP38" s="37"/>
    </row>
    <row r="39" spans="1:42" ht="20.25" customHeight="1" thickBot="1" x14ac:dyDescent="0.25">
      <c r="A39" s="63" t="s">
        <v>37</v>
      </c>
      <c r="B39" s="203">
        <v>0</v>
      </c>
      <c r="C39" s="204">
        <v>0</v>
      </c>
      <c r="D39" s="204">
        <v>0</v>
      </c>
      <c r="E39" s="205">
        <v>0</v>
      </c>
      <c r="F39" s="206">
        <v>0</v>
      </c>
      <c r="G39" s="206">
        <v>0</v>
      </c>
      <c r="H39" s="206">
        <v>0</v>
      </c>
      <c r="I39" s="204">
        <v>0</v>
      </c>
      <c r="J39" s="207">
        <v>0</v>
      </c>
      <c r="K39" s="208">
        <v>0</v>
      </c>
      <c r="L39" s="203">
        <v>0</v>
      </c>
      <c r="M39" s="204">
        <v>0</v>
      </c>
      <c r="N39" s="207">
        <v>0</v>
      </c>
      <c r="O39" s="210">
        <v>0</v>
      </c>
      <c r="P39" s="206">
        <v>0</v>
      </c>
      <c r="Q39" s="206">
        <v>0</v>
      </c>
      <c r="R39" s="206">
        <v>0</v>
      </c>
      <c r="S39" s="204">
        <v>0</v>
      </c>
      <c r="T39" s="207">
        <v>0</v>
      </c>
      <c r="U39" s="211">
        <v>0</v>
      </c>
      <c r="V39" s="210">
        <v>0</v>
      </c>
      <c r="W39" s="204">
        <v>0</v>
      </c>
      <c r="X39" s="204">
        <v>0</v>
      </c>
      <c r="Y39" s="205">
        <v>0</v>
      </c>
      <c r="Z39" s="206">
        <v>0</v>
      </c>
      <c r="AA39" s="206">
        <v>0</v>
      </c>
      <c r="AB39" s="206">
        <v>0</v>
      </c>
      <c r="AC39" s="204">
        <v>0</v>
      </c>
      <c r="AD39" s="207">
        <v>0</v>
      </c>
      <c r="AE39" s="208">
        <v>0</v>
      </c>
      <c r="AF39" s="203">
        <v>0</v>
      </c>
      <c r="AG39" s="204">
        <v>0</v>
      </c>
      <c r="AH39" s="204">
        <v>0</v>
      </c>
      <c r="AI39" s="205">
        <v>0</v>
      </c>
      <c r="AJ39" s="206">
        <v>0</v>
      </c>
      <c r="AK39" s="206">
        <v>0</v>
      </c>
      <c r="AL39" s="206">
        <v>0</v>
      </c>
      <c r="AM39" s="204">
        <v>1</v>
      </c>
      <c r="AN39" s="207">
        <v>1</v>
      </c>
      <c r="AO39" s="209">
        <v>1</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F1:G1"/>
    <mergeCell ref="AF4:AH4"/>
    <mergeCell ref="AI4:AN4"/>
    <mergeCell ref="AO4:AO5"/>
    <mergeCell ref="A3:A4"/>
    <mergeCell ref="B3:K3"/>
    <mergeCell ref="L3:U3"/>
    <mergeCell ref="V3:AE3"/>
    <mergeCell ref="AF3:AO3"/>
    <mergeCell ref="B4:D4"/>
    <mergeCell ref="E4:J4"/>
    <mergeCell ref="K4:K5"/>
    <mergeCell ref="L4:N4"/>
    <mergeCell ref="O4:T4"/>
    <mergeCell ref="U4:U5"/>
    <mergeCell ref="V4:X4"/>
    <mergeCell ref="Y4:AD4"/>
    <mergeCell ref="AE4:AE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1" max="1048575" man="1"/>
    <brk id="21"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1" customWidth="1"/>
    <col min="2" max="2" width="8.21875" style="1" customWidth="1"/>
    <col min="3" max="4" width="10" style="1" customWidth="1"/>
    <col min="5" max="5" width="7" style="1" customWidth="1"/>
    <col min="6" max="12" width="10.33203125" style="1" customWidth="1"/>
    <col min="13" max="15" width="8.88671875" style="1" customWidth="1"/>
    <col min="16" max="16" width="7.6640625" style="1" customWidth="1"/>
    <col min="17" max="23" width="10.6640625" style="1" customWidth="1"/>
    <col min="24" max="26" width="8.88671875" style="1" customWidth="1"/>
    <col min="27" max="27" width="7.6640625" style="1" customWidth="1"/>
    <col min="28" max="28" width="8.88671875" style="1" customWidth="1"/>
    <col min="29" max="29" width="10.44140625" style="1" customWidth="1"/>
    <col min="30" max="32" width="8.88671875" style="1" customWidth="1"/>
    <col min="33" max="34" width="10" style="1" customWidth="1"/>
    <col min="35" max="37" width="8.88671875" style="1" customWidth="1"/>
    <col min="38" max="38" width="7.77734375" style="1" customWidth="1"/>
    <col min="39" max="48" width="8.88671875" style="1" customWidth="1"/>
    <col min="49" max="49" width="7.77734375" style="1" customWidth="1"/>
    <col min="50" max="54" width="8.88671875" style="1" customWidth="1"/>
    <col min="55" max="56" width="10.33203125" style="1" customWidth="1"/>
    <col min="57" max="59" width="8.88671875" style="1" customWidth="1"/>
    <col min="60" max="60" width="8" style="1" customWidth="1"/>
    <col min="61" max="70" width="8.88671875" style="1" customWidth="1"/>
    <col min="71" max="71" width="7.44140625" style="1" customWidth="1"/>
    <col min="72" max="76" width="8.88671875" style="1" customWidth="1"/>
    <col min="77" max="77" width="11.77734375" style="1" customWidth="1"/>
    <col min="78" max="78" width="12" style="1" customWidth="1"/>
    <col min="79" max="81" width="8.88671875" style="39" customWidth="1"/>
    <col min="82" max="82" width="7.77734375" style="39" customWidth="1"/>
    <col min="83" max="89" width="9" style="39" customWidth="1"/>
    <col min="90" max="92" width="8.88671875" style="1" customWidth="1"/>
    <col min="93" max="93" width="7.44140625" style="1" customWidth="1"/>
    <col min="94" max="96" width="10.109375" style="1" customWidth="1"/>
    <col min="97" max="98" width="8.88671875" style="1" customWidth="1"/>
    <col min="99" max="100" width="10.21875" style="1" customWidth="1"/>
    <col min="101" max="103" width="8.88671875" style="1" customWidth="1"/>
    <col min="104" max="104" width="7.33203125" style="1" customWidth="1"/>
    <col min="105" max="109" width="8.88671875" style="1" customWidth="1"/>
    <col min="110" max="111" width="9.21875" style="1" customWidth="1"/>
    <col min="112" max="114" width="8.88671875" style="39" customWidth="1"/>
    <col min="115" max="115" width="7.33203125" style="39" customWidth="1"/>
    <col min="116" max="120" width="8.88671875" style="39" customWidth="1"/>
    <col min="121" max="122" width="9.6640625" style="39" customWidth="1"/>
    <col min="123" max="125" width="8.88671875" style="1" customWidth="1"/>
    <col min="126" max="126" width="7.77734375" style="1" customWidth="1"/>
    <col min="127" max="131" width="8.88671875" style="1" customWidth="1"/>
    <col min="132" max="133" width="9.33203125" style="1" customWidth="1"/>
    <col min="134" max="136" width="8.88671875" style="1" customWidth="1"/>
    <col min="137" max="137" width="7.44140625" style="1" customWidth="1"/>
    <col min="138" max="147" width="8.88671875" style="1" customWidth="1"/>
    <col min="148" max="148" width="7.21875" style="1" customWidth="1"/>
    <col min="149" max="158" width="8.88671875" style="1" customWidth="1"/>
    <col min="159" max="159" width="7.21875" style="1" customWidth="1"/>
    <col min="160" max="166" width="8.88671875" style="1" customWidth="1"/>
    <col min="167" max="169" width="8.88671875" style="39" customWidth="1"/>
    <col min="170" max="170" width="7.33203125" style="39" customWidth="1"/>
    <col min="171" max="175" width="8.88671875" style="39" customWidth="1"/>
    <col min="176" max="177" width="9.6640625" style="39" customWidth="1"/>
    <col min="178" max="180" width="8.88671875" style="1" customWidth="1"/>
    <col min="181" max="181" width="7.21875" style="1" customWidth="1"/>
    <col min="182" max="186" width="8.88671875" style="1" customWidth="1"/>
    <col min="187" max="188" width="9.44140625" style="1" customWidth="1"/>
    <col min="189" max="191" width="8.88671875" style="1" customWidth="1"/>
    <col min="192" max="192" width="7.77734375" style="1" customWidth="1"/>
    <col min="193" max="202" width="8.88671875" style="1" customWidth="1"/>
    <col min="203" max="203" width="7.44140625" style="1" customWidth="1"/>
    <col min="204" max="213" width="8.88671875" style="1" customWidth="1"/>
    <col min="214" max="214" width="7.33203125" style="1" customWidth="1"/>
    <col min="215" max="217" width="8.88671875" style="1" customWidth="1"/>
    <col min="218" max="218" width="10.44140625" style="1" customWidth="1"/>
    <col min="219" max="219" width="8.88671875" style="1" customWidth="1"/>
    <col min="220" max="221" width="9.6640625" style="1" customWidth="1"/>
    <col min="222" max="224" width="8.88671875" style="1" customWidth="1"/>
    <col min="225" max="225" width="7.6640625" style="1" customWidth="1"/>
    <col min="226" max="230" width="8.88671875" style="1" customWidth="1"/>
    <col min="231" max="232" width="10" style="1"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8.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1"/>
  </cols>
  <sheetData>
    <row r="1" spans="1:408" ht="21" customHeight="1" x14ac:dyDescent="0.2">
      <c r="A1" s="20" t="s">
        <v>146</v>
      </c>
      <c r="F1" s="368">
        <f>第１表!F2</f>
        <v>4</v>
      </c>
      <c r="G1" s="251">
        <f>第１表!G2</f>
        <v>5</v>
      </c>
      <c r="H1" s="611">
        <f>IF(G1&lt;3,G1-2+12,G1-2)</f>
        <v>3</v>
      </c>
      <c r="I1" s="611"/>
      <c r="IA1" s="368"/>
      <c r="IB1" s="253"/>
      <c r="IC1" s="611"/>
      <c r="ID1" s="611"/>
    </row>
    <row r="2" spans="1:408" s="44" customFormat="1" ht="16.5" customHeight="1" x14ac:dyDescent="0.2">
      <c r="A2" s="20" t="s">
        <v>147</v>
      </c>
      <c r="D2" s="250"/>
      <c r="E2" s="251"/>
      <c r="F2" s="646"/>
      <c r="G2" s="646"/>
      <c r="CA2" s="325"/>
      <c r="CB2" s="325"/>
      <c r="CC2" s="325"/>
      <c r="CD2" s="325"/>
      <c r="CE2" s="325"/>
      <c r="CF2" s="325"/>
      <c r="CG2" s="325"/>
      <c r="CH2" s="325"/>
      <c r="CI2" s="325"/>
      <c r="CJ2" s="325"/>
      <c r="CK2" s="325"/>
      <c r="DH2" s="325"/>
      <c r="DI2" s="325"/>
      <c r="DJ2" s="325"/>
      <c r="DK2" s="325"/>
      <c r="DL2" s="325"/>
      <c r="DM2" s="325"/>
      <c r="DN2" s="325"/>
      <c r="DO2" s="325"/>
      <c r="DP2" s="325"/>
      <c r="DQ2" s="325"/>
      <c r="DR2" s="325"/>
      <c r="FK2" s="325"/>
      <c r="FL2" s="325"/>
      <c r="FM2" s="325"/>
      <c r="FN2" s="325"/>
      <c r="FO2" s="325"/>
      <c r="FP2" s="325"/>
      <c r="FQ2" s="325"/>
      <c r="FR2" s="325"/>
      <c r="FS2" s="325"/>
      <c r="FT2" s="325"/>
      <c r="FU2" s="325"/>
      <c r="HY2" s="39"/>
      <c r="HZ2" s="39"/>
      <c r="IA2" s="252"/>
      <c r="IB2" s="253"/>
      <c r="IC2" s="371"/>
      <c r="ID2" s="371"/>
      <c r="IE2" s="39"/>
      <c r="IF2" s="39"/>
      <c r="IG2" s="39"/>
      <c r="IH2" s="39"/>
      <c r="II2" s="39"/>
      <c r="IJ2" s="1"/>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39"/>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1"/>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row>
    <row r="3" spans="1:408" s="44" customFormat="1" ht="18.75" customHeight="1" thickBot="1" x14ac:dyDescent="0.25">
      <c r="A3" s="20" t="s">
        <v>148</v>
      </c>
      <c r="CA3" s="325"/>
      <c r="CB3" s="325"/>
      <c r="CC3" s="325"/>
      <c r="CD3" s="325"/>
      <c r="CE3" s="325"/>
      <c r="CF3" s="325"/>
      <c r="CG3" s="325"/>
      <c r="CH3" s="325"/>
      <c r="CI3" s="325"/>
      <c r="CJ3" s="325"/>
      <c r="CK3" s="325"/>
      <c r="DH3" s="325"/>
      <c r="DI3" s="325"/>
      <c r="DJ3" s="325"/>
      <c r="DK3" s="325"/>
      <c r="DL3" s="325"/>
      <c r="DM3" s="325"/>
      <c r="DN3" s="325"/>
      <c r="DO3" s="325"/>
      <c r="DP3" s="325"/>
      <c r="DQ3" s="325"/>
      <c r="DR3" s="325"/>
      <c r="FK3" s="325"/>
      <c r="FL3" s="325"/>
      <c r="FM3" s="325"/>
      <c r="FN3" s="325"/>
      <c r="FO3" s="325"/>
      <c r="FP3" s="325"/>
      <c r="FQ3" s="325"/>
      <c r="FR3" s="325"/>
      <c r="FS3" s="325"/>
      <c r="FT3" s="325"/>
      <c r="FU3" s="325"/>
      <c r="HY3" s="39"/>
      <c r="HZ3" s="39"/>
      <c r="IA3" s="39"/>
      <c r="IB3" s="39"/>
      <c r="IC3" s="39"/>
      <c r="ID3" s="39"/>
      <c r="IE3" s="39"/>
      <c r="IF3" s="39"/>
      <c r="IG3" s="39"/>
      <c r="IH3" s="39"/>
      <c r="II3" s="39"/>
      <c r="IJ3" s="1"/>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39"/>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1"/>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row>
    <row r="4" spans="1:408" ht="18" customHeight="1" thickBot="1" x14ac:dyDescent="0.25">
      <c r="A4" s="622" t="s">
        <v>42</v>
      </c>
      <c r="B4" s="625" t="s">
        <v>63</v>
      </c>
      <c r="C4" s="625"/>
      <c r="D4" s="625"/>
      <c r="E4" s="625"/>
      <c r="F4" s="625"/>
      <c r="G4" s="625"/>
      <c r="H4" s="625"/>
      <c r="I4" s="625"/>
      <c r="J4" s="625"/>
      <c r="K4" s="625"/>
      <c r="L4" s="625"/>
      <c r="M4" s="577"/>
      <c r="N4" s="577"/>
      <c r="O4" s="577"/>
      <c r="P4" s="577"/>
      <c r="Q4" s="577"/>
      <c r="R4" s="577"/>
      <c r="S4" s="577"/>
      <c r="T4" s="577"/>
      <c r="U4" s="577"/>
      <c r="V4" s="577"/>
      <c r="W4" s="577"/>
      <c r="X4" s="577"/>
      <c r="Y4" s="577"/>
      <c r="Z4" s="577"/>
      <c r="AA4" s="577"/>
      <c r="AB4" s="577"/>
      <c r="AC4" s="577"/>
      <c r="AD4" s="577"/>
      <c r="AE4" s="577"/>
      <c r="AF4" s="577"/>
      <c r="AG4" s="577"/>
      <c r="AH4" s="577"/>
      <c r="AI4" s="577"/>
      <c r="AJ4" s="577"/>
      <c r="AK4" s="577"/>
      <c r="AL4" s="577"/>
      <c r="AM4" s="577"/>
      <c r="AN4" s="577"/>
      <c r="AO4" s="577"/>
      <c r="AP4" s="577"/>
      <c r="AQ4" s="577"/>
      <c r="AR4" s="577"/>
      <c r="AS4" s="577"/>
      <c r="AT4" s="577"/>
      <c r="AU4" s="577"/>
      <c r="AV4" s="577"/>
      <c r="AW4" s="577"/>
      <c r="AX4" s="577"/>
      <c r="AY4" s="577"/>
      <c r="AZ4" s="577"/>
      <c r="BA4" s="577"/>
      <c r="BB4" s="577"/>
      <c r="BC4" s="577"/>
      <c r="BD4" s="577"/>
      <c r="BE4" s="577"/>
      <c r="BF4" s="577"/>
      <c r="BG4" s="577"/>
      <c r="BH4" s="577"/>
      <c r="BI4" s="577"/>
      <c r="BJ4" s="577"/>
      <c r="BK4" s="577"/>
      <c r="BL4" s="577"/>
      <c r="BM4" s="577"/>
      <c r="BN4" s="577"/>
      <c r="BO4" s="577"/>
      <c r="BP4" s="577"/>
      <c r="BQ4" s="577"/>
      <c r="BR4" s="577"/>
      <c r="BS4" s="577"/>
      <c r="BT4" s="577"/>
      <c r="BU4" s="577"/>
      <c r="BV4" s="577"/>
      <c r="BW4" s="577"/>
      <c r="BX4" s="577"/>
      <c r="BY4" s="577"/>
      <c r="BZ4" s="577"/>
      <c r="CA4" s="577"/>
      <c r="CB4" s="577"/>
      <c r="CC4" s="577"/>
      <c r="CD4" s="577"/>
      <c r="CE4" s="577"/>
      <c r="CF4" s="577"/>
      <c r="CG4" s="577"/>
      <c r="CH4" s="577"/>
      <c r="CI4" s="577"/>
      <c r="CJ4" s="577"/>
      <c r="CK4" s="577"/>
      <c r="CL4" s="577"/>
      <c r="CM4" s="577"/>
      <c r="CN4" s="577"/>
      <c r="CO4" s="577"/>
      <c r="CP4" s="577"/>
      <c r="CQ4" s="577"/>
      <c r="CR4" s="577"/>
      <c r="CS4" s="577"/>
      <c r="CT4" s="577"/>
      <c r="CU4" s="577"/>
      <c r="CV4" s="577"/>
      <c r="CW4" s="577"/>
      <c r="CX4" s="577"/>
      <c r="CY4" s="577"/>
      <c r="CZ4" s="577"/>
      <c r="DA4" s="577"/>
      <c r="DB4" s="577"/>
      <c r="DC4" s="577"/>
      <c r="DD4" s="577"/>
      <c r="DE4" s="577"/>
      <c r="DF4" s="577"/>
      <c r="DG4" s="577"/>
      <c r="DH4" s="577"/>
      <c r="DI4" s="577"/>
      <c r="DJ4" s="577"/>
      <c r="DK4" s="577"/>
      <c r="DL4" s="577"/>
      <c r="DM4" s="577"/>
      <c r="DN4" s="577"/>
      <c r="DO4" s="577"/>
      <c r="DP4" s="577"/>
      <c r="DQ4" s="577"/>
      <c r="DR4" s="577"/>
      <c r="DS4" s="577"/>
      <c r="DT4" s="577"/>
      <c r="DU4" s="577"/>
      <c r="DV4" s="577"/>
      <c r="DW4" s="577"/>
      <c r="DX4" s="577"/>
      <c r="DY4" s="577"/>
      <c r="DZ4" s="577"/>
      <c r="EA4" s="577"/>
      <c r="EB4" s="577"/>
      <c r="EC4" s="577"/>
      <c r="ED4" s="577"/>
      <c r="EE4" s="577"/>
      <c r="EF4" s="577"/>
      <c r="EG4" s="577"/>
      <c r="EH4" s="577"/>
      <c r="EI4" s="577"/>
      <c r="EJ4" s="577"/>
      <c r="EK4" s="577"/>
      <c r="EL4" s="577"/>
      <c r="EM4" s="577"/>
      <c r="EN4" s="577"/>
      <c r="EO4" s="577"/>
      <c r="EP4" s="577"/>
      <c r="EQ4" s="577"/>
      <c r="ER4" s="577"/>
      <c r="ES4" s="577"/>
      <c r="ET4" s="577"/>
      <c r="EU4" s="577"/>
      <c r="EV4" s="577"/>
      <c r="EW4" s="577"/>
      <c r="EX4" s="577"/>
      <c r="EY4" s="577"/>
      <c r="EZ4" s="577"/>
      <c r="FA4" s="577"/>
      <c r="FB4" s="577"/>
      <c r="FC4" s="577"/>
      <c r="FD4" s="577"/>
      <c r="FE4" s="577"/>
      <c r="FF4" s="577"/>
      <c r="FG4" s="577"/>
      <c r="FH4" s="577"/>
      <c r="FI4" s="577"/>
      <c r="FJ4" s="577"/>
      <c r="FK4" s="577"/>
      <c r="FL4" s="577"/>
      <c r="FM4" s="577"/>
      <c r="FN4" s="577"/>
      <c r="FO4" s="577"/>
      <c r="FP4" s="577"/>
      <c r="FQ4" s="577"/>
      <c r="FR4" s="577"/>
      <c r="FS4" s="577"/>
      <c r="FT4" s="577"/>
      <c r="FU4" s="577"/>
      <c r="FV4" s="577"/>
      <c r="FW4" s="577"/>
      <c r="FX4" s="577"/>
      <c r="FY4" s="577"/>
      <c r="FZ4" s="577"/>
      <c r="GA4" s="577"/>
      <c r="GB4" s="577"/>
      <c r="GC4" s="577"/>
      <c r="GD4" s="577"/>
      <c r="GE4" s="577"/>
      <c r="GF4" s="577"/>
      <c r="GG4" s="577"/>
      <c r="GH4" s="577"/>
      <c r="GI4" s="577"/>
      <c r="GJ4" s="577"/>
      <c r="GK4" s="577"/>
      <c r="GL4" s="577"/>
      <c r="GM4" s="577"/>
      <c r="GN4" s="577"/>
      <c r="GO4" s="577"/>
      <c r="GP4" s="577"/>
      <c r="GQ4" s="577"/>
      <c r="GR4" s="577"/>
      <c r="GS4" s="577"/>
      <c r="GT4" s="577"/>
      <c r="GU4" s="577"/>
      <c r="GV4" s="577"/>
      <c r="GW4" s="577"/>
      <c r="GX4" s="577"/>
      <c r="GY4" s="577"/>
      <c r="GZ4" s="577"/>
      <c r="HA4" s="577"/>
      <c r="HB4" s="577"/>
      <c r="HC4" s="577"/>
      <c r="HD4" s="577"/>
      <c r="HE4" s="577"/>
      <c r="HF4" s="577"/>
      <c r="HG4" s="577"/>
      <c r="HH4" s="577"/>
      <c r="HI4" s="577"/>
      <c r="HJ4" s="577"/>
      <c r="HK4" s="577"/>
      <c r="HL4" s="577"/>
      <c r="HM4" s="577"/>
      <c r="HN4" s="577"/>
      <c r="HO4" s="577"/>
      <c r="HP4" s="577"/>
      <c r="HQ4" s="577"/>
      <c r="HR4" s="577"/>
      <c r="HS4" s="577"/>
      <c r="HT4" s="577"/>
      <c r="HU4" s="577"/>
      <c r="HV4" s="577"/>
      <c r="HW4" s="577"/>
      <c r="HX4" s="578"/>
      <c r="HY4" s="608" t="s">
        <v>85</v>
      </c>
      <c r="HZ4" s="609"/>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10"/>
      <c r="ME4" s="608" t="s">
        <v>86</v>
      </c>
      <c r="MF4" s="609"/>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10"/>
      <c r="OH4" s="599" t="s">
        <v>60</v>
      </c>
      <c r="OI4" s="503"/>
      <c r="OJ4" s="503"/>
      <c r="OK4" s="503"/>
      <c r="OL4" s="503"/>
      <c r="OM4" s="503"/>
      <c r="ON4" s="503"/>
      <c r="OO4" s="503"/>
      <c r="OP4" s="503"/>
      <c r="OQ4" s="503"/>
      <c r="OR4" s="504"/>
    </row>
    <row r="5" spans="1:408" ht="18" customHeight="1" thickBot="1" x14ac:dyDescent="0.25">
      <c r="A5" s="623"/>
      <c r="B5" s="626"/>
      <c r="C5" s="626"/>
      <c r="D5" s="626"/>
      <c r="E5" s="626"/>
      <c r="F5" s="626"/>
      <c r="G5" s="626"/>
      <c r="H5" s="626"/>
      <c r="I5" s="626"/>
      <c r="J5" s="626"/>
      <c r="K5" s="626"/>
      <c r="L5" s="626"/>
      <c r="M5" s="628" t="s">
        <v>64</v>
      </c>
      <c r="N5" s="629"/>
      <c r="O5" s="629"/>
      <c r="P5" s="629"/>
      <c r="Q5" s="629"/>
      <c r="R5" s="629"/>
      <c r="S5" s="629"/>
      <c r="T5" s="629"/>
      <c r="U5" s="629"/>
      <c r="V5" s="629"/>
      <c r="W5" s="629"/>
      <c r="X5" s="629"/>
      <c r="Y5" s="629"/>
      <c r="Z5" s="629"/>
      <c r="AA5" s="629"/>
      <c r="AB5" s="629"/>
      <c r="AC5" s="629"/>
      <c r="AD5" s="629"/>
      <c r="AE5" s="629"/>
      <c r="AF5" s="629"/>
      <c r="AG5" s="629"/>
      <c r="AH5" s="629"/>
      <c r="AI5" s="629"/>
      <c r="AJ5" s="629"/>
      <c r="AK5" s="629"/>
      <c r="AL5" s="629"/>
      <c r="AM5" s="629"/>
      <c r="AN5" s="629"/>
      <c r="AO5" s="629"/>
      <c r="AP5" s="629"/>
      <c r="AQ5" s="629"/>
      <c r="AR5" s="629"/>
      <c r="AS5" s="629"/>
      <c r="AT5" s="629"/>
      <c r="AU5" s="629"/>
      <c r="AV5" s="629"/>
      <c r="AW5" s="629"/>
      <c r="AX5" s="629"/>
      <c r="AY5" s="629"/>
      <c r="AZ5" s="629"/>
      <c r="BA5" s="629"/>
      <c r="BB5" s="629"/>
      <c r="BC5" s="629"/>
      <c r="BD5" s="629"/>
      <c r="BE5" s="629"/>
      <c r="BF5" s="629"/>
      <c r="BG5" s="629"/>
      <c r="BH5" s="629"/>
      <c r="BI5" s="629"/>
      <c r="BJ5" s="629"/>
      <c r="BK5" s="629"/>
      <c r="BL5" s="629"/>
      <c r="BM5" s="629"/>
      <c r="BN5" s="629"/>
      <c r="BO5" s="629"/>
      <c r="BP5" s="629"/>
      <c r="BQ5" s="629"/>
      <c r="BR5" s="629"/>
      <c r="BS5" s="629"/>
      <c r="BT5" s="629"/>
      <c r="BU5" s="629"/>
      <c r="BV5" s="629"/>
      <c r="BW5" s="629"/>
      <c r="BX5" s="629"/>
      <c r="BY5" s="629"/>
      <c r="BZ5" s="630"/>
      <c r="CA5" s="628" t="s">
        <v>65</v>
      </c>
      <c r="CB5" s="629"/>
      <c r="CC5" s="629"/>
      <c r="CD5" s="629"/>
      <c r="CE5" s="629"/>
      <c r="CF5" s="629"/>
      <c r="CG5" s="629"/>
      <c r="CH5" s="629"/>
      <c r="CI5" s="629"/>
      <c r="CJ5" s="629"/>
      <c r="CK5" s="629"/>
      <c r="CL5" s="629"/>
      <c r="CM5" s="629"/>
      <c r="CN5" s="629"/>
      <c r="CO5" s="629"/>
      <c r="CP5" s="629"/>
      <c r="CQ5" s="629"/>
      <c r="CR5" s="629"/>
      <c r="CS5" s="629"/>
      <c r="CT5" s="629"/>
      <c r="CU5" s="629"/>
      <c r="CV5" s="629"/>
      <c r="CW5" s="629"/>
      <c r="CX5" s="629"/>
      <c r="CY5" s="629"/>
      <c r="CZ5" s="629"/>
      <c r="DA5" s="629"/>
      <c r="DB5" s="629"/>
      <c r="DC5" s="629"/>
      <c r="DD5" s="629"/>
      <c r="DE5" s="629"/>
      <c r="DF5" s="629"/>
      <c r="DG5" s="630"/>
      <c r="DH5" s="608" t="s">
        <v>66</v>
      </c>
      <c r="DI5" s="609"/>
      <c r="DJ5" s="609"/>
      <c r="DK5" s="609"/>
      <c r="DL5" s="609"/>
      <c r="DM5" s="609"/>
      <c r="DN5" s="609"/>
      <c r="DO5" s="609"/>
      <c r="DP5" s="609"/>
      <c r="DQ5" s="609"/>
      <c r="DR5" s="609"/>
      <c r="DS5" s="609"/>
      <c r="DT5" s="609"/>
      <c r="DU5" s="609"/>
      <c r="DV5" s="609"/>
      <c r="DW5" s="609"/>
      <c r="DX5" s="609"/>
      <c r="DY5" s="609"/>
      <c r="DZ5" s="609"/>
      <c r="EA5" s="609"/>
      <c r="EB5" s="609"/>
      <c r="EC5" s="609"/>
      <c r="ED5" s="609"/>
      <c r="EE5" s="609"/>
      <c r="EF5" s="609"/>
      <c r="EG5" s="609"/>
      <c r="EH5" s="609"/>
      <c r="EI5" s="609"/>
      <c r="EJ5" s="609"/>
      <c r="EK5" s="609"/>
      <c r="EL5" s="609"/>
      <c r="EM5" s="609"/>
      <c r="EN5" s="609"/>
      <c r="EO5" s="609"/>
      <c r="EP5" s="609"/>
      <c r="EQ5" s="609"/>
      <c r="ER5" s="609"/>
      <c r="ES5" s="609"/>
      <c r="ET5" s="609"/>
      <c r="EU5" s="609"/>
      <c r="EV5" s="609"/>
      <c r="EW5" s="609"/>
      <c r="EX5" s="609"/>
      <c r="EY5" s="609"/>
      <c r="EZ5" s="609"/>
      <c r="FA5" s="609"/>
      <c r="FB5" s="609"/>
      <c r="FC5" s="609"/>
      <c r="FD5" s="609"/>
      <c r="FE5" s="609"/>
      <c r="FF5" s="609"/>
      <c r="FG5" s="609"/>
      <c r="FH5" s="609"/>
      <c r="FI5" s="609"/>
      <c r="FJ5" s="610"/>
      <c r="FK5" s="628" t="s">
        <v>67</v>
      </c>
      <c r="FL5" s="629"/>
      <c r="FM5" s="629"/>
      <c r="FN5" s="629"/>
      <c r="FO5" s="629"/>
      <c r="FP5" s="629"/>
      <c r="FQ5" s="629"/>
      <c r="FR5" s="629"/>
      <c r="FS5" s="629"/>
      <c r="FT5" s="629"/>
      <c r="FU5" s="629"/>
      <c r="FV5" s="629"/>
      <c r="FW5" s="629"/>
      <c r="FX5" s="629"/>
      <c r="FY5" s="629"/>
      <c r="FZ5" s="629"/>
      <c r="GA5" s="629"/>
      <c r="GB5" s="629"/>
      <c r="GC5" s="629"/>
      <c r="GD5" s="629"/>
      <c r="GE5" s="629"/>
      <c r="GF5" s="629"/>
      <c r="GG5" s="629"/>
      <c r="GH5" s="629"/>
      <c r="GI5" s="629"/>
      <c r="GJ5" s="629"/>
      <c r="GK5" s="629"/>
      <c r="GL5" s="629"/>
      <c r="GM5" s="629"/>
      <c r="GN5" s="629"/>
      <c r="GO5" s="629"/>
      <c r="GP5" s="629"/>
      <c r="GQ5" s="629"/>
      <c r="GR5" s="629"/>
      <c r="GS5" s="629"/>
      <c r="GT5" s="629"/>
      <c r="GU5" s="629"/>
      <c r="GV5" s="629"/>
      <c r="GW5" s="629"/>
      <c r="GX5" s="629"/>
      <c r="GY5" s="629"/>
      <c r="GZ5" s="629"/>
      <c r="HA5" s="629"/>
      <c r="HB5" s="630"/>
      <c r="HC5" s="619" t="s">
        <v>68</v>
      </c>
      <c r="HD5" s="620"/>
      <c r="HE5" s="620"/>
      <c r="HF5" s="620"/>
      <c r="HG5" s="620"/>
      <c r="HH5" s="620"/>
      <c r="HI5" s="620"/>
      <c r="HJ5" s="620"/>
      <c r="HK5" s="620"/>
      <c r="HL5" s="620"/>
      <c r="HM5" s="621"/>
      <c r="HN5" s="619" t="s">
        <v>69</v>
      </c>
      <c r="HO5" s="620"/>
      <c r="HP5" s="620"/>
      <c r="HQ5" s="620"/>
      <c r="HR5" s="620"/>
      <c r="HS5" s="620"/>
      <c r="HT5" s="620"/>
      <c r="HU5" s="620"/>
      <c r="HV5" s="620"/>
      <c r="HW5" s="620"/>
      <c r="HX5" s="621"/>
      <c r="HY5" s="659"/>
      <c r="HZ5" s="660"/>
      <c r="IA5" s="660"/>
      <c r="IB5" s="660"/>
      <c r="IC5" s="660"/>
      <c r="ID5" s="660"/>
      <c r="IE5" s="660"/>
      <c r="IF5" s="660"/>
      <c r="IG5" s="660"/>
      <c r="IH5" s="660"/>
      <c r="II5" s="661"/>
      <c r="IJ5" s="599" t="s">
        <v>94</v>
      </c>
      <c r="IK5" s="503"/>
      <c r="IL5" s="503"/>
      <c r="IM5" s="503"/>
      <c r="IN5" s="503"/>
      <c r="IO5" s="503"/>
      <c r="IP5" s="503"/>
      <c r="IQ5" s="503"/>
      <c r="IR5" s="503"/>
      <c r="IS5" s="503"/>
      <c r="IT5" s="504"/>
      <c r="IU5" s="599" t="s">
        <v>88</v>
      </c>
      <c r="IV5" s="503"/>
      <c r="IW5" s="503"/>
      <c r="IX5" s="503"/>
      <c r="IY5" s="503"/>
      <c r="IZ5" s="503"/>
      <c r="JA5" s="503"/>
      <c r="JB5" s="503"/>
      <c r="JC5" s="503"/>
      <c r="JD5" s="503"/>
      <c r="JE5" s="504"/>
      <c r="JF5" s="662" t="s">
        <v>144</v>
      </c>
      <c r="JG5" s="663"/>
      <c r="JH5" s="663"/>
      <c r="JI5" s="663"/>
      <c r="JJ5" s="663"/>
      <c r="JK5" s="663"/>
      <c r="JL5" s="663"/>
      <c r="JM5" s="663"/>
      <c r="JN5" s="663"/>
      <c r="JO5" s="663"/>
      <c r="JP5" s="664"/>
      <c r="JQ5" s="599" t="s">
        <v>90</v>
      </c>
      <c r="JR5" s="503"/>
      <c r="JS5" s="503"/>
      <c r="JT5" s="503"/>
      <c r="JU5" s="503"/>
      <c r="JV5" s="503"/>
      <c r="JW5" s="503"/>
      <c r="JX5" s="503"/>
      <c r="JY5" s="503"/>
      <c r="JZ5" s="503"/>
      <c r="KA5" s="504"/>
      <c r="KB5" s="599" t="s">
        <v>89</v>
      </c>
      <c r="KC5" s="503"/>
      <c r="KD5" s="503"/>
      <c r="KE5" s="503"/>
      <c r="KF5" s="503"/>
      <c r="KG5" s="503"/>
      <c r="KH5" s="503"/>
      <c r="KI5" s="503"/>
      <c r="KJ5" s="503"/>
      <c r="KK5" s="503"/>
      <c r="KL5" s="504"/>
      <c r="KM5" s="599" t="s">
        <v>91</v>
      </c>
      <c r="KN5" s="503"/>
      <c r="KO5" s="503"/>
      <c r="KP5" s="503"/>
      <c r="KQ5" s="503"/>
      <c r="KR5" s="503"/>
      <c r="KS5" s="503"/>
      <c r="KT5" s="503"/>
      <c r="KU5" s="503"/>
      <c r="KV5" s="503"/>
      <c r="KW5" s="504"/>
      <c r="KX5" s="599" t="s">
        <v>92</v>
      </c>
      <c r="KY5" s="503"/>
      <c r="KZ5" s="503"/>
      <c r="LA5" s="503"/>
      <c r="LB5" s="503"/>
      <c r="LC5" s="503"/>
      <c r="LD5" s="503"/>
      <c r="LE5" s="503"/>
      <c r="LF5" s="503"/>
      <c r="LG5" s="503"/>
      <c r="LH5" s="504"/>
      <c r="LI5" s="668" t="s">
        <v>93</v>
      </c>
      <c r="LJ5" s="669"/>
      <c r="LK5" s="669"/>
      <c r="LL5" s="669"/>
      <c r="LM5" s="669"/>
      <c r="LN5" s="669"/>
      <c r="LO5" s="669"/>
      <c r="LP5" s="669"/>
      <c r="LQ5" s="669"/>
      <c r="LR5" s="669"/>
      <c r="LS5" s="670"/>
      <c r="LT5" s="671" t="s">
        <v>145</v>
      </c>
      <c r="LU5" s="672"/>
      <c r="LV5" s="672"/>
      <c r="LW5" s="672"/>
      <c r="LX5" s="672"/>
      <c r="LY5" s="672"/>
      <c r="LZ5" s="672"/>
      <c r="MA5" s="672"/>
      <c r="MB5" s="672"/>
      <c r="MC5" s="672"/>
      <c r="MD5" s="673"/>
      <c r="ME5" s="659"/>
      <c r="MF5" s="660"/>
      <c r="MG5" s="660"/>
      <c r="MH5" s="660"/>
      <c r="MI5" s="660"/>
      <c r="MJ5" s="660"/>
      <c r="MK5" s="660"/>
      <c r="ML5" s="660"/>
      <c r="MM5" s="660"/>
      <c r="MN5" s="660"/>
      <c r="MO5" s="661"/>
      <c r="MP5" s="599" t="s">
        <v>57</v>
      </c>
      <c r="MQ5" s="503"/>
      <c r="MR5" s="503"/>
      <c r="MS5" s="503"/>
      <c r="MT5" s="503"/>
      <c r="MU5" s="503"/>
      <c r="MV5" s="503"/>
      <c r="MW5" s="503"/>
      <c r="MX5" s="503"/>
      <c r="MY5" s="503"/>
      <c r="MZ5" s="504"/>
      <c r="NA5" s="599" t="s">
        <v>58</v>
      </c>
      <c r="NB5" s="503"/>
      <c r="NC5" s="503"/>
      <c r="ND5" s="503"/>
      <c r="NE5" s="503"/>
      <c r="NF5" s="503"/>
      <c r="NG5" s="503"/>
      <c r="NH5" s="503"/>
      <c r="NI5" s="503"/>
      <c r="NJ5" s="503"/>
      <c r="NK5" s="504"/>
      <c r="NL5" s="599" t="s">
        <v>59</v>
      </c>
      <c r="NM5" s="503"/>
      <c r="NN5" s="503"/>
      <c r="NO5" s="503"/>
      <c r="NP5" s="503"/>
      <c r="NQ5" s="503"/>
      <c r="NR5" s="503"/>
      <c r="NS5" s="503"/>
      <c r="NT5" s="503"/>
      <c r="NU5" s="503"/>
      <c r="NV5" s="504"/>
      <c r="NW5" s="649" t="s">
        <v>151</v>
      </c>
      <c r="NX5" s="650"/>
      <c r="NY5" s="650"/>
      <c r="NZ5" s="650"/>
      <c r="OA5" s="650"/>
      <c r="OB5" s="650"/>
      <c r="OC5" s="650"/>
      <c r="OD5" s="650"/>
      <c r="OE5" s="650"/>
      <c r="OF5" s="650"/>
      <c r="OG5" s="651"/>
      <c r="OH5" s="656"/>
      <c r="OI5" s="657"/>
      <c r="OJ5" s="657"/>
      <c r="OK5" s="657"/>
      <c r="OL5" s="657"/>
      <c r="OM5" s="657"/>
      <c r="ON5" s="657"/>
      <c r="OO5" s="657"/>
      <c r="OP5" s="657"/>
      <c r="OQ5" s="657"/>
      <c r="OR5" s="658"/>
    </row>
    <row r="6" spans="1:408" ht="18" customHeight="1" thickBot="1" x14ac:dyDescent="0.25">
      <c r="A6" s="623"/>
      <c r="B6" s="627"/>
      <c r="C6" s="627"/>
      <c r="D6" s="627"/>
      <c r="E6" s="627"/>
      <c r="F6" s="627"/>
      <c r="G6" s="627"/>
      <c r="H6" s="627"/>
      <c r="I6" s="627"/>
      <c r="J6" s="627"/>
      <c r="K6" s="627"/>
      <c r="L6" s="627"/>
      <c r="M6" s="600"/>
      <c r="N6" s="593"/>
      <c r="O6" s="593"/>
      <c r="P6" s="593"/>
      <c r="Q6" s="593"/>
      <c r="R6" s="593"/>
      <c r="S6" s="593"/>
      <c r="T6" s="593"/>
      <c r="U6" s="593"/>
      <c r="V6" s="593"/>
      <c r="W6" s="601"/>
      <c r="X6" s="602" t="s">
        <v>70</v>
      </c>
      <c r="Y6" s="603"/>
      <c r="Z6" s="603"/>
      <c r="AA6" s="603"/>
      <c r="AB6" s="603"/>
      <c r="AC6" s="603"/>
      <c r="AD6" s="603"/>
      <c r="AE6" s="603"/>
      <c r="AF6" s="603"/>
      <c r="AG6" s="603"/>
      <c r="AH6" s="604"/>
      <c r="AI6" s="619" t="s">
        <v>71</v>
      </c>
      <c r="AJ6" s="620"/>
      <c r="AK6" s="620"/>
      <c r="AL6" s="620"/>
      <c r="AM6" s="620"/>
      <c r="AN6" s="620"/>
      <c r="AO6" s="620"/>
      <c r="AP6" s="620"/>
      <c r="AQ6" s="620"/>
      <c r="AR6" s="620"/>
      <c r="AS6" s="621"/>
      <c r="AT6" s="615" t="s">
        <v>72</v>
      </c>
      <c r="AU6" s="616"/>
      <c r="AV6" s="616"/>
      <c r="AW6" s="616"/>
      <c r="AX6" s="616"/>
      <c r="AY6" s="616"/>
      <c r="AZ6" s="616"/>
      <c r="BA6" s="616"/>
      <c r="BB6" s="616"/>
      <c r="BC6" s="616"/>
      <c r="BD6" s="617"/>
      <c r="BE6" s="615" t="s">
        <v>73</v>
      </c>
      <c r="BF6" s="616"/>
      <c r="BG6" s="616"/>
      <c r="BH6" s="616"/>
      <c r="BI6" s="616"/>
      <c r="BJ6" s="616"/>
      <c r="BK6" s="616"/>
      <c r="BL6" s="616"/>
      <c r="BM6" s="616"/>
      <c r="BN6" s="616"/>
      <c r="BO6" s="617"/>
      <c r="BP6" s="615" t="s">
        <v>74</v>
      </c>
      <c r="BQ6" s="616"/>
      <c r="BR6" s="616"/>
      <c r="BS6" s="616"/>
      <c r="BT6" s="616"/>
      <c r="BU6" s="616"/>
      <c r="BV6" s="616"/>
      <c r="BW6" s="616"/>
      <c r="BX6" s="616"/>
      <c r="BY6" s="616"/>
      <c r="BZ6" s="617"/>
      <c r="CA6" s="612"/>
      <c r="CB6" s="613"/>
      <c r="CC6" s="613"/>
      <c r="CD6" s="613"/>
      <c r="CE6" s="613"/>
      <c r="CF6" s="613"/>
      <c r="CG6" s="613"/>
      <c r="CH6" s="613"/>
      <c r="CI6" s="613"/>
      <c r="CJ6" s="613"/>
      <c r="CK6" s="614"/>
      <c r="CL6" s="615" t="s">
        <v>75</v>
      </c>
      <c r="CM6" s="616"/>
      <c r="CN6" s="616"/>
      <c r="CO6" s="616"/>
      <c r="CP6" s="616"/>
      <c r="CQ6" s="616"/>
      <c r="CR6" s="616"/>
      <c r="CS6" s="616"/>
      <c r="CT6" s="616"/>
      <c r="CU6" s="616"/>
      <c r="CV6" s="617"/>
      <c r="CW6" s="615" t="s">
        <v>76</v>
      </c>
      <c r="CX6" s="616"/>
      <c r="CY6" s="616"/>
      <c r="CZ6" s="616"/>
      <c r="DA6" s="616"/>
      <c r="DB6" s="616"/>
      <c r="DC6" s="616"/>
      <c r="DD6" s="616"/>
      <c r="DE6" s="616"/>
      <c r="DF6" s="616"/>
      <c r="DG6" s="617"/>
      <c r="DH6" s="612"/>
      <c r="DI6" s="613"/>
      <c r="DJ6" s="613"/>
      <c r="DK6" s="613"/>
      <c r="DL6" s="613"/>
      <c r="DM6" s="613"/>
      <c r="DN6" s="613"/>
      <c r="DO6" s="613"/>
      <c r="DP6" s="613"/>
      <c r="DQ6" s="613"/>
      <c r="DR6" s="613"/>
      <c r="DS6" s="615" t="s">
        <v>77</v>
      </c>
      <c r="DT6" s="616"/>
      <c r="DU6" s="616"/>
      <c r="DV6" s="616"/>
      <c r="DW6" s="616"/>
      <c r="DX6" s="616"/>
      <c r="DY6" s="616"/>
      <c r="DZ6" s="616"/>
      <c r="EA6" s="616"/>
      <c r="EB6" s="616"/>
      <c r="EC6" s="617"/>
      <c r="ED6" s="615" t="s">
        <v>78</v>
      </c>
      <c r="EE6" s="616"/>
      <c r="EF6" s="616"/>
      <c r="EG6" s="616"/>
      <c r="EH6" s="616"/>
      <c r="EI6" s="616"/>
      <c r="EJ6" s="616"/>
      <c r="EK6" s="616"/>
      <c r="EL6" s="616"/>
      <c r="EM6" s="616"/>
      <c r="EN6" s="617"/>
      <c r="EO6" s="615" t="s">
        <v>79</v>
      </c>
      <c r="EP6" s="616"/>
      <c r="EQ6" s="616"/>
      <c r="ER6" s="616"/>
      <c r="ES6" s="616"/>
      <c r="ET6" s="616"/>
      <c r="EU6" s="616"/>
      <c r="EV6" s="616"/>
      <c r="EW6" s="616"/>
      <c r="EX6" s="616"/>
      <c r="EY6" s="617"/>
      <c r="EZ6" s="618" t="s">
        <v>152</v>
      </c>
      <c r="FA6" s="616"/>
      <c r="FB6" s="616"/>
      <c r="FC6" s="616"/>
      <c r="FD6" s="616"/>
      <c r="FE6" s="616"/>
      <c r="FF6" s="616"/>
      <c r="FG6" s="616"/>
      <c r="FH6" s="616"/>
      <c r="FI6" s="616"/>
      <c r="FJ6" s="617"/>
      <c r="FK6" s="612"/>
      <c r="FL6" s="613"/>
      <c r="FM6" s="613"/>
      <c r="FN6" s="613"/>
      <c r="FO6" s="613"/>
      <c r="FP6" s="613"/>
      <c r="FQ6" s="613"/>
      <c r="FR6" s="613"/>
      <c r="FS6" s="613"/>
      <c r="FT6" s="613"/>
      <c r="FU6" s="613"/>
      <c r="FV6" s="615" t="s">
        <v>80</v>
      </c>
      <c r="FW6" s="616"/>
      <c r="FX6" s="616"/>
      <c r="FY6" s="616"/>
      <c r="FZ6" s="616"/>
      <c r="GA6" s="616"/>
      <c r="GB6" s="616"/>
      <c r="GC6" s="616"/>
      <c r="GD6" s="616"/>
      <c r="GE6" s="616"/>
      <c r="GF6" s="617"/>
      <c r="GG6" s="602" t="s">
        <v>81</v>
      </c>
      <c r="GH6" s="603"/>
      <c r="GI6" s="603"/>
      <c r="GJ6" s="603"/>
      <c r="GK6" s="603"/>
      <c r="GL6" s="603"/>
      <c r="GM6" s="603"/>
      <c r="GN6" s="603"/>
      <c r="GO6" s="603"/>
      <c r="GP6" s="603"/>
      <c r="GQ6" s="604"/>
      <c r="GR6" s="602" t="s">
        <v>82</v>
      </c>
      <c r="GS6" s="603"/>
      <c r="GT6" s="603"/>
      <c r="GU6" s="603"/>
      <c r="GV6" s="603"/>
      <c r="GW6" s="603"/>
      <c r="GX6" s="603"/>
      <c r="GY6" s="603"/>
      <c r="GZ6" s="603"/>
      <c r="HA6" s="603"/>
      <c r="HB6" s="604"/>
      <c r="HC6" s="631"/>
      <c r="HD6" s="632"/>
      <c r="HE6" s="632"/>
      <c r="HF6" s="632"/>
      <c r="HG6" s="632"/>
      <c r="HH6" s="632"/>
      <c r="HI6" s="632"/>
      <c r="HJ6" s="632"/>
      <c r="HK6" s="632"/>
      <c r="HL6" s="632"/>
      <c r="HM6" s="633"/>
      <c r="HN6" s="631"/>
      <c r="HO6" s="632"/>
      <c r="HP6" s="632"/>
      <c r="HQ6" s="632"/>
      <c r="HR6" s="632"/>
      <c r="HS6" s="632"/>
      <c r="HT6" s="632"/>
      <c r="HU6" s="632"/>
      <c r="HV6" s="632"/>
      <c r="HW6" s="632"/>
      <c r="HX6" s="633"/>
      <c r="HY6" s="612"/>
      <c r="HZ6" s="613"/>
      <c r="IA6" s="613"/>
      <c r="IB6" s="613"/>
      <c r="IC6" s="613"/>
      <c r="ID6" s="613"/>
      <c r="IE6" s="613"/>
      <c r="IF6" s="613"/>
      <c r="IG6" s="613"/>
      <c r="IH6" s="613"/>
      <c r="II6" s="614"/>
      <c r="IJ6" s="600"/>
      <c r="IK6" s="593"/>
      <c r="IL6" s="593"/>
      <c r="IM6" s="593"/>
      <c r="IN6" s="593"/>
      <c r="IO6" s="593"/>
      <c r="IP6" s="593"/>
      <c r="IQ6" s="593"/>
      <c r="IR6" s="593"/>
      <c r="IS6" s="593"/>
      <c r="IT6" s="601"/>
      <c r="IU6" s="600"/>
      <c r="IV6" s="593"/>
      <c r="IW6" s="593"/>
      <c r="IX6" s="593"/>
      <c r="IY6" s="593"/>
      <c r="IZ6" s="593"/>
      <c r="JA6" s="593"/>
      <c r="JB6" s="593"/>
      <c r="JC6" s="593"/>
      <c r="JD6" s="593"/>
      <c r="JE6" s="601"/>
      <c r="JF6" s="665"/>
      <c r="JG6" s="666"/>
      <c r="JH6" s="666"/>
      <c r="JI6" s="666"/>
      <c r="JJ6" s="666"/>
      <c r="JK6" s="666"/>
      <c r="JL6" s="666"/>
      <c r="JM6" s="666"/>
      <c r="JN6" s="666"/>
      <c r="JO6" s="666"/>
      <c r="JP6" s="667"/>
      <c r="JQ6" s="600"/>
      <c r="JR6" s="593"/>
      <c r="JS6" s="593"/>
      <c r="JT6" s="593"/>
      <c r="JU6" s="593"/>
      <c r="JV6" s="593"/>
      <c r="JW6" s="593"/>
      <c r="JX6" s="593"/>
      <c r="JY6" s="593"/>
      <c r="JZ6" s="593"/>
      <c r="KA6" s="601"/>
      <c r="KB6" s="600"/>
      <c r="KC6" s="593"/>
      <c r="KD6" s="593"/>
      <c r="KE6" s="593"/>
      <c r="KF6" s="593"/>
      <c r="KG6" s="593"/>
      <c r="KH6" s="593"/>
      <c r="KI6" s="593"/>
      <c r="KJ6" s="593"/>
      <c r="KK6" s="593"/>
      <c r="KL6" s="601"/>
      <c r="KM6" s="600"/>
      <c r="KN6" s="593"/>
      <c r="KO6" s="593"/>
      <c r="KP6" s="593"/>
      <c r="KQ6" s="593"/>
      <c r="KR6" s="593"/>
      <c r="KS6" s="593"/>
      <c r="KT6" s="593"/>
      <c r="KU6" s="593"/>
      <c r="KV6" s="593"/>
      <c r="KW6" s="601"/>
      <c r="KX6" s="600"/>
      <c r="KY6" s="593"/>
      <c r="KZ6" s="593"/>
      <c r="LA6" s="593"/>
      <c r="LB6" s="593"/>
      <c r="LC6" s="593"/>
      <c r="LD6" s="593"/>
      <c r="LE6" s="593"/>
      <c r="LF6" s="593"/>
      <c r="LG6" s="593"/>
      <c r="LH6" s="601"/>
      <c r="LI6" s="612"/>
      <c r="LJ6" s="613"/>
      <c r="LK6" s="613"/>
      <c r="LL6" s="613"/>
      <c r="LM6" s="613"/>
      <c r="LN6" s="613"/>
      <c r="LO6" s="613"/>
      <c r="LP6" s="613"/>
      <c r="LQ6" s="613"/>
      <c r="LR6" s="613"/>
      <c r="LS6" s="614"/>
      <c r="LT6" s="674"/>
      <c r="LU6" s="675"/>
      <c r="LV6" s="675"/>
      <c r="LW6" s="675"/>
      <c r="LX6" s="675"/>
      <c r="LY6" s="675"/>
      <c r="LZ6" s="675"/>
      <c r="MA6" s="675"/>
      <c r="MB6" s="675"/>
      <c r="MC6" s="675"/>
      <c r="MD6" s="676"/>
      <c r="ME6" s="612"/>
      <c r="MF6" s="613"/>
      <c r="MG6" s="613"/>
      <c r="MH6" s="613"/>
      <c r="MI6" s="613"/>
      <c r="MJ6" s="613"/>
      <c r="MK6" s="613"/>
      <c r="ML6" s="613"/>
      <c r="MM6" s="613"/>
      <c r="MN6" s="613"/>
      <c r="MO6" s="614"/>
      <c r="MP6" s="600"/>
      <c r="MQ6" s="593"/>
      <c r="MR6" s="593"/>
      <c r="MS6" s="593"/>
      <c r="MT6" s="593"/>
      <c r="MU6" s="593"/>
      <c r="MV6" s="593"/>
      <c r="MW6" s="593"/>
      <c r="MX6" s="593"/>
      <c r="MY6" s="593"/>
      <c r="MZ6" s="601"/>
      <c r="NA6" s="600"/>
      <c r="NB6" s="593"/>
      <c r="NC6" s="593"/>
      <c r="ND6" s="593"/>
      <c r="NE6" s="593"/>
      <c r="NF6" s="593"/>
      <c r="NG6" s="593"/>
      <c r="NH6" s="593"/>
      <c r="NI6" s="593"/>
      <c r="NJ6" s="593"/>
      <c r="NK6" s="601"/>
      <c r="NL6" s="600"/>
      <c r="NM6" s="593"/>
      <c r="NN6" s="593"/>
      <c r="NO6" s="593"/>
      <c r="NP6" s="593"/>
      <c r="NQ6" s="593"/>
      <c r="NR6" s="593"/>
      <c r="NS6" s="593"/>
      <c r="NT6" s="593"/>
      <c r="NU6" s="593"/>
      <c r="NV6" s="601"/>
      <c r="NW6" s="652"/>
      <c r="NX6" s="653"/>
      <c r="NY6" s="653"/>
      <c r="NZ6" s="653"/>
      <c r="OA6" s="653"/>
      <c r="OB6" s="653"/>
      <c r="OC6" s="653"/>
      <c r="OD6" s="653"/>
      <c r="OE6" s="653"/>
      <c r="OF6" s="653"/>
      <c r="OG6" s="654"/>
      <c r="OH6" s="600"/>
      <c r="OI6" s="593"/>
      <c r="OJ6" s="593"/>
      <c r="OK6" s="593"/>
      <c r="OL6" s="593"/>
      <c r="OM6" s="593"/>
      <c r="ON6" s="593"/>
      <c r="OO6" s="593"/>
      <c r="OP6" s="593"/>
      <c r="OQ6" s="593"/>
      <c r="OR6" s="601"/>
    </row>
    <row r="7" spans="1:408" ht="18" customHeight="1" x14ac:dyDescent="0.2">
      <c r="A7" s="623"/>
      <c r="B7" s="585" t="s">
        <v>61</v>
      </c>
      <c r="C7" s="585"/>
      <c r="D7" s="585"/>
      <c r="E7" s="584" t="s">
        <v>62</v>
      </c>
      <c r="F7" s="585"/>
      <c r="G7" s="585"/>
      <c r="H7" s="585"/>
      <c r="I7" s="585"/>
      <c r="J7" s="585"/>
      <c r="K7" s="585"/>
      <c r="L7" s="584" t="s">
        <v>52</v>
      </c>
      <c r="M7" s="637" t="s">
        <v>61</v>
      </c>
      <c r="N7" s="585"/>
      <c r="O7" s="585"/>
      <c r="P7" s="584" t="s">
        <v>62</v>
      </c>
      <c r="Q7" s="585"/>
      <c r="R7" s="585"/>
      <c r="S7" s="585"/>
      <c r="T7" s="585"/>
      <c r="U7" s="585"/>
      <c r="V7" s="586"/>
      <c r="W7" s="634" t="s">
        <v>52</v>
      </c>
      <c r="X7" s="600" t="s">
        <v>61</v>
      </c>
      <c r="Y7" s="593"/>
      <c r="Z7" s="594"/>
      <c r="AA7" s="592" t="s">
        <v>62</v>
      </c>
      <c r="AB7" s="593"/>
      <c r="AC7" s="593"/>
      <c r="AD7" s="593"/>
      <c r="AE7" s="593"/>
      <c r="AF7" s="593"/>
      <c r="AG7" s="594"/>
      <c r="AH7" s="601" t="s">
        <v>52</v>
      </c>
      <c r="AI7" s="581" t="s">
        <v>61</v>
      </c>
      <c r="AJ7" s="582"/>
      <c r="AK7" s="583"/>
      <c r="AL7" s="640" t="s">
        <v>62</v>
      </c>
      <c r="AM7" s="582"/>
      <c r="AN7" s="582"/>
      <c r="AO7" s="582"/>
      <c r="AP7" s="582"/>
      <c r="AQ7" s="582"/>
      <c r="AR7" s="641"/>
      <c r="AS7" s="642" t="s">
        <v>52</v>
      </c>
      <c r="AT7" s="589" t="s">
        <v>61</v>
      </c>
      <c r="AU7" s="590"/>
      <c r="AV7" s="591"/>
      <c r="AW7" s="638" t="s">
        <v>62</v>
      </c>
      <c r="AX7" s="590"/>
      <c r="AY7" s="590"/>
      <c r="AZ7" s="590"/>
      <c r="BA7" s="590"/>
      <c r="BB7" s="590"/>
      <c r="BC7" s="639"/>
      <c r="BD7" s="601" t="s">
        <v>52</v>
      </c>
      <c r="BE7" s="589" t="s">
        <v>61</v>
      </c>
      <c r="BF7" s="590"/>
      <c r="BG7" s="591"/>
      <c r="BH7" s="638" t="s">
        <v>62</v>
      </c>
      <c r="BI7" s="590"/>
      <c r="BJ7" s="590"/>
      <c r="BK7" s="590"/>
      <c r="BL7" s="590"/>
      <c r="BM7" s="590"/>
      <c r="BN7" s="639"/>
      <c r="BO7" s="601" t="s">
        <v>52</v>
      </c>
      <c r="BP7" s="589" t="s">
        <v>61</v>
      </c>
      <c r="BQ7" s="590"/>
      <c r="BR7" s="591"/>
      <c r="BS7" s="638" t="s">
        <v>62</v>
      </c>
      <c r="BT7" s="590"/>
      <c r="BU7" s="590"/>
      <c r="BV7" s="590"/>
      <c r="BW7" s="590"/>
      <c r="BX7" s="590"/>
      <c r="BY7" s="639"/>
      <c r="BZ7" s="601" t="s">
        <v>52</v>
      </c>
      <c r="CA7" s="581" t="s">
        <v>61</v>
      </c>
      <c r="CB7" s="582"/>
      <c r="CC7" s="583"/>
      <c r="CD7" s="640" t="s">
        <v>62</v>
      </c>
      <c r="CE7" s="582"/>
      <c r="CF7" s="582"/>
      <c r="CG7" s="582"/>
      <c r="CH7" s="582"/>
      <c r="CI7" s="582"/>
      <c r="CJ7" s="641"/>
      <c r="CK7" s="634" t="s">
        <v>52</v>
      </c>
      <c r="CL7" s="589" t="s">
        <v>61</v>
      </c>
      <c r="CM7" s="590"/>
      <c r="CN7" s="639"/>
      <c r="CO7" s="638" t="s">
        <v>62</v>
      </c>
      <c r="CP7" s="590"/>
      <c r="CQ7" s="590"/>
      <c r="CR7" s="590"/>
      <c r="CS7" s="590"/>
      <c r="CT7" s="590"/>
      <c r="CU7" s="639"/>
      <c r="CV7" s="647" t="s">
        <v>52</v>
      </c>
      <c r="CW7" s="589" t="s">
        <v>61</v>
      </c>
      <c r="CX7" s="590"/>
      <c r="CY7" s="639"/>
      <c r="CZ7" s="638" t="s">
        <v>62</v>
      </c>
      <c r="DA7" s="590"/>
      <c r="DB7" s="590"/>
      <c r="DC7" s="590"/>
      <c r="DD7" s="590"/>
      <c r="DE7" s="590"/>
      <c r="DF7" s="639"/>
      <c r="DG7" s="647" t="s">
        <v>52</v>
      </c>
      <c r="DH7" s="581" t="s">
        <v>61</v>
      </c>
      <c r="DI7" s="582"/>
      <c r="DJ7" s="641"/>
      <c r="DK7" s="640" t="s">
        <v>62</v>
      </c>
      <c r="DL7" s="582"/>
      <c r="DM7" s="582"/>
      <c r="DN7" s="582"/>
      <c r="DO7" s="582"/>
      <c r="DP7" s="582"/>
      <c r="DQ7" s="641"/>
      <c r="DR7" s="634" t="s">
        <v>52</v>
      </c>
      <c r="DS7" s="589" t="s">
        <v>61</v>
      </c>
      <c r="DT7" s="590"/>
      <c r="DU7" s="591"/>
      <c r="DV7" s="638" t="s">
        <v>62</v>
      </c>
      <c r="DW7" s="590"/>
      <c r="DX7" s="590"/>
      <c r="DY7" s="590"/>
      <c r="DZ7" s="590"/>
      <c r="EA7" s="590"/>
      <c r="EB7" s="639"/>
      <c r="EC7" s="601" t="s">
        <v>52</v>
      </c>
      <c r="ED7" s="589" t="s">
        <v>61</v>
      </c>
      <c r="EE7" s="590"/>
      <c r="EF7" s="591"/>
      <c r="EG7" s="638" t="s">
        <v>62</v>
      </c>
      <c r="EH7" s="590"/>
      <c r="EI7" s="590"/>
      <c r="EJ7" s="590"/>
      <c r="EK7" s="590"/>
      <c r="EL7" s="590"/>
      <c r="EM7" s="639"/>
      <c r="EN7" s="601" t="s">
        <v>52</v>
      </c>
      <c r="EO7" s="589" t="s">
        <v>61</v>
      </c>
      <c r="EP7" s="590"/>
      <c r="EQ7" s="591"/>
      <c r="ER7" s="638" t="s">
        <v>62</v>
      </c>
      <c r="ES7" s="590"/>
      <c r="ET7" s="590"/>
      <c r="EU7" s="590"/>
      <c r="EV7" s="590"/>
      <c r="EW7" s="590"/>
      <c r="EX7" s="639"/>
      <c r="EY7" s="601" t="s">
        <v>52</v>
      </c>
      <c r="EZ7" s="589" t="s">
        <v>61</v>
      </c>
      <c r="FA7" s="590"/>
      <c r="FB7" s="591"/>
      <c r="FC7" s="638" t="s">
        <v>62</v>
      </c>
      <c r="FD7" s="590"/>
      <c r="FE7" s="590"/>
      <c r="FF7" s="590"/>
      <c r="FG7" s="590"/>
      <c r="FH7" s="590"/>
      <c r="FI7" s="639"/>
      <c r="FJ7" s="601" t="s">
        <v>52</v>
      </c>
      <c r="FK7" s="581" t="s">
        <v>61</v>
      </c>
      <c r="FL7" s="582"/>
      <c r="FM7" s="583"/>
      <c r="FN7" s="640" t="s">
        <v>62</v>
      </c>
      <c r="FO7" s="582"/>
      <c r="FP7" s="582"/>
      <c r="FQ7" s="582"/>
      <c r="FR7" s="582"/>
      <c r="FS7" s="582"/>
      <c r="FT7" s="641"/>
      <c r="FU7" s="585" t="s">
        <v>52</v>
      </c>
      <c r="FV7" s="589" t="s">
        <v>61</v>
      </c>
      <c r="FW7" s="590"/>
      <c r="FX7" s="591"/>
      <c r="FY7" s="638" t="s">
        <v>62</v>
      </c>
      <c r="FZ7" s="590"/>
      <c r="GA7" s="590"/>
      <c r="GB7" s="590"/>
      <c r="GC7" s="590"/>
      <c r="GD7" s="590"/>
      <c r="GE7" s="639"/>
      <c r="GF7" s="601" t="s">
        <v>52</v>
      </c>
      <c r="GG7" s="600" t="s">
        <v>61</v>
      </c>
      <c r="GH7" s="593"/>
      <c r="GI7" s="593"/>
      <c r="GJ7" s="592" t="s">
        <v>62</v>
      </c>
      <c r="GK7" s="593"/>
      <c r="GL7" s="593"/>
      <c r="GM7" s="593"/>
      <c r="GN7" s="593"/>
      <c r="GO7" s="593"/>
      <c r="GP7" s="594"/>
      <c r="GQ7" s="643" t="s">
        <v>52</v>
      </c>
      <c r="GR7" s="600" t="s">
        <v>61</v>
      </c>
      <c r="GS7" s="593"/>
      <c r="GT7" s="594"/>
      <c r="GU7" s="592" t="s">
        <v>62</v>
      </c>
      <c r="GV7" s="593"/>
      <c r="GW7" s="593"/>
      <c r="GX7" s="593"/>
      <c r="GY7" s="593"/>
      <c r="GZ7" s="593"/>
      <c r="HA7" s="594"/>
      <c r="HB7" s="643" t="s">
        <v>52</v>
      </c>
      <c r="HC7" s="589" t="s">
        <v>61</v>
      </c>
      <c r="HD7" s="590"/>
      <c r="HE7" s="591"/>
      <c r="HF7" s="638" t="s">
        <v>62</v>
      </c>
      <c r="HG7" s="590"/>
      <c r="HH7" s="590"/>
      <c r="HI7" s="590"/>
      <c r="HJ7" s="590"/>
      <c r="HK7" s="590"/>
      <c r="HL7" s="639"/>
      <c r="HM7" s="601" t="s">
        <v>52</v>
      </c>
      <c r="HN7" s="589" t="s">
        <v>61</v>
      </c>
      <c r="HO7" s="590"/>
      <c r="HP7" s="591"/>
      <c r="HQ7" s="638" t="s">
        <v>62</v>
      </c>
      <c r="HR7" s="590"/>
      <c r="HS7" s="590"/>
      <c r="HT7" s="590"/>
      <c r="HU7" s="590"/>
      <c r="HV7" s="590"/>
      <c r="HW7" s="639"/>
      <c r="HX7" s="601" t="s">
        <v>52</v>
      </c>
      <c r="HY7" s="581" t="s">
        <v>61</v>
      </c>
      <c r="HZ7" s="582"/>
      <c r="IA7" s="583"/>
      <c r="IB7" s="640" t="s">
        <v>62</v>
      </c>
      <c r="IC7" s="582"/>
      <c r="ID7" s="582"/>
      <c r="IE7" s="582"/>
      <c r="IF7" s="582"/>
      <c r="IG7" s="582"/>
      <c r="IH7" s="641"/>
      <c r="II7" s="585" t="s">
        <v>52</v>
      </c>
      <c r="IJ7" s="589" t="s">
        <v>61</v>
      </c>
      <c r="IK7" s="590"/>
      <c r="IL7" s="591"/>
      <c r="IM7" s="638" t="s">
        <v>62</v>
      </c>
      <c r="IN7" s="590"/>
      <c r="IO7" s="590"/>
      <c r="IP7" s="590"/>
      <c r="IQ7" s="590"/>
      <c r="IR7" s="590"/>
      <c r="IS7" s="639"/>
      <c r="IT7" s="601" t="s">
        <v>52</v>
      </c>
      <c r="IU7" s="589" t="s">
        <v>61</v>
      </c>
      <c r="IV7" s="590"/>
      <c r="IW7" s="639"/>
      <c r="IX7" s="638" t="s">
        <v>62</v>
      </c>
      <c r="IY7" s="590"/>
      <c r="IZ7" s="590"/>
      <c r="JA7" s="590"/>
      <c r="JB7" s="590"/>
      <c r="JC7" s="590"/>
      <c r="JD7" s="639"/>
      <c r="JE7" s="601" t="s">
        <v>52</v>
      </c>
      <c r="JF7" s="589" t="s">
        <v>61</v>
      </c>
      <c r="JG7" s="590"/>
      <c r="JH7" s="591"/>
      <c r="JI7" s="638" t="s">
        <v>62</v>
      </c>
      <c r="JJ7" s="590"/>
      <c r="JK7" s="590"/>
      <c r="JL7" s="590"/>
      <c r="JM7" s="590"/>
      <c r="JN7" s="590"/>
      <c r="JO7" s="639"/>
      <c r="JP7" s="647" t="s">
        <v>52</v>
      </c>
      <c r="JQ7" s="589" t="s">
        <v>61</v>
      </c>
      <c r="JR7" s="590"/>
      <c r="JS7" s="591"/>
      <c r="JT7" s="638" t="s">
        <v>62</v>
      </c>
      <c r="JU7" s="590"/>
      <c r="JV7" s="590"/>
      <c r="JW7" s="590"/>
      <c r="JX7" s="590"/>
      <c r="JY7" s="590"/>
      <c r="JZ7" s="639"/>
      <c r="KA7" s="647" t="s">
        <v>52</v>
      </c>
      <c r="KB7" s="589" t="s">
        <v>61</v>
      </c>
      <c r="KC7" s="590"/>
      <c r="KD7" s="591"/>
      <c r="KE7" s="638" t="s">
        <v>62</v>
      </c>
      <c r="KF7" s="590"/>
      <c r="KG7" s="590"/>
      <c r="KH7" s="590"/>
      <c r="KI7" s="590"/>
      <c r="KJ7" s="590"/>
      <c r="KK7" s="639"/>
      <c r="KL7" s="647" t="s">
        <v>52</v>
      </c>
      <c r="KM7" s="589" t="s">
        <v>61</v>
      </c>
      <c r="KN7" s="590"/>
      <c r="KO7" s="591"/>
      <c r="KP7" s="638" t="s">
        <v>62</v>
      </c>
      <c r="KQ7" s="590"/>
      <c r="KR7" s="590"/>
      <c r="KS7" s="590"/>
      <c r="KT7" s="590"/>
      <c r="KU7" s="590"/>
      <c r="KV7" s="639"/>
      <c r="KW7" s="647" t="s">
        <v>52</v>
      </c>
      <c r="KX7" s="589" t="s">
        <v>61</v>
      </c>
      <c r="KY7" s="590"/>
      <c r="KZ7" s="591"/>
      <c r="LA7" s="638" t="s">
        <v>62</v>
      </c>
      <c r="LB7" s="590"/>
      <c r="LC7" s="590"/>
      <c r="LD7" s="590"/>
      <c r="LE7" s="590"/>
      <c r="LF7" s="590"/>
      <c r="LG7" s="639"/>
      <c r="LH7" s="647" t="s">
        <v>52</v>
      </c>
      <c r="LI7" s="589" t="s">
        <v>61</v>
      </c>
      <c r="LJ7" s="590"/>
      <c r="LK7" s="591"/>
      <c r="LL7" s="638" t="s">
        <v>62</v>
      </c>
      <c r="LM7" s="590"/>
      <c r="LN7" s="590"/>
      <c r="LO7" s="590"/>
      <c r="LP7" s="590"/>
      <c r="LQ7" s="590"/>
      <c r="LR7" s="639"/>
      <c r="LS7" s="647" t="s">
        <v>52</v>
      </c>
      <c r="LT7" s="589" t="s">
        <v>61</v>
      </c>
      <c r="LU7" s="590"/>
      <c r="LV7" s="591"/>
      <c r="LW7" s="638" t="s">
        <v>62</v>
      </c>
      <c r="LX7" s="590"/>
      <c r="LY7" s="590"/>
      <c r="LZ7" s="590"/>
      <c r="MA7" s="590"/>
      <c r="MB7" s="590"/>
      <c r="MC7" s="639"/>
      <c r="MD7" s="647" t="s">
        <v>52</v>
      </c>
      <c r="ME7" s="581" t="s">
        <v>61</v>
      </c>
      <c r="MF7" s="582"/>
      <c r="MG7" s="583"/>
      <c r="MH7" s="640" t="s">
        <v>62</v>
      </c>
      <c r="MI7" s="582"/>
      <c r="MJ7" s="582"/>
      <c r="MK7" s="582"/>
      <c r="ML7" s="582"/>
      <c r="MM7" s="582"/>
      <c r="MN7" s="641"/>
      <c r="MO7" s="634" t="s">
        <v>52</v>
      </c>
      <c r="MP7" s="589" t="s">
        <v>61</v>
      </c>
      <c r="MQ7" s="590"/>
      <c r="MR7" s="591"/>
      <c r="MS7" s="638" t="s">
        <v>62</v>
      </c>
      <c r="MT7" s="590"/>
      <c r="MU7" s="590"/>
      <c r="MV7" s="590"/>
      <c r="MW7" s="590"/>
      <c r="MX7" s="590"/>
      <c r="MY7" s="639"/>
      <c r="MZ7" s="647" t="s">
        <v>52</v>
      </c>
      <c r="NA7" s="589" t="s">
        <v>61</v>
      </c>
      <c r="NB7" s="590"/>
      <c r="NC7" s="591"/>
      <c r="ND7" s="638" t="s">
        <v>62</v>
      </c>
      <c r="NE7" s="590"/>
      <c r="NF7" s="590"/>
      <c r="NG7" s="590"/>
      <c r="NH7" s="590"/>
      <c r="NI7" s="590"/>
      <c r="NJ7" s="639"/>
      <c r="NK7" s="647" t="s">
        <v>52</v>
      </c>
      <c r="NL7" s="589" t="s">
        <v>61</v>
      </c>
      <c r="NM7" s="590"/>
      <c r="NN7" s="591"/>
      <c r="NO7" s="638" t="s">
        <v>62</v>
      </c>
      <c r="NP7" s="590"/>
      <c r="NQ7" s="590"/>
      <c r="NR7" s="590"/>
      <c r="NS7" s="590"/>
      <c r="NT7" s="590"/>
      <c r="NU7" s="639"/>
      <c r="NV7" s="647" t="s">
        <v>52</v>
      </c>
      <c r="NW7" s="589" t="s">
        <v>61</v>
      </c>
      <c r="NX7" s="590"/>
      <c r="NY7" s="591"/>
      <c r="NZ7" s="638" t="s">
        <v>62</v>
      </c>
      <c r="OA7" s="590"/>
      <c r="OB7" s="590"/>
      <c r="OC7" s="590"/>
      <c r="OD7" s="590"/>
      <c r="OE7" s="590"/>
      <c r="OF7" s="639"/>
      <c r="OG7" s="647" t="s">
        <v>52</v>
      </c>
      <c r="OH7" s="581" t="s">
        <v>61</v>
      </c>
      <c r="OI7" s="582"/>
      <c r="OJ7" s="583"/>
      <c r="OK7" s="640" t="s">
        <v>62</v>
      </c>
      <c r="OL7" s="582"/>
      <c r="OM7" s="582"/>
      <c r="ON7" s="582"/>
      <c r="OO7" s="582"/>
      <c r="OP7" s="582"/>
      <c r="OQ7" s="641"/>
      <c r="OR7" s="634" t="s">
        <v>52</v>
      </c>
    </row>
    <row r="8" spans="1:408" ht="28.5" customHeight="1" thickBot="1" x14ac:dyDescent="0.25">
      <c r="A8" s="624"/>
      <c r="B8" s="65" t="s">
        <v>43</v>
      </c>
      <c r="C8" s="16" t="s">
        <v>44</v>
      </c>
      <c r="D8" s="41" t="s">
        <v>45</v>
      </c>
      <c r="E8" s="42" t="s">
        <v>83</v>
      </c>
      <c r="F8" s="16" t="s">
        <v>47</v>
      </c>
      <c r="G8" s="16" t="s">
        <v>48</v>
      </c>
      <c r="H8" s="16" t="s">
        <v>49</v>
      </c>
      <c r="I8" s="16" t="s">
        <v>50</v>
      </c>
      <c r="J8" s="16" t="s">
        <v>51</v>
      </c>
      <c r="K8" s="17" t="s">
        <v>45</v>
      </c>
      <c r="L8" s="636"/>
      <c r="M8" s="40" t="s">
        <v>43</v>
      </c>
      <c r="N8" s="16" t="s">
        <v>44</v>
      </c>
      <c r="O8" s="17" t="s">
        <v>45</v>
      </c>
      <c r="P8" s="42" t="s">
        <v>83</v>
      </c>
      <c r="Q8" s="16" t="s">
        <v>47</v>
      </c>
      <c r="R8" s="16" t="s">
        <v>48</v>
      </c>
      <c r="S8" s="16" t="s">
        <v>49</v>
      </c>
      <c r="T8" s="16" t="s">
        <v>50</v>
      </c>
      <c r="U8" s="16" t="s">
        <v>51</v>
      </c>
      <c r="V8" s="17" t="s">
        <v>45</v>
      </c>
      <c r="W8" s="635"/>
      <c r="X8" s="40" t="s">
        <v>43</v>
      </c>
      <c r="Y8" s="16" t="s">
        <v>44</v>
      </c>
      <c r="Z8" s="17" t="s">
        <v>45</v>
      </c>
      <c r="AA8" s="42" t="s">
        <v>83</v>
      </c>
      <c r="AB8" s="16" t="s">
        <v>47</v>
      </c>
      <c r="AC8" s="16" t="s">
        <v>48</v>
      </c>
      <c r="AD8" s="16" t="s">
        <v>49</v>
      </c>
      <c r="AE8" s="16" t="s">
        <v>50</v>
      </c>
      <c r="AF8" s="16" t="s">
        <v>51</v>
      </c>
      <c r="AG8" s="17" t="s">
        <v>45</v>
      </c>
      <c r="AH8" s="607"/>
      <c r="AI8" s="40" t="s">
        <v>43</v>
      </c>
      <c r="AJ8" s="16" t="s">
        <v>44</v>
      </c>
      <c r="AK8" s="41" t="s">
        <v>45</v>
      </c>
      <c r="AL8" s="42" t="s">
        <v>83</v>
      </c>
      <c r="AM8" s="16" t="s">
        <v>47</v>
      </c>
      <c r="AN8" s="16" t="s">
        <v>48</v>
      </c>
      <c r="AO8" s="16" t="s">
        <v>49</v>
      </c>
      <c r="AP8" s="16" t="s">
        <v>50</v>
      </c>
      <c r="AQ8" s="16" t="s">
        <v>51</v>
      </c>
      <c r="AR8" s="17" t="s">
        <v>45</v>
      </c>
      <c r="AS8" s="607"/>
      <c r="AT8" s="40" t="s">
        <v>43</v>
      </c>
      <c r="AU8" s="16" t="s">
        <v>44</v>
      </c>
      <c r="AV8" s="41" t="s">
        <v>45</v>
      </c>
      <c r="AW8" s="42" t="s">
        <v>83</v>
      </c>
      <c r="AX8" s="16" t="s">
        <v>47</v>
      </c>
      <c r="AY8" s="16" t="s">
        <v>48</v>
      </c>
      <c r="AZ8" s="16" t="s">
        <v>49</v>
      </c>
      <c r="BA8" s="16" t="s">
        <v>50</v>
      </c>
      <c r="BB8" s="16" t="s">
        <v>51</v>
      </c>
      <c r="BC8" s="17" t="s">
        <v>45</v>
      </c>
      <c r="BD8" s="607"/>
      <c r="BE8" s="61" t="s">
        <v>43</v>
      </c>
      <c r="BF8" s="16" t="s">
        <v>44</v>
      </c>
      <c r="BG8" s="41" t="s">
        <v>45</v>
      </c>
      <c r="BH8" s="42" t="s">
        <v>83</v>
      </c>
      <c r="BI8" s="16" t="s">
        <v>47</v>
      </c>
      <c r="BJ8" s="16" t="s">
        <v>48</v>
      </c>
      <c r="BK8" s="16" t="s">
        <v>49</v>
      </c>
      <c r="BL8" s="16" t="s">
        <v>50</v>
      </c>
      <c r="BM8" s="16" t="s">
        <v>51</v>
      </c>
      <c r="BN8" s="17" t="s">
        <v>45</v>
      </c>
      <c r="BO8" s="607"/>
      <c r="BP8" s="40" t="s">
        <v>43</v>
      </c>
      <c r="BQ8" s="16" t="s">
        <v>44</v>
      </c>
      <c r="BR8" s="41" t="s">
        <v>45</v>
      </c>
      <c r="BS8" s="42" t="s">
        <v>83</v>
      </c>
      <c r="BT8" s="16" t="s">
        <v>47</v>
      </c>
      <c r="BU8" s="16" t="s">
        <v>48</v>
      </c>
      <c r="BV8" s="16" t="s">
        <v>49</v>
      </c>
      <c r="BW8" s="16" t="s">
        <v>50</v>
      </c>
      <c r="BX8" s="16" t="s">
        <v>51</v>
      </c>
      <c r="BY8" s="17" t="s">
        <v>45</v>
      </c>
      <c r="BZ8" s="607"/>
      <c r="CA8" s="40" t="s">
        <v>43</v>
      </c>
      <c r="CB8" s="16" t="s">
        <v>44</v>
      </c>
      <c r="CC8" s="41" t="s">
        <v>45</v>
      </c>
      <c r="CD8" s="42" t="s">
        <v>83</v>
      </c>
      <c r="CE8" s="16" t="s">
        <v>47</v>
      </c>
      <c r="CF8" s="16" t="s">
        <v>48</v>
      </c>
      <c r="CG8" s="16" t="s">
        <v>49</v>
      </c>
      <c r="CH8" s="16" t="s">
        <v>50</v>
      </c>
      <c r="CI8" s="16" t="s">
        <v>51</v>
      </c>
      <c r="CJ8" s="17" t="s">
        <v>45</v>
      </c>
      <c r="CK8" s="635"/>
      <c r="CL8" s="40" t="s">
        <v>43</v>
      </c>
      <c r="CM8" s="16" t="s">
        <v>44</v>
      </c>
      <c r="CN8" s="17" t="s">
        <v>45</v>
      </c>
      <c r="CO8" s="42" t="s">
        <v>83</v>
      </c>
      <c r="CP8" s="16" t="s">
        <v>47</v>
      </c>
      <c r="CQ8" s="16" t="s">
        <v>48</v>
      </c>
      <c r="CR8" s="16" t="s">
        <v>49</v>
      </c>
      <c r="CS8" s="16" t="s">
        <v>50</v>
      </c>
      <c r="CT8" s="16" t="s">
        <v>51</v>
      </c>
      <c r="CU8" s="17" t="s">
        <v>45</v>
      </c>
      <c r="CV8" s="635"/>
      <c r="CW8" s="40" t="s">
        <v>43</v>
      </c>
      <c r="CX8" s="16" t="s">
        <v>44</v>
      </c>
      <c r="CY8" s="17" t="s">
        <v>45</v>
      </c>
      <c r="CZ8" s="42" t="s">
        <v>83</v>
      </c>
      <c r="DA8" s="16" t="s">
        <v>47</v>
      </c>
      <c r="DB8" s="16" t="s">
        <v>48</v>
      </c>
      <c r="DC8" s="16" t="s">
        <v>49</v>
      </c>
      <c r="DD8" s="16" t="s">
        <v>50</v>
      </c>
      <c r="DE8" s="16" t="s">
        <v>51</v>
      </c>
      <c r="DF8" s="17" t="s">
        <v>45</v>
      </c>
      <c r="DG8" s="635"/>
      <c r="DH8" s="40" t="s">
        <v>43</v>
      </c>
      <c r="DI8" s="16" t="s">
        <v>44</v>
      </c>
      <c r="DJ8" s="17" t="s">
        <v>45</v>
      </c>
      <c r="DK8" s="42" t="s">
        <v>83</v>
      </c>
      <c r="DL8" s="16" t="s">
        <v>47</v>
      </c>
      <c r="DM8" s="16" t="s">
        <v>48</v>
      </c>
      <c r="DN8" s="16" t="s">
        <v>49</v>
      </c>
      <c r="DO8" s="16" t="s">
        <v>50</v>
      </c>
      <c r="DP8" s="16" t="s">
        <v>51</v>
      </c>
      <c r="DQ8" s="17" t="s">
        <v>45</v>
      </c>
      <c r="DR8" s="635"/>
      <c r="DS8" s="40" t="s">
        <v>43</v>
      </c>
      <c r="DT8" s="16" t="s">
        <v>44</v>
      </c>
      <c r="DU8" s="41" t="s">
        <v>45</v>
      </c>
      <c r="DV8" s="42" t="s">
        <v>83</v>
      </c>
      <c r="DW8" s="16" t="s">
        <v>47</v>
      </c>
      <c r="DX8" s="16" t="s">
        <v>48</v>
      </c>
      <c r="DY8" s="16" t="s">
        <v>49</v>
      </c>
      <c r="DZ8" s="16" t="s">
        <v>50</v>
      </c>
      <c r="EA8" s="16" t="s">
        <v>51</v>
      </c>
      <c r="EB8" s="17" t="s">
        <v>45</v>
      </c>
      <c r="EC8" s="607"/>
      <c r="ED8" s="40" t="s">
        <v>43</v>
      </c>
      <c r="EE8" s="16" t="s">
        <v>44</v>
      </c>
      <c r="EF8" s="41" t="s">
        <v>45</v>
      </c>
      <c r="EG8" s="42" t="s">
        <v>83</v>
      </c>
      <c r="EH8" s="16" t="s">
        <v>47</v>
      </c>
      <c r="EI8" s="16" t="s">
        <v>48</v>
      </c>
      <c r="EJ8" s="16" t="s">
        <v>49</v>
      </c>
      <c r="EK8" s="16" t="s">
        <v>50</v>
      </c>
      <c r="EL8" s="16" t="s">
        <v>51</v>
      </c>
      <c r="EM8" s="17" t="s">
        <v>45</v>
      </c>
      <c r="EN8" s="607"/>
      <c r="EO8" s="40" t="s">
        <v>43</v>
      </c>
      <c r="EP8" s="16" t="s">
        <v>44</v>
      </c>
      <c r="EQ8" s="41" t="s">
        <v>45</v>
      </c>
      <c r="ER8" s="42" t="s">
        <v>83</v>
      </c>
      <c r="ES8" s="16" t="s">
        <v>47</v>
      </c>
      <c r="ET8" s="16" t="s">
        <v>48</v>
      </c>
      <c r="EU8" s="16" t="s">
        <v>49</v>
      </c>
      <c r="EV8" s="16" t="s">
        <v>50</v>
      </c>
      <c r="EW8" s="16" t="s">
        <v>51</v>
      </c>
      <c r="EX8" s="17" t="s">
        <v>45</v>
      </c>
      <c r="EY8" s="607"/>
      <c r="EZ8" s="40" t="s">
        <v>43</v>
      </c>
      <c r="FA8" s="16" t="s">
        <v>44</v>
      </c>
      <c r="FB8" s="41" t="s">
        <v>45</v>
      </c>
      <c r="FC8" s="42" t="s">
        <v>83</v>
      </c>
      <c r="FD8" s="16" t="s">
        <v>47</v>
      </c>
      <c r="FE8" s="16" t="s">
        <v>48</v>
      </c>
      <c r="FF8" s="16" t="s">
        <v>49</v>
      </c>
      <c r="FG8" s="16" t="s">
        <v>50</v>
      </c>
      <c r="FH8" s="16" t="s">
        <v>51</v>
      </c>
      <c r="FI8" s="17" t="s">
        <v>45</v>
      </c>
      <c r="FJ8" s="607"/>
      <c r="FK8" s="40" t="s">
        <v>43</v>
      </c>
      <c r="FL8" s="16" t="s">
        <v>44</v>
      </c>
      <c r="FM8" s="41" t="s">
        <v>45</v>
      </c>
      <c r="FN8" s="42" t="s">
        <v>83</v>
      </c>
      <c r="FO8" s="16" t="s">
        <v>47</v>
      </c>
      <c r="FP8" s="16" t="s">
        <v>48</v>
      </c>
      <c r="FQ8" s="16" t="s">
        <v>49</v>
      </c>
      <c r="FR8" s="16" t="s">
        <v>50</v>
      </c>
      <c r="FS8" s="16" t="s">
        <v>51</v>
      </c>
      <c r="FT8" s="17" t="s">
        <v>45</v>
      </c>
      <c r="FU8" s="645"/>
      <c r="FV8" s="40" t="s">
        <v>43</v>
      </c>
      <c r="FW8" s="16" t="s">
        <v>44</v>
      </c>
      <c r="FX8" s="41" t="s">
        <v>45</v>
      </c>
      <c r="FY8" s="42" t="s">
        <v>83</v>
      </c>
      <c r="FZ8" s="16" t="s">
        <v>47</v>
      </c>
      <c r="GA8" s="16" t="s">
        <v>48</v>
      </c>
      <c r="GB8" s="16" t="s">
        <v>49</v>
      </c>
      <c r="GC8" s="16" t="s">
        <v>50</v>
      </c>
      <c r="GD8" s="16" t="s">
        <v>51</v>
      </c>
      <c r="GE8" s="17" t="s">
        <v>45</v>
      </c>
      <c r="GF8" s="607"/>
      <c r="GG8" s="40" t="s">
        <v>43</v>
      </c>
      <c r="GH8" s="16" t="s">
        <v>44</v>
      </c>
      <c r="GI8" s="41" t="s">
        <v>45</v>
      </c>
      <c r="GJ8" s="42" t="s">
        <v>83</v>
      </c>
      <c r="GK8" s="16" t="s">
        <v>47</v>
      </c>
      <c r="GL8" s="16" t="s">
        <v>48</v>
      </c>
      <c r="GM8" s="16" t="s">
        <v>49</v>
      </c>
      <c r="GN8" s="16" t="s">
        <v>50</v>
      </c>
      <c r="GO8" s="16" t="s">
        <v>51</v>
      </c>
      <c r="GP8" s="17" t="s">
        <v>45</v>
      </c>
      <c r="GQ8" s="644"/>
      <c r="GR8" s="40" t="s">
        <v>43</v>
      </c>
      <c r="GS8" s="16" t="s">
        <v>44</v>
      </c>
      <c r="GT8" s="41" t="s">
        <v>45</v>
      </c>
      <c r="GU8" s="42" t="s">
        <v>83</v>
      </c>
      <c r="GV8" s="16" t="s">
        <v>47</v>
      </c>
      <c r="GW8" s="16" t="s">
        <v>48</v>
      </c>
      <c r="GX8" s="16" t="s">
        <v>49</v>
      </c>
      <c r="GY8" s="16" t="s">
        <v>50</v>
      </c>
      <c r="GZ8" s="16" t="s">
        <v>51</v>
      </c>
      <c r="HA8" s="17" t="s">
        <v>45</v>
      </c>
      <c r="HB8" s="644"/>
      <c r="HC8" s="40" t="s">
        <v>43</v>
      </c>
      <c r="HD8" s="16" t="s">
        <v>44</v>
      </c>
      <c r="HE8" s="41" t="s">
        <v>45</v>
      </c>
      <c r="HF8" s="42" t="s">
        <v>83</v>
      </c>
      <c r="HG8" s="16" t="s">
        <v>47</v>
      </c>
      <c r="HH8" s="16" t="s">
        <v>48</v>
      </c>
      <c r="HI8" s="16" t="s">
        <v>49</v>
      </c>
      <c r="HJ8" s="16" t="s">
        <v>50</v>
      </c>
      <c r="HK8" s="16" t="s">
        <v>51</v>
      </c>
      <c r="HL8" s="17" t="s">
        <v>45</v>
      </c>
      <c r="HM8" s="607"/>
      <c r="HN8" s="40" t="s">
        <v>43</v>
      </c>
      <c r="HO8" s="16" t="s">
        <v>44</v>
      </c>
      <c r="HP8" s="41" t="s">
        <v>45</v>
      </c>
      <c r="HQ8" s="42" t="s">
        <v>83</v>
      </c>
      <c r="HR8" s="16" t="s">
        <v>47</v>
      </c>
      <c r="HS8" s="16" t="s">
        <v>48</v>
      </c>
      <c r="HT8" s="16" t="s">
        <v>49</v>
      </c>
      <c r="HU8" s="16" t="s">
        <v>50</v>
      </c>
      <c r="HV8" s="16" t="s">
        <v>51</v>
      </c>
      <c r="HW8" s="17" t="s">
        <v>45</v>
      </c>
      <c r="HX8" s="607"/>
      <c r="HY8" s="369" t="s">
        <v>43</v>
      </c>
      <c r="HZ8" s="370" t="s">
        <v>44</v>
      </c>
      <c r="IA8" s="41" t="s">
        <v>45</v>
      </c>
      <c r="IB8" s="42" t="s">
        <v>83</v>
      </c>
      <c r="IC8" s="370" t="s">
        <v>47</v>
      </c>
      <c r="ID8" s="370" t="s">
        <v>48</v>
      </c>
      <c r="IE8" s="370" t="s">
        <v>49</v>
      </c>
      <c r="IF8" s="370" t="s">
        <v>50</v>
      </c>
      <c r="IG8" s="370" t="s">
        <v>51</v>
      </c>
      <c r="IH8" s="17" t="s">
        <v>45</v>
      </c>
      <c r="II8" s="645"/>
      <c r="IJ8" s="369" t="s">
        <v>43</v>
      </c>
      <c r="IK8" s="370" t="s">
        <v>44</v>
      </c>
      <c r="IL8" s="41" t="s">
        <v>45</v>
      </c>
      <c r="IM8" s="42" t="s">
        <v>83</v>
      </c>
      <c r="IN8" s="59" t="s">
        <v>47</v>
      </c>
      <c r="IO8" s="59" t="s">
        <v>48</v>
      </c>
      <c r="IP8" s="59" t="s">
        <v>49</v>
      </c>
      <c r="IQ8" s="59" t="s">
        <v>50</v>
      </c>
      <c r="IR8" s="59" t="s">
        <v>51</v>
      </c>
      <c r="IS8" s="64" t="s">
        <v>45</v>
      </c>
      <c r="IT8" s="655"/>
      <c r="IU8" s="61" t="s">
        <v>43</v>
      </c>
      <c r="IV8" s="59" t="s">
        <v>44</v>
      </c>
      <c r="IW8" s="64" t="s">
        <v>45</v>
      </c>
      <c r="IX8" s="33" t="s">
        <v>83</v>
      </c>
      <c r="IY8" s="59" t="s">
        <v>47</v>
      </c>
      <c r="IZ8" s="59" t="s">
        <v>48</v>
      </c>
      <c r="JA8" s="59" t="s">
        <v>49</v>
      </c>
      <c r="JB8" s="59" t="s">
        <v>50</v>
      </c>
      <c r="JC8" s="59" t="s">
        <v>51</v>
      </c>
      <c r="JD8" s="64" t="s">
        <v>45</v>
      </c>
      <c r="JE8" s="655"/>
      <c r="JF8" s="61" t="s">
        <v>43</v>
      </c>
      <c r="JG8" s="59" t="s">
        <v>44</v>
      </c>
      <c r="JH8" s="60" t="s">
        <v>45</v>
      </c>
      <c r="JI8" s="33" t="s">
        <v>83</v>
      </c>
      <c r="JJ8" s="59" t="s">
        <v>47</v>
      </c>
      <c r="JK8" s="59" t="s">
        <v>48</v>
      </c>
      <c r="JL8" s="59" t="s">
        <v>49</v>
      </c>
      <c r="JM8" s="59" t="s">
        <v>50</v>
      </c>
      <c r="JN8" s="59" t="s">
        <v>51</v>
      </c>
      <c r="JO8" s="64" t="s">
        <v>45</v>
      </c>
      <c r="JP8" s="648"/>
      <c r="JQ8" s="61" t="s">
        <v>43</v>
      </c>
      <c r="JR8" s="59" t="s">
        <v>44</v>
      </c>
      <c r="JS8" s="60" t="s">
        <v>45</v>
      </c>
      <c r="JT8" s="33" t="s">
        <v>83</v>
      </c>
      <c r="JU8" s="59" t="s">
        <v>47</v>
      </c>
      <c r="JV8" s="59" t="s">
        <v>48</v>
      </c>
      <c r="JW8" s="59" t="s">
        <v>49</v>
      </c>
      <c r="JX8" s="59" t="s">
        <v>50</v>
      </c>
      <c r="JY8" s="59" t="s">
        <v>51</v>
      </c>
      <c r="JZ8" s="64" t="s">
        <v>45</v>
      </c>
      <c r="KA8" s="648"/>
      <c r="KB8" s="61" t="s">
        <v>43</v>
      </c>
      <c r="KC8" s="59" t="s">
        <v>44</v>
      </c>
      <c r="KD8" s="60" t="s">
        <v>45</v>
      </c>
      <c r="KE8" s="33" t="s">
        <v>83</v>
      </c>
      <c r="KF8" s="59" t="s">
        <v>47</v>
      </c>
      <c r="KG8" s="59" t="s">
        <v>48</v>
      </c>
      <c r="KH8" s="59" t="s">
        <v>49</v>
      </c>
      <c r="KI8" s="59" t="s">
        <v>50</v>
      </c>
      <c r="KJ8" s="59" t="s">
        <v>51</v>
      </c>
      <c r="KK8" s="64" t="s">
        <v>45</v>
      </c>
      <c r="KL8" s="648"/>
      <c r="KM8" s="61" t="s">
        <v>43</v>
      </c>
      <c r="KN8" s="59" t="s">
        <v>44</v>
      </c>
      <c r="KO8" s="60" t="s">
        <v>45</v>
      </c>
      <c r="KP8" s="42" t="s">
        <v>83</v>
      </c>
      <c r="KQ8" s="59" t="s">
        <v>47</v>
      </c>
      <c r="KR8" s="59" t="s">
        <v>48</v>
      </c>
      <c r="KS8" s="59" t="s">
        <v>49</v>
      </c>
      <c r="KT8" s="59" t="s">
        <v>50</v>
      </c>
      <c r="KU8" s="59" t="s">
        <v>51</v>
      </c>
      <c r="KV8" s="64" t="s">
        <v>45</v>
      </c>
      <c r="KW8" s="648"/>
      <c r="KX8" s="61" t="s">
        <v>43</v>
      </c>
      <c r="KY8" s="59" t="s">
        <v>44</v>
      </c>
      <c r="KZ8" s="60" t="s">
        <v>45</v>
      </c>
      <c r="LA8" s="42" t="s">
        <v>83</v>
      </c>
      <c r="LB8" s="59" t="s">
        <v>47</v>
      </c>
      <c r="LC8" s="59" t="s">
        <v>48</v>
      </c>
      <c r="LD8" s="59" t="s">
        <v>49</v>
      </c>
      <c r="LE8" s="59" t="s">
        <v>50</v>
      </c>
      <c r="LF8" s="59" t="s">
        <v>51</v>
      </c>
      <c r="LG8" s="64" t="s">
        <v>45</v>
      </c>
      <c r="LH8" s="648"/>
      <c r="LI8" s="61" t="s">
        <v>43</v>
      </c>
      <c r="LJ8" s="59" t="s">
        <v>44</v>
      </c>
      <c r="LK8" s="60" t="s">
        <v>45</v>
      </c>
      <c r="LL8" s="42" t="s">
        <v>83</v>
      </c>
      <c r="LM8" s="59" t="s">
        <v>47</v>
      </c>
      <c r="LN8" s="59" t="s">
        <v>48</v>
      </c>
      <c r="LO8" s="59" t="s">
        <v>49</v>
      </c>
      <c r="LP8" s="59" t="s">
        <v>50</v>
      </c>
      <c r="LQ8" s="59" t="s">
        <v>51</v>
      </c>
      <c r="LR8" s="64" t="s">
        <v>45</v>
      </c>
      <c r="LS8" s="648"/>
      <c r="LT8" s="61" t="s">
        <v>43</v>
      </c>
      <c r="LU8" s="59" t="s">
        <v>44</v>
      </c>
      <c r="LV8" s="60" t="s">
        <v>45</v>
      </c>
      <c r="LW8" s="42" t="s">
        <v>83</v>
      </c>
      <c r="LX8" s="59" t="s">
        <v>47</v>
      </c>
      <c r="LY8" s="59" t="s">
        <v>48</v>
      </c>
      <c r="LZ8" s="59" t="s">
        <v>49</v>
      </c>
      <c r="MA8" s="59" t="s">
        <v>50</v>
      </c>
      <c r="MB8" s="59" t="s">
        <v>51</v>
      </c>
      <c r="MC8" s="64" t="s">
        <v>45</v>
      </c>
      <c r="MD8" s="648"/>
      <c r="ME8" s="61" t="s">
        <v>43</v>
      </c>
      <c r="MF8" s="59" t="s">
        <v>44</v>
      </c>
      <c r="MG8" s="60" t="s">
        <v>45</v>
      </c>
      <c r="MH8" s="42" t="s">
        <v>83</v>
      </c>
      <c r="MI8" s="59" t="s">
        <v>47</v>
      </c>
      <c r="MJ8" s="59" t="s">
        <v>48</v>
      </c>
      <c r="MK8" s="59" t="s">
        <v>49</v>
      </c>
      <c r="ML8" s="59" t="s">
        <v>50</v>
      </c>
      <c r="MM8" s="59" t="s">
        <v>51</v>
      </c>
      <c r="MN8" s="64" t="s">
        <v>45</v>
      </c>
      <c r="MO8" s="648"/>
      <c r="MP8" s="61" t="s">
        <v>43</v>
      </c>
      <c r="MQ8" s="59" t="s">
        <v>44</v>
      </c>
      <c r="MR8" s="60" t="s">
        <v>45</v>
      </c>
      <c r="MS8" s="42" t="s">
        <v>83</v>
      </c>
      <c r="MT8" s="59" t="s">
        <v>47</v>
      </c>
      <c r="MU8" s="59" t="s">
        <v>48</v>
      </c>
      <c r="MV8" s="59" t="s">
        <v>49</v>
      </c>
      <c r="MW8" s="59" t="s">
        <v>50</v>
      </c>
      <c r="MX8" s="59" t="s">
        <v>51</v>
      </c>
      <c r="MY8" s="64" t="s">
        <v>45</v>
      </c>
      <c r="MZ8" s="648"/>
      <c r="NA8" s="61" t="s">
        <v>43</v>
      </c>
      <c r="NB8" s="59" t="s">
        <v>44</v>
      </c>
      <c r="NC8" s="60" t="s">
        <v>45</v>
      </c>
      <c r="ND8" s="42" t="s">
        <v>83</v>
      </c>
      <c r="NE8" s="59" t="s">
        <v>47</v>
      </c>
      <c r="NF8" s="59" t="s">
        <v>48</v>
      </c>
      <c r="NG8" s="59" t="s">
        <v>49</v>
      </c>
      <c r="NH8" s="59" t="s">
        <v>50</v>
      </c>
      <c r="NI8" s="59" t="s">
        <v>51</v>
      </c>
      <c r="NJ8" s="64" t="s">
        <v>45</v>
      </c>
      <c r="NK8" s="648"/>
      <c r="NL8" s="61" t="s">
        <v>43</v>
      </c>
      <c r="NM8" s="59" t="s">
        <v>44</v>
      </c>
      <c r="NN8" s="60" t="s">
        <v>45</v>
      </c>
      <c r="NO8" s="42" t="s">
        <v>83</v>
      </c>
      <c r="NP8" s="59" t="s">
        <v>47</v>
      </c>
      <c r="NQ8" s="59" t="s">
        <v>48</v>
      </c>
      <c r="NR8" s="59" t="s">
        <v>49</v>
      </c>
      <c r="NS8" s="59" t="s">
        <v>50</v>
      </c>
      <c r="NT8" s="59" t="s">
        <v>51</v>
      </c>
      <c r="NU8" s="64" t="s">
        <v>45</v>
      </c>
      <c r="NV8" s="648"/>
      <c r="NW8" s="61" t="s">
        <v>43</v>
      </c>
      <c r="NX8" s="59" t="s">
        <v>44</v>
      </c>
      <c r="NY8" s="60" t="s">
        <v>45</v>
      </c>
      <c r="NZ8" s="42" t="s">
        <v>83</v>
      </c>
      <c r="OA8" s="59" t="s">
        <v>47</v>
      </c>
      <c r="OB8" s="59" t="s">
        <v>48</v>
      </c>
      <c r="OC8" s="59" t="s">
        <v>49</v>
      </c>
      <c r="OD8" s="59" t="s">
        <v>50</v>
      </c>
      <c r="OE8" s="59" t="s">
        <v>51</v>
      </c>
      <c r="OF8" s="64" t="s">
        <v>45</v>
      </c>
      <c r="OG8" s="648"/>
      <c r="OH8" s="61" t="s">
        <v>43</v>
      </c>
      <c r="OI8" s="59" t="s">
        <v>44</v>
      </c>
      <c r="OJ8" s="60" t="s">
        <v>45</v>
      </c>
      <c r="OK8" s="33" t="s">
        <v>83</v>
      </c>
      <c r="OL8" s="59" t="s">
        <v>47</v>
      </c>
      <c r="OM8" s="59" t="s">
        <v>48</v>
      </c>
      <c r="ON8" s="59" t="s">
        <v>49</v>
      </c>
      <c r="OO8" s="59" t="s">
        <v>50</v>
      </c>
      <c r="OP8" s="59" t="s">
        <v>51</v>
      </c>
      <c r="OQ8" s="64" t="s">
        <v>45</v>
      </c>
      <c r="OR8" s="648"/>
    </row>
    <row r="9" spans="1:408" s="431" customFormat="1" ht="18.75" customHeight="1" x14ac:dyDescent="0.2">
      <c r="A9" s="387" t="s">
        <v>4</v>
      </c>
      <c r="B9" s="388">
        <v>382182812</v>
      </c>
      <c r="C9" s="389">
        <v>788404357</v>
      </c>
      <c r="D9" s="390">
        <v>1170587169</v>
      </c>
      <c r="E9" s="391">
        <v>0</v>
      </c>
      <c r="F9" s="389">
        <v>5009648809</v>
      </c>
      <c r="G9" s="389">
        <v>6708960116</v>
      </c>
      <c r="H9" s="389">
        <v>5594543434</v>
      </c>
      <c r="I9" s="389">
        <v>5334707304</v>
      </c>
      <c r="J9" s="389">
        <v>4034026862</v>
      </c>
      <c r="K9" s="392">
        <v>26681886525</v>
      </c>
      <c r="L9" s="393">
        <v>27852473694</v>
      </c>
      <c r="M9" s="388">
        <v>93396122</v>
      </c>
      <c r="N9" s="389">
        <v>239144991</v>
      </c>
      <c r="O9" s="394">
        <v>332541113</v>
      </c>
      <c r="P9" s="388">
        <v>0</v>
      </c>
      <c r="Q9" s="389">
        <v>1449952045</v>
      </c>
      <c r="R9" s="389">
        <v>2180843335</v>
      </c>
      <c r="S9" s="389">
        <v>1849510469</v>
      </c>
      <c r="T9" s="389">
        <v>2039384427</v>
      </c>
      <c r="U9" s="389">
        <v>2071566758</v>
      </c>
      <c r="V9" s="394">
        <v>9591257034</v>
      </c>
      <c r="W9" s="393">
        <v>9923798147</v>
      </c>
      <c r="X9" s="388">
        <v>0</v>
      </c>
      <c r="Y9" s="389">
        <v>0</v>
      </c>
      <c r="Z9" s="394">
        <v>0</v>
      </c>
      <c r="AA9" s="395">
        <v>0</v>
      </c>
      <c r="AB9" s="396">
        <v>715344487</v>
      </c>
      <c r="AC9" s="396">
        <v>1098778141</v>
      </c>
      <c r="AD9" s="396">
        <v>1042782490</v>
      </c>
      <c r="AE9" s="396">
        <v>1191131714</v>
      </c>
      <c r="AF9" s="396">
        <v>1194050192</v>
      </c>
      <c r="AG9" s="394">
        <v>5242087024</v>
      </c>
      <c r="AH9" s="393">
        <v>5242087024</v>
      </c>
      <c r="AI9" s="397">
        <v>36594</v>
      </c>
      <c r="AJ9" s="396">
        <v>1254229</v>
      </c>
      <c r="AK9" s="394">
        <v>1290823</v>
      </c>
      <c r="AL9" s="395">
        <v>0</v>
      </c>
      <c r="AM9" s="396">
        <v>6126738</v>
      </c>
      <c r="AN9" s="392">
        <v>28451198</v>
      </c>
      <c r="AO9" s="396">
        <v>49442416</v>
      </c>
      <c r="AP9" s="396">
        <v>117885702</v>
      </c>
      <c r="AQ9" s="396">
        <v>243762245</v>
      </c>
      <c r="AR9" s="394">
        <v>445668299</v>
      </c>
      <c r="AS9" s="393">
        <v>446959122</v>
      </c>
      <c r="AT9" s="397">
        <v>52562628</v>
      </c>
      <c r="AU9" s="396">
        <v>170980803</v>
      </c>
      <c r="AV9" s="394">
        <v>223543431</v>
      </c>
      <c r="AW9" s="395">
        <v>0</v>
      </c>
      <c r="AX9" s="396">
        <v>451893895</v>
      </c>
      <c r="AY9" s="396">
        <v>705322167</v>
      </c>
      <c r="AZ9" s="396">
        <v>456864574</v>
      </c>
      <c r="BA9" s="396">
        <v>440247726</v>
      </c>
      <c r="BB9" s="396">
        <v>415405446</v>
      </c>
      <c r="BC9" s="394">
        <v>2469733808</v>
      </c>
      <c r="BD9" s="398">
        <v>2693277239</v>
      </c>
      <c r="BE9" s="397">
        <v>6519565</v>
      </c>
      <c r="BF9" s="392">
        <v>24600172</v>
      </c>
      <c r="BG9" s="399">
        <v>31119737</v>
      </c>
      <c r="BH9" s="395">
        <v>0</v>
      </c>
      <c r="BI9" s="396">
        <v>36893712</v>
      </c>
      <c r="BJ9" s="396">
        <v>62465638</v>
      </c>
      <c r="BK9" s="396">
        <v>42809711</v>
      </c>
      <c r="BL9" s="396">
        <v>36846608</v>
      </c>
      <c r="BM9" s="396">
        <v>23167942</v>
      </c>
      <c r="BN9" s="394">
        <v>202183611</v>
      </c>
      <c r="BO9" s="393">
        <v>233303348</v>
      </c>
      <c r="BP9" s="397">
        <v>34277335</v>
      </c>
      <c r="BQ9" s="396">
        <v>42309787</v>
      </c>
      <c r="BR9" s="394">
        <v>76587122</v>
      </c>
      <c r="BS9" s="395">
        <v>0</v>
      </c>
      <c r="BT9" s="396">
        <v>239693213</v>
      </c>
      <c r="BU9" s="396">
        <v>285826191</v>
      </c>
      <c r="BV9" s="396">
        <v>257611278</v>
      </c>
      <c r="BW9" s="396">
        <v>253272677</v>
      </c>
      <c r="BX9" s="396">
        <v>195180933</v>
      </c>
      <c r="BY9" s="394">
        <v>1231584292</v>
      </c>
      <c r="BZ9" s="393">
        <v>1308171414</v>
      </c>
      <c r="CA9" s="397">
        <v>33141737</v>
      </c>
      <c r="CB9" s="396">
        <v>103003265</v>
      </c>
      <c r="CC9" s="394">
        <v>136145002</v>
      </c>
      <c r="CD9" s="395">
        <v>0</v>
      </c>
      <c r="CE9" s="396">
        <v>1380812537</v>
      </c>
      <c r="CF9" s="396">
        <v>1776901482</v>
      </c>
      <c r="CG9" s="400">
        <v>1292855966</v>
      </c>
      <c r="CH9" s="396">
        <v>869372294</v>
      </c>
      <c r="CI9" s="396">
        <v>435472753</v>
      </c>
      <c r="CJ9" s="394">
        <v>5755415032</v>
      </c>
      <c r="CK9" s="393">
        <v>5891560034</v>
      </c>
      <c r="CL9" s="388">
        <v>0</v>
      </c>
      <c r="CM9" s="389">
        <v>0</v>
      </c>
      <c r="CN9" s="394">
        <v>0</v>
      </c>
      <c r="CO9" s="395">
        <v>0</v>
      </c>
      <c r="CP9" s="396">
        <v>1163469400</v>
      </c>
      <c r="CQ9" s="396">
        <v>1379485877</v>
      </c>
      <c r="CR9" s="396">
        <v>1013154057</v>
      </c>
      <c r="CS9" s="396">
        <v>653856412</v>
      </c>
      <c r="CT9" s="396">
        <v>352091907</v>
      </c>
      <c r="CU9" s="401">
        <v>4562057653</v>
      </c>
      <c r="CV9" s="393">
        <v>4562057653</v>
      </c>
      <c r="CW9" s="397">
        <v>33141737</v>
      </c>
      <c r="CX9" s="396">
        <v>103003265</v>
      </c>
      <c r="CY9" s="394">
        <v>136145002</v>
      </c>
      <c r="CZ9" s="395">
        <v>0</v>
      </c>
      <c r="DA9" s="396">
        <v>217343137</v>
      </c>
      <c r="DB9" s="396">
        <v>397415605</v>
      </c>
      <c r="DC9" s="396">
        <v>279701909</v>
      </c>
      <c r="DD9" s="396">
        <v>215515882</v>
      </c>
      <c r="DE9" s="396">
        <v>83380846</v>
      </c>
      <c r="DF9" s="394">
        <v>1193357379</v>
      </c>
      <c r="DG9" s="393">
        <v>1329502381</v>
      </c>
      <c r="DH9" s="397">
        <v>1698899</v>
      </c>
      <c r="DI9" s="396">
        <v>8413575</v>
      </c>
      <c r="DJ9" s="399">
        <v>10112474</v>
      </c>
      <c r="DK9" s="395">
        <v>0</v>
      </c>
      <c r="DL9" s="396">
        <v>121336458</v>
      </c>
      <c r="DM9" s="396">
        <v>276105490</v>
      </c>
      <c r="DN9" s="396">
        <v>509505725</v>
      </c>
      <c r="DO9" s="396">
        <v>449152048</v>
      </c>
      <c r="DP9" s="396">
        <v>241235237</v>
      </c>
      <c r="DQ9" s="402">
        <v>1597334958</v>
      </c>
      <c r="DR9" s="393">
        <v>1607447432</v>
      </c>
      <c r="DS9" s="397">
        <v>1468996</v>
      </c>
      <c r="DT9" s="396">
        <v>7218746</v>
      </c>
      <c r="DU9" s="394">
        <v>8687742</v>
      </c>
      <c r="DV9" s="395">
        <v>0</v>
      </c>
      <c r="DW9" s="396">
        <v>110574739</v>
      </c>
      <c r="DX9" s="396">
        <v>247657012</v>
      </c>
      <c r="DY9" s="396">
        <v>466703635</v>
      </c>
      <c r="DZ9" s="396">
        <v>405639575</v>
      </c>
      <c r="EA9" s="396">
        <v>210278398</v>
      </c>
      <c r="EB9" s="394">
        <v>1440853359</v>
      </c>
      <c r="EC9" s="393">
        <v>1449541101</v>
      </c>
      <c r="ED9" s="397">
        <v>229903</v>
      </c>
      <c r="EE9" s="392">
        <v>1194829</v>
      </c>
      <c r="EF9" s="394">
        <v>1424732</v>
      </c>
      <c r="EG9" s="398">
        <v>0</v>
      </c>
      <c r="EH9" s="396">
        <v>10761719</v>
      </c>
      <c r="EI9" s="396">
        <v>28448478</v>
      </c>
      <c r="EJ9" s="396">
        <v>42802090</v>
      </c>
      <c r="EK9" s="396">
        <v>43512473</v>
      </c>
      <c r="EL9" s="400">
        <v>30956839</v>
      </c>
      <c r="EM9" s="392">
        <v>156481599</v>
      </c>
      <c r="EN9" s="393">
        <v>157906331</v>
      </c>
      <c r="EO9" s="397">
        <v>0</v>
      </c>
      <c r="EP9" s="396">
        <v>0</v>
      </c>
      <c r="EQ9" s="392">
        <v>0</v>
      </c>
      <c r="ER9" s="395">
        <v>0</v>
      </c>
      <c r="ES9" s="396">
        <v>0</v>
      </c>
      <c r="ET9" s="396">
        <v>0</v>
      </c>
      <c r="EU9" s="396">
        <v>0</v>
      </c>
      <c r="EV9" s="396">
        <v>0</v>
      </c>
      <c r="EW9" s="396">
        <v>0</v>
      </c>
      <c r="EX9" s="401">
        <v>0</v>
      </c>
      <c r="EY9" s="393">
        <v>0</v>
      </c>
      <c r="EZ9" s="397">
        <v>0</v>
      </c>
      <c r="FA9" s="396">
        <v>0</v>
      </c>
      <c r="FB9" s="392">
        <v>0</v>
      </c>
      <c r="FC9" s="403"/>
      <c r="FD9" s="396">
        <v>0</v>
      </c>
      <c r="FE9" s="396">
        <v>0</v>
      </c>
      <c r="FF9" s="396">
        <v>0</v>
      </c>
      <c r="FG9" s="396">
        <v>0</v>
      </c>
      <c r="FH9" s="396">
        <v>0</v>
      </c>
      <c r="FI9" s="401">
        <v>0</v>
      </c>
      <c r="FJ9" s="393">
        <v>0</v>
      </c>
      <c r="FK9" s="397">
        <v>84058882</v>
      </c>
      <c r="FL9" s="396">
        <v>175856824</v>
      </c>
      <c r="FM9" s="394">
        <v>259915706</v>
      </c>
      <c r="FN9" s="395">
        <v>0</v>
      </c>
      <c r="FO9" s="396">
        <v>231190373</v>
      </c>
      <c r="FP9" s="396">
        <v>601485360</v>
      </c>
      <c r="FQ9" s="396">
        <v>423515841</v>
      </c>
      <c r="FR9" s="396">
        <v>395361374</v>
      </c>
      <c r="FS9" s="396">
        <v>293735481</v>
      </c>
      <c r="FT9" s="394">
        <v>1945288429</v>
      </c>
      <c r="FU9" s="393">
        <v>2205204135</v>
      </c>
      <c r="FV9" s="397">
        <v>48754932</v>
      </c>
      <c r="FW9" s="396">
        <v>135927925</v>
      </c>
      <c r="FX9" s="392">
        <v>184682857</v>
      </c>
      <c r="FY9" s="398">
        <v>0</v>
      </c>
      <c r="FZ9" s="396">
        <v>188299346</v>
      </c>
      <c r="GA9" s="404">
        <v>557818335</v>
      </c>
      <c r="GB9" s="396">
        <v>398634058</v>
      </c>
      <c r="GC9" s="404">
        <v>373205919</v>
      </c>
      <c r="GD9" s="396">
        <v>283074358</v>
      </c>
      <c r="GE9" s="401">
        <v>1801032016</v>
      </c>
      <c r="GF9" s="405">
        <v>1985714873</v>
      </c>
      <c r="GG9" s="406">
        <v>4647529</v>
      </c>
      <c r="GH9" s="396">
        <v>8149535</v>
      </c>
      <c r="GI9" s="404">
        <v>12797064</v>
      </c>
      <c r="GJ9" s="391">
        <v>0</v>
      </c>
      <c r="GK9" s="396">
        <v>9901511</v>
      </c>
      <c r="GL9" s="392">
        <v>14569886</v>
      </c>
      <c r="GM9" s="396">
        <v>9742983</v>
      </c>
      <c r="GN9" s="392">
        <v>9043630</v>
      </c>
      <c r="GO9" s="396">
        <v>4617647</v>
      </c>
      <c r="GP9" s="402">
        <v>47875657</v>
      </c>
      <c r="GQ9" s="393">
        <v>60672721</v>
      </c>
      <c r="GR9" s="392">
        <v>30656421</v>
      </c>
      <c r="GS9" s="396">
        <v>31779364</v>
      </c>
      <c r="GT9" s="394">
        <v>62435785</v>
      </c>
      <c r="GU9" s="392">
        <v>0</v>
      </c>
      <c r="GV9" s="396">
        <v>32989516</v>
      </c>
      <c r="GW9" s="392">
        <v>29097139</v>
      </c>
      <c r="GX9" s="396">
        <v>15138800</v>
      </c>
      <c r="GY9" s="392">
        <v>13111825</v>
      </c>
      <c r="GZ9" s="396">
        <v>6043476</v>
      </c>
      <c r="HA9" s="392">
        <v>96380756</v>
      </c>
      <c r="HB9" s="393">
        <v>158816541</v>
      </c>
      <c r="HC9" s="392">
        <v>103684437</v>
      </c>
      <c r="HD9" s="396">
        <v>130620787</v>
      </c>
      <c r="HE9" s="392">
        <v>234305224</v>
      </c>
      <c r="HF9" s="398">
        <v>0</v>
      </c>
      <c r="HG9" s="396">
        <v>1010827798</v>
      </c>
      <c r="HH9" s="404">
        <v>1008599642</v>
      </c>
      <c r="HI9" s="396">
        <v>948709542</v>
      </c>
      <c r="HJ9" s="404">
        <v>1175788936</v>
      </c>
      <c r="HK9" s="396">
        <v>746296739</v>
      </c>
      <c r="HL9" s="401">
        <v>4890222657</v>
      </c>
      <c r="HM9" s="392">
        <v>5124527881</v>
      </c>
      <c r="HN9" s="406">
        <v>66202735</v>
      </c>
      <c r="HO9" s="396">
        <v>131364915</v>
      </c>
      <c r="HP9" s="401">
        <v>197567650</v>
      </c>
      <c r="HQ9" s="392">
        <v>0</v>
      </c>
      <c r="HR9" s="396">
        <v>815529598</v>
      </c>
      <c r="HS9" s="392">
        <v>865024807</v>
      </c>
      <c r="HT9" s="396">
        <v>570445891</v>
      </c>
      <c r="HU9" s="392">
        <v>405648225</v>
      </c>
      <c r="HV9" s="396">
        <v>245719894</v>
      </c>
      <c r="HW9" s="392">
        <v>2902368415</v>
      </c>
      <c r="HX9" s="393">
        <v>3099936065</v>
      </c>
      <c r="HY9" s="407">
        <v>8944276</v>
      </c>
      <c r="HZ9" s="408">
        <v>33099251</v>
      </c>
      <c r="IA9" s="409">
        <v>42043527</v>
      </c>
      <c r="IB9" s="410">
        <v>0</v>
      </c>
      <c r="IC9" s="408">
        <v>1653838795</v>
      </c>
      <c r="ID9" s="411">
        <v>2139501034</v>
      </c>
      <c r="IE9" s="412">
        <v>2227679609</v>
      </c>
      <c r="IF9" s="408">
        <v>1615155349</v>
      </c>
      <c r="IG9" s="412">
        <v>1164459636</v>
      </c>
      <c r="IH9" s="413">
        <v>8800634423</v>
      </c>
      <c r="II9" s="414">
        <v>8842677950</v>
      </c>
      <c r="IJ9" s="415">
        <v>0</v>
      </c>
      <c r="IK9" s="416">
        <v>0</v>
      </c>
      <c r="IL9" s="417">
        <v>0</v>
      </c>
      <c r="IM9" s="418"/>
      <c r="IN9" s="419">
        <v>25437068</v>
      </c>
      <c r="IO9" s="419">
        <v>47091199</v>
      </c>
      <c r="IP9" s="419">
        <v>60291703</v>
      </c>
      <c r="IQ9" s="419">
        <v>93628844</v>
      </c>
      <c r="IR9" s="419">
        <v>92725318</v>
      </c>
      <c r="IS9" s="420">
        <v>319174132</v>
      </c>
      <c r="IT9" s="421">
        <v>319174132</v>
      </c>
      <c r="IU9" s="422">
        <v>0</v>
      </c>
      <c r="IV9" s="419">
        <v>0</v>
      </c>
      <c r="IW9" s="423">
        <v>0</v>
      </c>
      <c r="IX9" s="424"/>
      <c r="IY9" s="419">
        <v>4066992</v>
      </c>
      <c r="IZ9" s="419">
        <v>12379922</v>
      </c>
      <c r="JA9" s="419">
        <v>13269847</v>
      </c>
      <c r="JB9" s="419">
        <v>14952636</v>
      </c>
      <c r="JC9" s="419">
        <v>17630526</v>
      </c>
      <c r="JD9" s="423">
        <v>62299923</v>
      </c>
      <c r="JE9" s="425">
        <v>62299923</v>
      </c>
      <c r="JF9" s="422">
        <v>0</v>
      </c>
      <c r="JG9" s="419">
        <v>0</v>
      </c>
      <c r="JH9" s="420">
        <v>0</v>
      </c>
      <c r="JI9" s="426">
        <v>0</v>
      </c>
      <c r="JJ9" s="419">
        <v>626285473</v>
      </c>
      <c r="JK9" s="419">
        <v>726663700</v>
      </c>
      <c r="JL9" s="419">
        <v>543997538</v>
      </c>
      <c r="JM9" s="419">
        <v>325033479</v>
      </c>
      <c r="JN9" s="419">
        <v>180444127</v>
      </c>
      <c r="JO9" s="423">
        <v>2402424317</v>
      </c>
      <c r="JP9" s="421">
        <v>2402424317</v>
      </c>
      <c r="JQ9" s="422">
        <v>216804</v>
      </c>
      <c r="JR9" s="419">
        <v>470913</v>
      </c>
      <c r="JS9" s="420">
        <v>687717</v>
      </c>
      <c r="JT9" s="426">
        <v>0</v>
      </c>
      <c r="JU9" s="419">
        <v>69327828</v>
      </c>
      <c r="JV9" s="419">
        <v>100075144</v>
      </c>
      <c r="JW9" s="419">
        <v>149038712</v>
      </c>
      <c r="JX9" s="419">
        <v>85386020</v>
      </c>
      <c r="JY9" s="419">
        <v>78804927</v>
      </c>
      <c r="JZ9" s="423">
        <v>482632631</v>
      </c>
      <c r="KA9" s="421">
        <v>483320348</v>
      </c>
      <c r="KB9" s="427">
        <v>8727472</v>
      </c>
      <c r="KC9" s="428">
        <v>21966692</v>
      </c>
      <c r="KD9" s="423">
        <v>30694164</v>
      </c>
      <c r="KE9" s="426">
        <v>0</v>
      </c>
      <c r="KF9" s="419">
        <v>190721114</v>
      </c>
      <c r="KG9" s="419">
        <v>291070024</v>
      </c>
      <c r="KH9" s="419">
        <v>344990203</v>
      </c>
      <c r="KI9" s="419">
        <v>263263299</v>
      </c>
      <c r="KJ9" s="419">
        <v>149358327</v>
      </c>
      <c r="KK9" s="423">
        <v>1239402967</v>
      </c>
      <c r="KL9" s="429">
        <v>1270097131</v>
      </c>
      <c r="KM9" s="415">
        <v>0</v>
      </c>
      <c r="KN9" s="416">
        <v>10661646</v>
      </c>
      <c r="KO9" s="417">
        <v>10661646</v>
      </c>
      <c r="KP9" s="418"/>
      <c r="KQ9" s="419">
        <v>700727004</v>
      </c>
      <c r="KR9" s="419">
        <v>892864389</v>
      </c>
      <c r="KS9" s="419">
        <v>957188534</v>
      </c>
      <c r="KT9" s="419">
        <v>628342634</v>
      </c>
      <c r="KU9" s="419">
        <v>433443699</v>
      </c>
      <c r="KV9" s="423">
        <v>3612566260</v>
      </c>
      <c r="KW9" s="421">
        <v>3623227906</v>
      </c>
      <c r="KX9" s="422">
        <v>0</v>
      </c>
      <c r="KY9" s="419">
        <v>0</v>
      </c>
      <c r="KZ9" s="423">
        <v>0</v>
      </c>
      <c r="LA9" s="430"/>
      <c r="LB9" s="419">
        <v>5774694</v>
      </c>
      <c r="LC9" s="419">
        <v>10813058</v>
      </c>
      <c r="LD9" s="419">
        <v>11987716</v>
      </c>
      <c r="LE9" s="419">
        <v>14798467</v>
      </c>
      <c r="LF9" s="419">
        <v>12841146</v>
      </c>
      <c r="LG9" s="423">
        <v>56215081</v>
      </c>
      <c r="LH9" s="425">
        <v>56215081</v>
      </c>
      <c r="LI9" s="422">
        <v>0</v>
      </c>
      <c r="LJ9" s="419">
        <v>0</v>
      </c>
      <c r="LK9" s="423">
        <v>0</v>
      </c>
      <c r="LL9" s="430"/>
      <c r="LM9" s="419">
        <v>3468927</v>
      </c>
      <c r="LN9" s="419">
        <v>6998511</v>
      </c>
      <c r="LO9" s="419">
        <v>66918042</v>
      </c>
      <c r="LP9" s="419">
        <v>93048312</v>
      </c>
      <c r="LQ9" s="419">
        <v>66654536</v>
      </c>
      <c r="LR9" s="423">
        <v>237088328</v>
      </c>
      <c r="LS9" s="421">
        <v>237088328</v>
      </c>
      <c r="LT9" s="422">
        <v>0</v>
      </c>
      <c r="LU9" s="419">
        <v>0</v>
      </c>
      <c r="LV9" s="423">
        <v>0</v>
      </c>
      <c r="LW9" s="430"/>
      <c r="LX9" s="419">
        <v>28029695</v>
      </c>
      <c r="LY9" s="419">
        <v>51545087</v>
      </c>
      <c r="LZ9" s="419">
        <v>79997314</v>
      </c>
      <c r="MA9" s="419">
        <v>96701658</v>
      </c>
      <c r="MB9" s="419">
        <v>132557030</v>
      </c>
      <c r="MC9" s="423">
        <v>388830784</v>
      </c>
      <c r="MD9" s="425">
        <v>388830784</v>
      </c>
      <c r="ME9" s="422">
        <v>0</v>
      </c>
      <c r="MF9" s="419">
        <v>0</v>
      </c>
      <c r="MG9" s="423">
        <v>0</v>
      </c>
      <c r="MH9" s="430"/>
      <c r="MI9" s="419">
        <v>599768580</v>
      </c>
      <c r="MJ9" s="419">
        <v>1390075471</v>
      </c>
      <c r="MK9" s="419">
        <v>3991949735</v>
      </c>
      <c r="ML9" s="419">
        <v>5854658434</v>
      </c>
      <c r="MM9" s="419">
        <v>4257657284</v>
      </c>
      <c r="MN9" s="423">
        <v>16094109504</v>
      </c>
      <c r="MO9" s="429">
        <v>16094109504</v>
      </c>
      <c r="MP9" s="422">
        <v>0</v>
      </c>
      <c r="MQ9" s="419">
        <v>0</v>
      </c>
      <c r="MR9" s="423">
        <v>0</v>
      </c>
      <c r="MS9" s="430"/>
      <c r="MT9" s="419">
        <v>97524475</v>
      </c>
      <c r="MU9" s="419">
        <v>368260483</v>
      </c>
      <c r="MV9" s="419">
        <v>2534520108</v>
      </c>
      <c r="MW9" s="419">
        <v>3922023390</v>
      </c>
      <c r="MX9" s="419">
        <v>3022730663</v>
      </c>
      <c r="MY9" s="423">
        <v>9945059119</v>
      </c>
      <c r="MZ9" s="429">
        <v>9945059119</v>
      </c>
      <c r="NA9" s="422">
        <v>0</v>
      </c>
      <c r="NB9" s="419">
        <v>0</v>
      </c>
      <c r="NC9" s="423">
        <v>0</v>
      </c>
      <c r="ND9" s="430"/>
      <c r="NE9" s="419">
        <v>498379523</v>
      </c>
      <c r="NF9" s="419">
        <v>1016086758</v>
      </c>
      <c r="NG9" s="419">
        <v>1431703642</v>
      </c>
      <c r="NH9" s="419">
        <v>1767431144</v>
      </c>
      <c r="NI9" s="419">
        <v>985610989</v>
      </c>
      <c r="NJ9" s="423">
        <v>5699212056</v>
      </c>
      <c r="NK9" s="421">
        <v>5699212056</v>
      </c>
      <c r="NL9" s="422">
        <v>0</v>
      </c>
      <c r="NM9" s="419">
        <v>0</v>
      </c>
      <c r="NN9" s="423">
        <v>0</v>
      </c>
      <c r="NO9" s="430"/>
      <c r="NP9" s="419">
        <v>378135</v>
      </c>
      <c r="NQ9" s="419">
        <v>512505</v>
      </c>
      <c r="NR9" s="419">
        <v>5103999</v>
      </c>
      <c r="NS9" s="419">
        <v>59481986</v>
      </c>
      <c r="NT9" s="419">
        <v>93137582</v>
      </c>
      <c r="NU9" s="423">
        <v>158614207</v>
      </c>
      <c r="NV9" s="425">
        <v>158614207</v>
      </c>
      <c r="NW9" s="422">
        <v>0</v>
      </c>
      <c r="NX9" s="419">
        <v>0</v>
      </c>
      <c r="NY9" s="423">
        <v>0</v>
      </c>
      <c r="NZ9" s="430"/>
      <c r="OA9" s="419">
        <v>3486447</v>
      </c>
      <c r="OB9" s="419">
        <v>5215725</v>
      </c>
      <c r="OC9" s="419">
        <v>20621986</v>
      </c>
      <c r="OD9" s="419">
        <v>105721914</v>
      </c>
      <c r="OE9" s="419">
        <v>156178050</v>
      </c>
      <c r="OF9" s="423">
        <v>291224122</v>
      </c>
      <c r="OG9" s="425">
        <v>291224122</v>
      </c>
      <c r="OH9" s="422">
        <v>391127088</v>
      </c>
      <c r="OI9" s="419">
        <v>821503608</v>
      </c>
      <c r="OJ9" s="420">
        <v>1212630696</v>
      </c>
      <c r="OK9" s="426">
        <v>0</v>
      </c>
      <c r="OL9" s="419">
        <v>7263256184</v>
      </c>
      <c r="OM9" s="419">
        <v>10238536621</v>
      </c>
      <c r="ON9" s="419">
        <v>11814172778</v>
      </c>
      <c r="OO9" s="419">
        <v>12804521087</v>
      </c>
      <c r="OP9" s="419">
        <v>9456143782</v>
      </c>
      <c r="OQ9" s="423">
        <v>51576630452</v>
      </c>
      <c r="OR9" s="429">
        <v>52789261148</v>
      </c>
    </row>
    <row r="10" spans="1:408" s="431" customFormat="1" ht="18.75" customHeight="1" x14ac:dyDescent="0.2">
      <c r="A10" s="432" t="s">
        <v>5</v>
      </c>
      <c r="B10" s="433">
        <v>150390569</v>
      </c>
      <c r="C10" s="434">
        <v>356376675</v>
      </c>
      <c r="D10" s="435">
        <v>506767244</v>
      </c>
      <c r="E10" s="436">
        <v>0</v>
      </c>
      <c r="F10" s="434">
        <v>1735346281</v>
      </c>
      <c r="G10" s="434">
        <v>3072624042</v>
      </c>
      <c r="H10" s="434">
        <v>2320496920</v>
      </c>
      <c r="I10" s="434">
        <v>2133707850</v>
      </c>
      <c r="J10" s="434">
        <v>1653208594</v>
      </c>
      <c r="K10" s="436">
        <v>10915383687</v>
      </c>
      <c r="L10" s="437">
        <v>11422150931</v>
      </c>
      <c r="M10" s="433">
        <v>40207833</v>
      </c>
      <c r="N10" s="434">
        <v>125091419</v>
      </c>
      <c r="O10" s="435">
        <v>165299252</v>
      </c>
      <c r="P10" s="433">
        <v>0</v>
      </c>
      <c r="Q10" s="434">
        <v>523048191</v>
      </c>
      <c r="R10" s="434">
        <v>1053422446</v>
      </c>
      <c r="S10" s="434">
        <v>797950787</v>
      </c>
      <c r="T10" s="434">
        <v>813488531</v>
      </c>
      <c r="U10" s="434">
        <v>858100736</v>
      </c>
      <c r="V10" s="435">
        <v>4046010691</v>
      </c>
      <c r="W10" s="437">
        <v>4211309943</v>
      </c>
      <c r="X10" s="433">
        <v>0</v>
      </c>
      <c r="Y10" s="434">
        <v>0</v>
      </c>
      <c r="Z10" s="435">
        <v>0</v>
      </c>
      <c r="AA10" s="433">
        <v>0</v>
      </c>
      <c r="AB10" s="434">
        <v>249723463</v>
      </c>
      <c r="AC10" s="434">
        <v>510027481</v>
      </c>
      <c r="AD10" s="434">
        <v>424744802</v>
      </c>
      <c r="AE10" s="434">
        <v>439988192</v>
      </c>
      <c r="AF10" s="434">
        <v>469647040</v>
      </c>
      <c r="AG10" s="435">
        <v>2094130978</v>
      </c>
      <c r="AH10" s="437">
        <v>2094130978</v>
      </c>
      <c r="AI10" s="433">
        <v>18405</v>
      </c>
      <c r="AJ10" s="434">
        <v>617607</v>
      </c>
      <c r="AK10" s="435">
        <v>636012</v>
      </c>
      <c r="AL10" s="433">
        <v>0</v>
      </c>
      <c r="AM10" s="434">
        <v>1531029</v>
      </c>
      <c r="AN10" s="434">
        <v>10156628</v>
      </c>
      <c r="AO10" s="434">
        <v>19813070</v>
      </c>
      <c r="AP10" s="434">
        <v>47796508</v>
      </c>
      <c r="AQ10" s="434">
        <v>108377488</v>
      </c>
      <c r="AR10" s="435">
        <v>187674723</v>
      </c>
      <c r="AS10" s="437">
        <v>188310735</v>
      </c>
      <c r="AT10" s="433">
        <v>23162387</v>
      </c>
      <c r="AU10" s="434">
        <v>92328327</v>
      </c>
      <c r="AV10" s="435">
        <v>115490714</v>
      </c>
      <c r="AW10" s="433">
        <v>0</v>
      </c>
      <c r="AX10" s="434">
        <v>170762626</v>
      </c>
      <c r="AY10" s="434">
        <v>377217706</v>
      </c>
      <c r="AZ10" s="434">
        <v>227719302</v>
      </c>
      <c r="BA10" s="434">
        <v>205808158</v>
      </c>
      <c r="BB10" s="434">
        <v>189687465</v>
      </c>
      <c r="BC10" s="435">
        <v>1171195257</v>
      </c>
      <c r="BD10" s="437">
        <v>1286685971</v>
      </c>
      <c r="BE10" s="433">
        <v>2667911</v>
      </c>
      <c r="BF10" s="434">
        <v>12721272</v>
      </c>
      <c r="BG10" s="438">
        <v>15389183</v>
      </c>
      <c r="BH10" s="439">
        <v>0</v>
      </c>
      <c r="BI10" s="434">
        <v>8594902</v>
      </c>
      <c r="BJ10" s="434">
        <v>26724936</v>
      </c>
      <c r="BK10" s="434">
        <v>17516296</v>
      </c>
      <c r="BL10" s="434">
        <v>14894315</v>
      </c>
      <c r="BM10" s="434">
        <v>9100684</v>
      </c>
      <c r="BN10" s="435">
        <v>76831133</v>
      </c>
      <c r="BO10" s="437">
        <v>92220316</v>
      </c>
      <c r="BP10" s="433">
        <v>14359130</v>
      </c>
      <c r="BQ10" s="434">
        <v>19424213</v>
      </c>
      <c r="BR10" s="435">
        <v>33783343</v>
      </c>
      <c r="BS10" s="433">
        <v>0</v>
      </c>
      <c r="BT10" s="434">
        <v>92436171</v>
      </c>
      <c r="BU10" s="434">
        <v>129295695</v>
      </c>
      <c r="BV10" s="434">
        <v>108157317</v>
      </c>
      <c r="BW10" s="434">
        <v>105001358</v>
      </c>
      <c r="BX10" s="434">
        <v>81288059</v>
      </c>
      <c r="BY10" s="435">
        <v>516178600</v>
      </c>
      <c r="BZ10" s="437">
        <v>549961943</v>
      </c>
      <c r="CA10" s="433">
        <v>14592117</v>
      </c>
      <c r="CB10" s="434">
        <v>47307305</v>
      </c>
      <c r="CC10" s="435">
        <v>61899422</v>
      </c>
      <c r="CD10" s="433">
        <v>0</v>
      </c>
      <c r="CE10" s="434">
        <v>431254202</v>
      </c>
      <c r="CF10" s="434">
        <v>751755370</v>
      </c>
      <c r="CG10" s="434">
        <v>488516268</v>
      </c>
      <c r="CH10" s="434">
        <v>312067164</v>
      </c>
      <c r="CI10" s="434">
        <v>159710098</v>
      </c>
      <c r="CJ10" s="435">
        <v>2143303102</v>
      </c>
      <c r="CK10" s="437">
        <v>2205202524</v>
      </c>
      <c r="CL10" s="433">
        <v>0</v>
      </c>
      <c r="CM10" s="434">
        <v>0</v>
      </c>
      <c r="CN10" s="435">
        <v>0</v>
      </c>
      <c r="CO10" s="439">
        <v>0</v>
      </c>
      <c r="CP10" s="434">
        <v>366982227</v>
      </c>
      <c r="CQ10" s="434">
        <v>567129277</v>
      </c>
      <c r="CR10" s="434">
        <v>364467306</v>
      </c>
      <c r="CS10" s="434">
        <v>221566985</v>
      </c>
      <c r="CT10" s="434">
        <v>122050251</v>
      </c>
      <c r="CU10" s="435">
        <v>1642196046</v>
      </c>
      <c r="CV10" s="437">
        <v>1642196046</v>
      </c>
      <c r="CW10" s="433">
        <v>14592117</v>
      </c>
      <c r="CX10" s="434">
        <v>47307305</v>
      </c>
      <c r="CY10" s="435">
        <v>61899422</v>
      </c>
      <c r="CZ10" s="433">
        <v>0</v>
      </c>
      <c r="DA10" s="434">
        <v>64271975</v>
      </c>
      <c r="DB10" s="434">
        <v>184626093</v>
      </c>
      <c r="DC10" s="434">
        <v>124048962</v>
      </c>
      <c r="DD10" s="434">
        <v>90500179</v>
      </c>
      <c r="DE10" s="434">
        <v>37659847</v>
      </c>
      <c r="DF10" s="435">
        <v>501107056</v>
      </c>
      <c r="DG10" s="437">
        <v>563006478</v>
      </c>
      <c r="DH10" s="433">
        <v>458259</v>
      </c>
      <c r="DI10" s="434">
        <v>4197906</v>
      </c>
      <c r="DJ10" s="438">
        <v>4656165</v>
      </c>
      <c r="DK10" s="439">
        <v>0</v>
      </c>
      <c r="DL10" s="434">
        <v>37125074</v>
      </c>
      <c r="DM10" s="434">
        <v>118228121</v>
      </c>
      <c r="DN10" s="434">
        <v>199538832</v>
      </c>
      <c r="DO10" s="434">
        <v>175572819</v>
      </c>
      <c r="DP10" s="434">
        <v>98311537</v>
      </c>
      <c r="DQ10" s="435">
        <v>628776383</v>
      </c>
      <c r="DR10" s="437">
        <v>633432548</v>
      </c>
      <c r="DS10" s="433">
        <v>423383</v>
      </c>
      <c r="DT10" s="434">
        <v>3134133</v>
      </c>
      <c r="DU10" s="435">
        <v>3557516</v>
      </c>
      <c r="DV10" s="433">
        <v>0</v>
      </c>
      <c r="DW10" s="434">
        <v>32322880</v>
      </c>
      <c r="DX10" s="434">
        <v>99358631</v>
      </c>
      <c r="DY10" s="434">
        <v>175586685</v>
      </c>
      <c r="DZ10" s="434">
        <v>150048267</v>
      </c>
      <c r="EA10" s="434">
        <v>78524507</v>
      </c>
      <c r="EB10" s="435">
        <v>535840970</v>
      </c>
      <c r="EC10" s="437">
        <v>539398486</v>
      </c>
      <c r="ED10" s="433">
        <v>34876</v>
      </c>
      <c r="EE10" s="438">
        <v>1063773</v>
      </c>
      <c r="EF10" s="435">
        <v>1098649</v>
      </c>
      <c r="EG10" s="433">
        <v>0</v>
      </c>
      <c r="EH10" s="434">
        <v>4802194</v>
      </c>
      <c r="EI10" s="434">
        <v>18869490</v>
      </c>
      <c r="EJ10" s="434">
        <v>23952147</v>
      </c>
      <c r="EK10" s="434">
        <v>25524552</v>
      </c>
      <c r="EL10" s="434">
        <v>19787030</v>
      </c>
      <c r="EM10" s="438">
        <v>92935413</v>
      </c>
      <c r="EN10" s="437">
        <v>94034062</v>
      </c>
      <c r="EO10" s="433">
        <v>0</v>
      </c>
      <c r="EP10" s="434">
        <v>0</v>
      </c>
      <c r="EQ10" s="438">
        <v>0</v>
      </c>
      <c r="ER10" s="439">
        <v>0</v>
      </c>
      <c r="ES10" s="434">
        <v>0</v>
      </c>
      <c r="ET10" s="434">
        <v>0</v>
      </c>
      <c r="EU10" s="434">
        <v>0</v>
      </c>
      <c r="EV10" s="434">
        <v>0</v>
      </c>
      <c r="EW10" s="434">
        <v>0</v>
      </c>
      <c r="EX10" s="435">
        <v>0</v>
      </c>
      <c r="EY10" s="437">
        <v>0</v>
      </c>
      <c r="EZ10" s="433">
        <v>0</v>
      </c>
      <c r="FA10" s="434">
        <v>0</v>
      </c>
      <c r="FB10" s="438">
        <v>0</v>
      </c>
      <c r="FC10" s="440"/>
      <c r="FD10" s="434">
        <v>0</v>
      </c>
      <c r="FE10" s="434">
        <v>0</v>
      </c>
      <c r="FF10" s="434">
        <v>0</v>
      </c>
      <c r="FG10" s="434">
        <v>0</v>
      </c>
      <c r="FH10" s="434">
        <v>0</v>
      </c>
      <c r="FI10" s="435">
        <v>0</v>
      </c>
      <c r="FJ10" s="437">
        <v>0</v>
      </c>
      <c r="FK10" s="433">
        <v>27307562</v>
      </c>
      <c r="FL10" s="434">
        <v>69946456</v>
      </c>
      <c r="FM10" s="435">
        <v>97254018</v>
      </c>
      <c r="FN10" s="433">
        <v>0</v>
      </c>
      <c r="FO10" s="434">
        <v>59230509</v>
      </c>
      <c r="FP10" s="434">
        <v>258816641</v>
      </c>
      <c r="FQ10" s="434">
        <v>170252118</v>
      </c>
      <c r="FR10" s="434">
        <v>150974531</v>
      </c>
      <c r="FS10" s="434">
        <v>118935915</v>
      </c>
      <c r="FT10" s="435">
        <v>758209714</v>
      </c>
      <c r="FU10" s="437">
        <v>855463732</v>
      </c>
      <c r="FV10" s="441">
        <v>15392031</v>
      </c>
      <c r="FW10" s="434">
        <v>55920114</v>
      </c>
      <c r="FX10" s="438">
        <v>71312145</v>
      </c>
      <c r="FY10" s="439">
        <v>0</v>
      </c>
      <c r="FZ10" s="434">
        <v>49922101</v>
      </c>
      <c r="GA10" s="434">
        <v>244353232</v>
      </c>
      <c r="GB10" s="434">
        <v>162750128</v>
      </c>
      <c r="GC10" s="434">
        <v>144167403</v>
      </c>
      <c r="GD10" s="434">
        <v>115046097</v>
      </c>
      <c r="GE10" s="435">
        <v>716238961</v>
      </c>
      <c r="GF10" s="442">
        <v>787551106</v>
      </c>
      <c r="GG10" s="441">
        <v>1512886</v>
      </c>
      <c r="GH10" s="434">
        <v>2965413</v>
      </c>
      <c r="GI10" s="438">
        <v>4478299</v>
      </c>
      <c r="GJ10" s="439">
        <v>0</v>
      </c>
      <c r="GK10" s="434">
        <v>1957119</v>
      </c>
      <c r="GL10" s="434">
        <v>4372858</v>
      </c>
      <c r="GM10" s="434">
        <v>2977813</v>
      </c>
      <c r="GN10" s="434">
        <v>2811828</v>
      </c>
      <c r="GO10" s="434">
        <v>1297275</v>
      </c>
      <c r="GP10" s="435">
        <v>13416893</v>
      </c>
      <c r="GQ10" s="437">
        <v>17895192</v>
      </c>
      <c r="GR10" s="433">
        <v>10402645</v>
      </c>
      <c r="GS10" s="434">
        <v>11060929</v>
      </c>
      <c r="GT10" s="435">
        <v>21463574</v>
      </c>
      <c r="GU10" s="433">
        <v>0</v>
      </c>
      <c r="GV10" s="434">
        <v>7351289</v>
      </c>
      <c r="GW10" s="434">
        <v>10090551</v>
      </c>
      <c r="GX10" s="434">
        <v>4524177</v>
      </c>
      <c r="GY10" s="434">
        <v>3995300</v>
      </c>
      <c r="GZ10" s="434">
        <v>2592543</v>
      </c>
      <c r="HA10" s="438">
        <v>28553860</v>
      </c>
      <c r="HB10" s="437">
        <v>50017434</v>
      </c>
      <c r="HC10" s="433">
        <v>43735526</v>
      </c>
      <c r="HD10" s="434">
        <v>51007817</v>
      </c>
      <c r="HE10" s="438">
        <v>94743343</v>
      </c>
      <c r="HF10" s="439">
        <v>0</v>
      </c>
      <c r="HG10" s="434">
        <v>412398438</v>
      </c>
      <c r="HH10" s="434">
        <v>485339641</v>
      </c>
      <c r="HI10" s="434">
        <v>421296679</v>
      </c>
      <c r="HJ10" s="434">
        <v>513629176</v>
      </c>
      <c r="HK10" s="434">
        <v>314285919</v>
      </c>
      <c r="HL10" s="435">
        <v>2146949853</v>
      </c>
      <c r="HM10" s="436">
        <v>2241693196</v>
      </c>
      <c r="HN10" s="441">
        <v>24089272</v>
      </c>
      <c r="HO10" s="434">
        <v>58825772</v>
      </c>
      <c r="HP10" s="435">
        <v>82915044</v>
      </c>
      <c r="HQ10" s="433">
        <v>0</v>
      </c>
      <c r="HR10" s="434">
        <v>272289867</v>
      </c>
      <c r="HS10" s="434">
        <v>405061823</v>
      </c>
      <c r="HT10" s="434">
        <v>242942236</v>
      </c>
      <c r="HU10" s="434">
        <v>167975629</v>
      </c>
      <c r="HV10" s="434">
        <v>103864389</v>
      </c>
      <c r="HW10" s="438">
        <v>1192133944</v>
      </c>
      <c r="HX10" s="437">
        <v>1275048988</v>
      </c>
      <c r="HY10" s="443">
        <v>4080161</v>
      </c>
      <c r="HZ10" s="444">
        <v>11580918</v>
      </c>
      <c r="IA10" s="445">
        <v>15661079</v>
      </c>
      <c r="IB10" s="446">
        <v>0</v>
      </c>
      <c r="IC10" s="447">
        <v>628518759</v>
      </c>
      <c r="ID10" s="448">
        <v>945097800</v>
      </c>
      <c r="IE10" s="449">
        <v>951329425</v>
      </c>
      <c r="IF10" s="447">
        <v>677015036</v>
      </c>
      <c r="IG10" s="449">
        <v>516489653</v>
      </c>
      <c r="IH10" s="450">
        <v>3718450673</v>
      </c>
      <c r="II10" s="451">
        <v>3734111752</v>
      </c>
      <c r="IJ10" s="452">
        <v>0</v>
      </c>
      <c r="IK10" s="453">
        <v>0</v>
      </c>
      <c r="IL10" s="454">
        <v>0</v>
      </c>
      <c r="IM10" s="455"/>
      <c r="IN10" s="456">
        <v>10278528</v>
      </c>
      <c r="IO10" s="456">
        <v>23279512</v>
      </c>
      <c r="IP10" s="456">
        <v>32690496</v>
      </c>
      <c r="IQ10" s="456">
        <v>45495758</v>
      </c>
      <c r="IR10" s="456">
        <v>43562441</v>
      </c>
      <c r="IS10" s="457">
        <v>155306735</v>
      </c>
      <c r="IT10" s="458">
        <v>155306735</v>
      </c>
      <c r="IU10" s="459">
        <v>0</v>
      </c>
      <c r="IV10" s="456">
        <v>0</v>
      </c>
      <c r="IW10" s="460">
        <v>0</v>
      </c>
      <c r="IX10" s="461"/>
      <c r="IY10" s="456">
        <v>2430267</v>
      </c>
      <c r="IZ10" s="456">
        <v>9745493</v>
      </c>
      <c r="JA10" s="456">
        <v>9950068</v>
      </c>
      <c r="JB10" s="456">
        <v>10853561</v>
      </c>
      <c r="JC10" s="456">
        <v>12947110</v>
      </c>
      <c r="JD10" s="460">
        <v>45926499</v>
      </c>
      <c r="JE10" s="462">
        <v>45926499</v>
      </c>
      <c r="JF10" s="459">
        <v>0</v>
      </c>
      <c r="JG10" s="456">
        <v>0</v>
      </c>
      <c r="JH10" s="457">
        <v>0</v>
      </c>
      <c r="JI10" s="463">
        <v>0</v>
      </c>
      <c r="JJ10" s="456">
        <v>206381524</v>
      </c>
      <c r="JK10" s="456">
        <v>323032940</v>
      </c>
      <c r="JL10" s="456">
        <v>243875274</v>
      </c>
      <c r="JM10" s="456">
        <v>150072387</v>
      </c>
      <c r="JN10" s="456">
        <v>84521582</v>
      </c>
      <c r="JO10" s="460">
        <v>1007883707</v>
      </c>
      <c r="JP10" s="458">
        <v>1007883707</v>
      </c>
      <c r="JQ10" s="459">
        <v>86883</v>
      </c>
      <c r="JR10" s="456">
        <v>104221</v>
      </c>
      <c r="JS10" s="457">
        <v>191104</v>
      </c>
      <c r="JT10" s="463">
        <v>0</v>
      </c>
      <c r="JU10" s="456">
        <v>31523146</v>
      </c>
      <c r="JV10" s="456">
        <v>49653803</v>
      </c>
      <c r="JW10" s="456">
        <v>76692603</v>
      </c>
      <c r="JX10" s="456">
        <v>45625552</v>
      </c>
      <c r="JY10" s="456">
        <v>48154301</v>
      </c>
      <c r="JZ10" s="460">
        <v>251649405</v>
      </c>
      <c r="KA10" s="458">
        <v>251840509</v>
      </c>
      <c r="KB10" s="464">
        <v>3993278</v>
      </c>
      <c r="KC10" s="465">
        <v>8150394</v>
      </c>
      <c r="KD10" s="460">
        <v>12143672</v>
      </c>
      <c r="KE10" s="463">
        <v>0</v>
      </c>
      <c r="KF10" s="456">
        <v>68877258</v>
      </c>
      <c r="KG10" s="456">
        <v>120644201</v>
      </c>
      <c r="KH10" s="456">
        <v>156194540</v>
      </c>
      <c r="KI10" s="456">
        <v>119254969</v>
      </c>
      <c r="KJ10" s="456">
        <v>71288020</v>
      </c>
      <c r="KK10" s="460">
        <v>536258988</v>
      </c>
      <c r="KL10" s="466">
        <v>548402660</v>
      </c>
      <c r="KM10" s="452">
        <v>0</v>
      </c>
      <c r="KN10" s="453">
        <v>3326303</v>
      </c>
      <c r="KO10" s="454">
        <v>3326303</v>
      </c>
      <c r="KP10" s="455"/>
      <c r="KQ10" s="456">
        <v>303552018</v>
      </c>
      <c r="KR10" s="456">
        <v>407014307</v>
      </c>
      <c r="KS10" s="456">
        <v>404306589</v>
      </c>
      <c r="KT10" s="456">
        <v>268568414</v>
      </c>
      <c r="KU10" s="456">
        <v>195931958</v>
      </c>
      <c r="KV10" s="460">
        <v>1579373286</v>
      </c>
      <c r="KW10" s="458">
        <v>1582699589</v>
      </c>
      <c r="KX10" s="459">
        <v>0</v>
      </c>
      <c r="KY10" s="456">
        <v>0</v>
      </c>
      <c r="KZ10" s="460">
        <v>0</v>
      </c>
      <c r="LA10" s="467"/>
      <c r="LB10" s="456">
        <v>171830</v>
      </c>
      <c r="LC10" s="456">
        <v>193075</v>
      </c>
      <c r="LD10" s="456">
        <v>430530</v>
      </c>
      <c r="LE10" s="456">
        <v>707619</v>
      </c>
      <c r="LF10" s="456">
        <v>1288725</v>
      </c>
      <c r="LG10" s="460">
        <v>2791779</v>
      </c>
      <c r="LH10" s="462">
        <v>2791779</v>
      </c>
      <c r="LI10" s="459">
        <v>0</v>
      </c>
      <c r="LJ10" s="456">
        <v>0</v>
      </c>
      <c r="LK10" s="460">
        <v>0</v>
      </c>
      <c r="LL10" s="467"/>
      <c r="LM10" s="456">
        <v>1023669</v>
      </c>
      <c r="LN10" s="456">
        <v>1878794</v>
      </c>
      <c r="LO10" s="456">
        <v>6249725</v>
      </c>
      <c r="LP10" s="456">
        <v>9287366</v>
      </c>
      <c r="LQ10" s="456">
        <v>7241358</v>
      </c>
      <c r="LR10" s="460">
        <v>25680912</v>
      </c>
      <c r="LS10" s="458">
        <v>25680912</v>
      </c>
      <c r="LT10" s="459">
        <v>0</v>
      </c>
      <c r="LU10" s="456">
        <v>0</v>
      </c>
      <c r="LV10" s="460">
        <v>0</v>
      </c>
      <c r="LW10" s="467"/>
      <c r="LX10" s="456">
        <v>4280519</v>
      </c>
      <c r="LY10" s="456">
        <v>9655675</v>
      </c>
      <c r="LZ10" s="456">
        <v>20939600</v>
      </c>
      <c r="MA10" s="456">
        <v>27149410</v>
      </c>
      <c r="MB10" s="456">
        <v>51554158</v>
      </c>
      <c r="MC10" s="460">
        <v>113579362</v>
      </c>
      <c r="MD10" s="462">
        <v>113579362</v>
      </c>
      <c r="ME10" s="459">
        <v>0</v>
      </c>
      <c r="MF10" s="456">
        <v>0</v>
      </c>
      <c r="MG10" s="460">
        <v>0</v>
      </c>
      <c r="MH10" s="467"/>
      <c r="MI10" s="456">
        <v>235204761</v>
      </c>
      <c r="MJ10" s="456">
        <v>701383191</v>
      </c>
      <c r="MK10" s="456">
        <v>1765778265</v>
      </c>
      <c r="ML10" s="456">
        <v>2526269582</v>
      </c>
      <c r="MM10" s="456">
        <v>1900839912</v>
      </c>
      <c r="MN10" s="460">
        <v>7129475711</v>
      </c>
      <c r="MO10" s="466">
        <v>7129475711</v>
      </c>
      <c r="MP10" s="459">
        <v>0</v>
      </c>
      <c r="MQ10" s="456">
        <v>0</v>
      </c>
      <c r="MR10" s="460">
        <v>0</v>
      </c>
      <c r="MS10" s="467"/>
      <c r="MT10" s="456">
        <v>52141673</v>
      </c>
      <c r="MU10" s="456">
        <v>224297727</v>
      </c>
      <c r="MV10" s="456">
        <v>1115426646</v>
      </c>
      <c r="MW10" s="456">
        <v>1662263210</v>
      </c>
      <c r="MX10" s="456">
        <v>1339348365</v>
      </c>
      <c r="MY10" s="460">
        <v>4393477621</v>
      </c>
      <c r="MZ10" s="466">
        <v>4393477621</v>
      </c>
      <c r="NA10" s="459">
        <v>0</v>
      </c>
      <c r="NB10" s="456">
        <v>0</v>
      </c>
      <c r="NC10" s="460">
        <v>0</v>
      </c>
      <c r="ND10" s="467"/>
      <c r="NE10" s="456">
        <v>182453612</v>
      </c>
      <c r="NF10" s="456">
        <v>475659433</v>
      </c>
      <c r="NG10" s="456">
        <v>645835349</v>
      </c>
      <c r="NH10" s="456">
        <v>813114017</v>
      </c>
      <c r="NI10" s="456">
        <v>493242431</v>
      </c>
      <c r="NJ10" s="460">
        <v>2610304842</v>
      </c>
      <c r="NK10" s="458">
        <v>2610304842</v>
      </c>
      <c r="NL10" s="459">
        <v>0</v>
      </c>
      <c r="NM10" s="456">
        <v>0</v>
      </c>
      <c r="NN10" s="460">
        <v>0</v>
      </c>
      <c r="NO10" s="467"/>
      <c r="NP10" s="456">
        <v>0</v>
      </c>
      <c r="NQ10" s="456">
        <v>339194</v>
      </c>
      <c r="NR10" s="456">
        <v>979419</v>
      </c>
      <c r="NS10" s="456">
        <v>19114324</v>
      </c>
      <c r="NT10" s="456">
        <v>34235858</v>
      </c>
      <c r="NU10" s="460">
        <v>54668795</v>
      </c>
      <c r="NV10" s="462">
        <v>54668795</v>
      </c>
      <c r="NW10" s="459">
        <v>0</v>
      </c>
      <c r="NX10" s="456">
        <v>0</v>
      </c>
      <c r="NY10" s="460">
        <v>0</v>
      </c>
      <c r="NZ10" s="467"/>
      <c r="OA10" s="456">
        <v>609476</v>
      </c>
      <c r="OB10" s="456">
        <v>1086837</v>
      </c>
      <c r="OC10" s="456">
        <v>3536851</v>
      </c>
      <c r="OD10" s="456">
        <v>31778031</v>
      </c>
      <c r="OE10" s="456">
        <v>34013258</v>
      </c>
      <c r="OF10" s="460">
        <v>71024453</v>
      </c>
      <c r="OG10" s="462">
        <v>71024453</v>
      </c>
      <c r="OH10" s="459">
        <v>154470730</v>
      </c>
      <c r="OI10" s="456">
        <v>367957593</v>
      </c>
      <c r="OJ10" s="457">
        <v>522428323</v>
      </c>
      <c r="OK10" s="463">
        <v>0</v>
      </c>
      <c r="OL10" s="456">
        <v>2599069801</v>
      </c>
      <c r="OM10" s="456">
        <v>4719105033</v>
      </c>
      <c r="ON10" s="456">
        <v>5037604610</v>
      </c>
      <c r="OO10" s="456">
        <v>5336992468</v>
      </c>
      <c r="OP10" s="456">
        <v>4070538159</v>
      </c>
      <c r="OQ10" s="460">
        <v>21763310071</v>
      </c>
      <c r="OR10" s="466">
        <v>22285738394</v>
      </c>
    </row>
    <row r="11" spans="1:408" ht="18.75" customHeight="1" x14ac:dyDescent="0.2">
      <c r="A11" s="62" t="s">
        <v>6</v>
      </c>
      <c r="B11" s="110">
        <v>53438651</v>
      </c>
      <c r="C11" s="114">
        <v>95943251</v>
      </c>
      <c r="D11" s="113">
        <v>149381902</v>
      </c>
      <c r="E11" s="109">
        <v>0</v>
      </c>
      <c r="F11" s="114">
        <v>845439141</v>
      </c>
      <c r="G11" s="114">
        <v>883966214</v>
      </c>
      <c r="H11" s="114">
        <v>799267535</v>
      </c>
      <c r="I11" s="114">
        <v>832070124</v>
      </c>
      <c r="J11" s="114">
        <v>651544976</v>
      </c>
      <c r="K11" s="109">
        <v>4012287990</v>
      </c>
      <c r="L11" s="116">
        <v>4161669892</v>
      </c>
      <c r="M11" s="110">
        <v>14654973</v>
      </c>
      <c r="N11" s="114">
        <v>30905678</v>
      </c>
      <c r="O11" s="113">
        <v>45560651</v>
      </c>
      <c r="P11" s="110">
        <v>0</v>
      </c>
      <c r="Q11" s="114">
        <v>271505349</v>
      </c>
      <c r="R11" s="114">
        <v>318706275</v>
      </c>
      <c r="S11" s="114">
        <v>289299272</v>
      </c>
      <c r="T11" s="114">
        <v>336127059</v>
      </c>
      <c r="U11" s="114">
        <v>342289563</v>
      </c>
      <c r="V11" s="113">
        <v>1557927518</v>
      </c>
      <c r="W11" s="116">
        <v>1603488169</v>
      </c>
      <c r="X11" s="110">
        <v>0</v>
      </c>
      <c r="Y11" s="114">
        <v>0</v>
      </c>
      <c r="Z11" s="113">
        <v>0</v>
      </c>
      <c r="AA11" s="110">
        <v>0</v>
      </c>
      <c r="AB11" s="114">
        <v>134567780</v>
      </c>
      <c r="AC11" s="114">
        <v>166855521</v>
      </c>
      <c r="AD11" s="114">
        <v>170026858</v>
      </c>
      <c r="AE11" s="114">
        <v>200556832</v>
      </c>
      <c r="AF11" s="114">
        <v>202213382</v>
      </c>
      <c r="AG11" s="113">
        <v>874220373</v>
      </c>
      <c r="AH11" s="116">
        <v>874220373</v>
      </c>
      <c r="AI11" s="110">
        <v>0</v>
      </c>
      <c r="AJ11" s="114">
        <v>219586</v>
      </c>
      <c r="AK11" s="113">
        <v>219586</v>
      </c>
      <c r="AL11" s="110">
        <v>0</v>
      </c>
      <c r="AM11" s="114">
        <v>855959</v>
      </c>
      <c r="AN11" s="114">
        <v>3655798</v>
      </c>
      <c r="AO11" s="114">
        <v>6415185</v>
      </c>
      <c r="AP11" s="114">
        <v>17420046</v>
      </c>
      <c r="AQ11" s="114">
        <v>35819154</v>
      </c>
      <c r="AR11" s="113">
        <v>64166142</v>
      </c>
      <c r="AS11" s="116">
        <v>64385728</v>
      </c>
      <c r="AT11" s="110">
        <v>8156546</v>
      </c>
      <c r="AU11" s="114">
        <v>22036342</v>
      </c>
      <c r="AV11" s="113">
        <v>30192888</v>
      </c>
      <c r="AW11" s="110">
        <v>0</v>
      </c>
      <c r="AX11" s="114">
        <v>84920153</v>
      </c>
      <c r="AY11" s="114">
        <v>90530121</v>
      </c>
      <c r="AZ11" s="114">
        <v>62622471</v>
      </c>
      <c r="BA11" s="114">
        <v>67988170</v>
      </c>
      <c r="BB11" s="114">
        <v>64459073</v>
      </c>
      <c r="BC11" s="113">
        <v>370519988</v>
      </c>
      <c r="BD11" s="116">
        <v>400712876</v>
      </c>
      <c r="BE11" s="110">
        <v>709163</v>
      </c>
      <c r="BF11" s="114">
        <v>1989501</v>
      </c>
      <c r="BG11" s="112">
        <v>2698664</v>
      </c>
      <c r="BH11" s="111">
        <v>0</v>
      </c>
      <c r="BI11" s="114">
        <v>6953073</v>
      </c>
      <c r="BJ11" s="114">
        <v>10173784</v>
      </c>
      <c r="BK11" s="114">
        <v>6271087</v>
      </c>
      <c r="BL11" s="114">
        <v>5335963</v>
      </c>
      <c r="BM11" s="114">
        <v>3598281</v>
      </c>
      <c r="BN11" s="113">
        <v>32332188</v>
      </c>
      <c r="BO11" s="116">
        <v>35030852</v>
      </c>
      <c r="BP11" s="110">
        <v>5789264</v>
      </c>
      <c r="BQ11" s="114">
        <v>6660249</v>
      </c>
      <c r="BR11" s="113">
        <v>12449513</v>
      </c>
      <c r="BS11" s="110">
        <v>0</v>
      </c>
      <c r="BT11" s="114">
        <v>44208384</v>
      </c>
      <c r="BU11" s="114">
        <v>47491051</v>
      </c>
      <c r="BV11" s="114">
        <v>43963671</v>
      </c>
      <c r="BW11" s="114">
        <v>44826048</v>
      </c>
      <c r="BX11" s="114">
        <v>36199673</v>
      </c>
      <c r="BY11" s="113">
        <v>216688827</v>
      </c>
      <c r="BZ11" s="116">
        <v>229138340</v>
      </c>
      <c r="CA11" s="110">
        <v>2331170</v>
      </c>
      <c r="CB11" s="114">
        <v>8286407</v>
      </c>
      <c r="CC11" s="113">
        <v>10617577</v>
      </c>
      <c r="CD11" s="110">
        <v>0</v>
      </c>
      <c r="CE11" s="114">
        <v>233376039</v>
      </c>
      <c r="CF11" s="114">
        <v>225217546</v>
      </c>
      <c r="CG11" s="114">
        <v>180082009</v>
      </c>
      <c r="CH11" s="114">
        <v>134382850</v>
      </c>
      <c r="CI11" s="114">
        <v>67199994</v>
      </c>
      <c r="CJ11" s="113">
        <v>840258438</v>
      </c>
      <c r="CK11" s="116">
        <v>850876015</v>
      </c>
      <c r="CL11" s="110">
        <v>0</v>
      </c>
      <c r="CM11" s="114">
        <v>0</v>
      </c>
      <c r="CN11" s="113">
        <v>0</v>
      </c>
      <c r="CO11" s="111">
        <v>0</v>
      </c>
      <c r="CP11" s="114">
        <v>200248272</v>
      </c>
      <c r="CQ11" s="114">
        <v>177746432</v>
      </c>
      <c r="CR11" s="114">
        <v>139791154</v>
      </c>
      <c r="CS11" s="114">
        <v>101548817</v>
      </c>
      <c r="CT11" s="114">
        <v>55380032</v>
      </c>
      <c r="CU11" s="113">
        <v>674714707</v>
      </c>
      <c r="CV11" s="116">
        <v>674714707</v>
      </c>
      <c r="CW11" s="110">
        <v>2331170</v>
      </c>
      <c r="CX11" s="114">
        <v>8286407</v>
      </c>
      <c r="CY11" s="113">
        <v>10617577</v>
      </c>
      <c r="CZ11" s="110">
        <v>0</v>
      </c>
      <c r="DA11" s="114">
        <v>33127767</v>
      </c>
      <c r="DB11" s="114">
        <v>47471114</v>
      </c>
      <c r="DC11" s="114">
        <v>40290855</v>
      </c>
      <c r="DD11" s="114">
        <v>32834033</v>
      </c>
      <c r="DE11" s="114">
        <v>11819962</v>
      </c>
      <c r="DF11" s="113">
        <v>165543731</v>
      </c>
      <c r="DG11" s="116">
        <v>176161308</v>
      </c>
      <c r="DH11" s="110">
        <v>203927</v>
      </c>
      <c r="DI11" s="114">
        <v>758725</v>
      </c>
      <c r="DJ11" s="112">
        <v>962652</v>
      </c>
      <c r="DK11" s="111">
        <v>0</v>
      </c>
      <c r="DL11" s="114">
        <v>16057751</v>
      </c>
      <c r="DM11" s="114">
        <v>28352750</v>
      </c>
      <c r="DN11" s="114">
        <v>51922974</v>
      </c>
      <c r="DO11" s="114">
        <v>55281183</v>
      </c>
      <c r="DP11" s="114">
        <v>30200077</v>
      </c>
      <c r="DQ11" s="113">
        <v>181814735</v>
      </c>
      <c r="DR11" s="116">
        <v>182777387</v>
      </c>
      <c r="DS11" s="110">
        <v>96721</v>
      </c>
      <c r="DT11" s="114">
        <v>758725</v>
      </c>
      <c r="DU11" s="113">
        <v>855446</v>
      </c>
      <c r="DV11" s="110">
        <v>0</v>
      </c>
      <c r="DW11" s="114">
        <v>14595016</v>
      </c>
      <c r="DX11" s="114">
        <v>25435652</v>
      </c>
      <c r="DY11" s="114">
        <v>45954146</v>
      </c>
      <c r="DZ11" s="114">
        <v>48182770</v>
      </c>
      <c r="EA11" s="114">
        <v>27175665</v>
      </c>
      <c r="EB11" s="113">
        <v>161343249</v>
      </c>
      <c r="EC11" s="116">
        <v>162198695</v>
      </c>
      <c r="ED11" s="110">
        <v>107206</v>
      </c>
      <c r="EE11" s="112">
        <v>0</v>
      </c>
      <c r="EF11" s="113">
        <v>107206</v>
      </c>
      <c r="EG11" s="110">
        <v>0</v>
      </c>
      <c r="EH11" s="114">
        <v>1462735</v>
      </c>
      <c r="EI11" s="114">
        <v>2917098</v>
      </c>
      <c r="EJ11" s="114">
        <v>5968828</v>
      </c>
      <c r="EK11" s="114">
        <v>7098413</v>
      </c>
      <c r="EL11" s="114">
        <v>3024412</v>
      </c>
      <c r="EM11" s="112">
        <v>20471486</v>
      </c>
      <c r="EN11" s="116">
        <v>20578692</v>
      </c>
      <c r="EO11" s="110">
        <v>0</v>
      </c>
      <c r="EP11" s="114">
        <v>0</v>
      </c>
      <c r="EQ11" s="112">
        <v>0</v>
      </c>
      <c r="ER11" s="111">
        <v>0</v>
      </c>
      <c r="ES11" s="114">
        <v>0</v>
      </c>
      <c r="ET11" s="114">
        <v>0</v>
      </c>
      <c r="EU11" s="114">
        <v>0</v>
      </c>
      <c r="EV11" s="114">
        <v>0</v>
      </c>
      <c r="EW11" s="114">
        <v>0</v>
      </c>
      <c r="EX11" s="113">
        <v>0</v>
      </c>
      <c r="EY11" s="116">
        <v>0</v>
      </c>
      <c r="EZ11" s="110">
        <v>0</v>
      </c>
      <c r="FA11" s="114">
        <v>0</v>
      </c>
      <c r="FB11" s="112">
        <v>0</v>
      </c>
      <c r="FC11" s="348"/>
      <c r="FD11" s="114">
        <v>0</v>
      </c>
      <c r="FE11" s="114">
        <v>0</v>
      </c>
      <c r="FF11" s="114">
        <v>0</v>
      </c>
      <c r="FG11" s="114">
        <v>0</v>
      </c>
      <c r="FH11" s="114">
        <v>0</v>
      </c>
      <c r="FI11" s="113">
        <v>0</v>
      </c>
      <c r="FJ11" s="116">
        <v>0</v>
      </c>
      <c r="FK11" s="110">
        <v>11778425</v>
      </c>
      <c r="FL11" s="114">
        <v>21940297</v>
      </c>
      <c r="FM11" s="113">
        <v>33718722</v>
      </c>
      <c r="FN11" s="110">
        <v>0</v>
      </c>
      <c r="FO11" s="114">
        <v>45293858</v>
      </c>
      <c r="FP11" s="114">
        <v>79219642</v>
      </c>
      <c r="FQ11" s="114">
        <v>61623484</v>
      </c>
      <c r="FR11" s="114">
        <v>64487206</v>
      </c>
      <c r="FS11" s="114">
        <v>48049535</v>
      </c>
      <c r="FT11" s="113">
        <v>298673725</v>
      </c>
      <c r="FU11" s="116">
        <v>332392447</v>
      </c>
      <c r="FV11" s="115">
        <v>7013751</v>
      </c>
      <c r="FW11" s="114">
        <v>17024392</v>
      </c>
      <c r="FX11" s="112">
        <v>24038143</v>
      </c>
      <c r="FY11" s="111">
        <v>0</v>
      </c>
      <c r="FZ11" s="114">
        <v>37943223</v>
      </c>
      <c r="GA11" s="114">
        <v>72628277</v>
      </c>
      <c r="GB11" s="114">
        <v>58271220</v>
      </c>
      <c r="GC11" s="114">
        <v>60916336</v>
      </c>
      <c r="GD11" s="114">
        <v>45646810</v>
      </c>
      <c r="GE11" s="113">
        <v>275405866</v>
      </c>
      <c r="GF11" s="319">
        <v>299444009</v>
      </c>
      <c r="GG11" s="115">
        <v>993287</v>
      </c>
      <c r="GH11" s="114">
        <v>1458704</v>
      </c>
      <c r="GI11" s="112">
        <v>2451991</v>
      </c>
      <c r="GJ11" s="111">
        <v>0</v>
      </c>
      <c r="GK11" s="114">
        <v>1829251</v>
      </c>
      <c r="GL11" s="114">
        <v>2934251</v>
      </c>
      <c r="GM11" s="114">
        <v>1735643</v>
      </c>
      <c r="GN11" s="114">
        <v>1969915</v>
      </c>
      <c r="GO11" s="114">
        <v>1260672</v>
      </c>
      <c r="GP11" s="113">
        <v>9729732</v>
      </c>
      <c r="GQ11" s="116">
        <v>12181723</v>
      </c>
      <c r="GR11" s="110">
        <v>3771387</v>
      </c>
      <c r="GS11" s="114">
        <v>3457201</v>
      </c>
      <c r="GT11" s="113">
        <v>7228588</v>
      </c>
      <c r="GU11" s="110">
        <v>0</v>
      </c>
      <c r="GV11" s="114">
        <v>5521384</v>
      </c>
      <c r="GW11" s="114">
        <v>3657114</v>
      </c>
      <c r="GX11" s="114">
        <v>1616621</v>
      </c>
      <c r="GY11" s="114">
        <v>1600955</v>
      </c>
      <c r="GZ11" s="114">
        <v>1142053</v>
      </c>
      <c r="HA11" s="112">
        <v>13538127</v>
      </c>
      <c r="HB11" s="116">
        <v>20766715</v>
      </c>
      <c r="HC11" s="110">
        <v>14963508</v>
      </c>
      <c r="HD11" s="114">
        <v>17678545</v>
      </c>
      <c r="HE11" s="112">
        <v>32642053</v>
      </c>
      <c r="HF11" s="111">
        <v>0</v>
      </c>
      <c r="HG11" s="114">
        <v>142420330</v>
      </c>
      <c r="HH11" s="114">
        <v>125982159</v>
      </c>
      <c r="HI11" s="114">
        <v>137282927</v>
      </c>
      <c r="HJ11" s="114">
        <v>179712243</v>
      </c>
      <c r="HK11" s="114">
        <v>124803002</v>
      </c>
      <c r="HL11" s="113">
        <v>710200661</v>
      </c>
      <c r="HM11" s="109">
        <v>742842714</v>
      </c>
      <c r="HN11" s="115">
        <v>9506648</v>
      </c>
      <c r="HO11" s="114">
        <v>16373599</v>
      </c>
      <c r="HP11" s="113">
        <v>25880247</v>
      </c>
      <c r="HQ11" s="110">
        <v>0</v>
      </c>
      <c r="HR11" s="114">
        <v>136785814</v>
      </c>
      <c r="HS11" s="114">
        <v>106487842</v>
      </c>
      <c r="HT11" s="114">
        <v>79056869</v>
      </c>
      <c r="HU11" s="114">
        <v>62079583</v>
      </c>
      <c r="HV11" s="114">
        <v>39002805</v>
      </c>
      <c r="HW11" s="112">
        <v>423412913</v>
      </c>
      <c r="HX11" s="116">
        <v>449293160</v>
      </c>
      <c r="HY11" s="131">
        <v>1043170</v>
      </c>
      <c r="HZ11" s="132">
        <v>4610496</v>
      </c>
      <c r="IA11" s="133">
        <v>5653666</v>
      </c>
      <c r="IB11" s="146">
        <v>0</v>
      </c>
      <c r="IC11" s="132">
        <v>283917763</v>
      </c>
      <c r="ID11" s="147">
        <v>327096915</v>
      </c>
      <c r="IE11" s="133">
        <v>366095383</v>
      </c>
      <c r="IF11" s="132">
        <v>296044703</v>
      </c>
      <c r="IG11" s="133">
        <v>219456708</v>
      </c>
      <c r="IH11" s="148">
        <v>1492611472</v>
      </c>
      <c r="II11" s="139">
        <v>1498265138</v>
      </c>
      <c r="IJ11" s="232">
        <v>0</v>
      </c>
      <c r="IK11" s="236">
        <v>0</v>
      </c>
      <c r="IL11" s="237">
        <v>0</v>
      </c>
      <c r="IM11" s="140"/>
      <c r="IN11" s="119">
        <v>5960553</v>
      </c>
      <c r="IO11" s="119">
        <v>10268504</v>
      </c>
      <c r="IP11" s="119">
        <v>12853765</v>
      </c>
      <c r="IQ11" s="119">
        <v>24753375</v>
      </c>
      <c r="IR11" s="119">
        <v>30086378</v>
      </c>
      <c r="IS11" s="141">
        <v>83922575</v>
      </c>
      <c r="IT11" s="321">
        <v>83922575</v>
      </c>
      <c r="IU11" s="142">
        <v>0</v>
      </c>
      <c r="IV11" s="119">
        <v>0</v>
      </c>
      <c r="IW11" s="120">
        <v>0</v>
      </c>
      <c r="IX11" s="144"/>
      <c r="IY11" s="119">
        <v>1230128</v>
      </c>
      <c r="IZ11" s="119">
        <v>2123890</v>
      </c>
      <c r="JA11" s="119">
        <v>2484918</v>
      </c>
      <c r="JB11" s="119">
        <v>3314400</v>
      </c>
      <c r="JC11" s="119">
        <v>4291343</v>
      </c>
      <c r="JD11" s="120">
        <v>13444679</v>
      </c>
      <c r="JE11" s="121">
        <v>13444679</v>
      </c>
      <c r="JF11" s="142">
        <v>0</v>
      </c>
      <c r="JG11" s="119">
        <v>0</v>
      </c>
      <c r="JH11" s="141">
        <v>0</v>
      </c>
      <c r="JI11" s="118">
        <v>0</v>
      </c>
      <c r="JJ11" s="119">
        <v>92716861</v>
      </c>
      <c r="JK11" s="119">
        <v>82739791</v>
      </c>
      <c r="JL11" s="119">
        <v>67261496</v>
      </c>
      <c r="JM11" s="119">
        <v>43999251</v>
      </c>
      <c r="JN11" s="119">
        <v>27662756</v>
      </c>
      <c r="JO11" s="120">
        <v>314380155</v>
      </c>
      <c r="JP11" s="321">
        <v>314380155</v>
      </c>
      <c r="JQ11" s="142">
        <v>74397</v>
      </c>
      <c r="JR11" s="119">
        <v>44279</v>
      </c>
      <c r="JS11" s="141">
        <v>118676</v>
      </c>
      <c r="JT11" s="118">
        <v>0</v>
      </c>
      <c r="JU11" s="119">
        <v>16282893</v>
      </c>
      <c r="JV11" s="119">
        <v>22165329</v>
      </c>
      <c r="JW11" s="119">
        <v>33552409</v>
      </c>
      <c r="JX11" s="119">
        <v>21616916</v>
      </c>
      <c r="JY11" s="119">
        <v>14501147</v>
      </c>
      <c r="JZ11" s="120">
        <v>108118694</v>
      </c>
      <c r="KA11" s="321">
        <v>108237370</v>
      </c>
      <c r="KB11" s="234">
        <v>968773</v>
      </c>
      <c r="KC11" s="230">
        <v>2779992</v>
      </c>
      <c r="KD11" s="120">
        <v>3748765</v>
      </c>
      <c r="KE11" s="118">
        <v>0</v>
      </c>
      <c r="KF11" s="119">
        <v>31666931</v>
      </c>
      <c r="KG11" s="119">
        <v>41193104</v>
      </c>
      <c r="KH11" s="119">
        <v>46497071</v>
      </c>
      <c r="KI11" s="119">
        <v>36294199</v>
      </c>
      <c r="KJ11" s="119">
        <v>17622507</v>
      </c>
      <c r="KK11" s="120">
        <v>173273812</v>
      </c>
      <c r="KL11" s="143">
        <v>177022577</v>
      </c>
      <c r="KM11" s="232">
        <v>0</v>
      </c>
      <c r="KN11" s="236">
        <v>1786225</v>
      </c>
      <c r="KO11" s="237">
        <v>1786225</v>
      </c>
      <c r="KP11" s="140"/>
      <c r="KQ11" s="119">
        <v>126184876</v>
      </c>
      <c r="KR11" s="119">
        <v>150011530</v>
      </c>
      <c r="KS11" s="119">
        <v>161653983</v>
      </c>
      <c r="KT11" s="119">
        <v>108322932</v>
      </c>
      <c r="KU11" s="119">
        <v>72536327</v>
      </c>
      <c r="KV11" s="120">
        <v>618709648</v>
      </c>
      <c r="KW11" s="321">
        <v>620495873</v>
      </c>
      <c r="KX11" s="142">
        <v>0</v>
      </c>
      <c r="KY11" s="119">
        <v>0</v>
      </c>
      <c r="KZ11" s="120">
        <v>0</v>
      </c>
      <c r="LA11" s="145"/>
      <c r="LB11" s="119">
        <v>0</v>
      </c>
      <c r="LC11" s="119">
        <v>0</v>
      </c>
      <c r="LD11" s="119">
        <v>0</v>
      </c>
      <c r="LE11" s="119">
        <v>0</v>
      </c>
      <c r="LF11" s="119">
        <v>0</v>
      </c>
      <c r="LG11" s="120">
        <v>0</v>
      </c>
      <c r="LH11" s="121">
        <v>0</v>
      </c>
      <c r="LI11" s="142">
        <v>0</v>
      </c>
      <c r="LJ11" s="119">
        <v>0</v>
      </c>
      <c r="LK11" s="120">
        <v>0</v>
      </c>
      <c r="LL11" s="145"/>
      <c r="LM11" s="119">
        <v>1371157</v>
      </c>
      <c r="LN11" s="119">
        <v>1015469</v>
      </c>
      <c r="LO11" s="119">
        <v>20912932</v>
      </c>
      <c r="LP11" s="119">
        <v>32474017</v>
      </c>
      <c r="LQ11" s="119">
        <v>23513807</v>
      </c>
      <c r="LR11" s="120">
        <v>79287382</v>
      </c>
      <c r="LS11" s="321">
        <v>79287382</v>
      </c>
      <c r="LT11" s="142">
        <v>0</v>
      </c>
      <c r="LU11" s="119">
        <v>0</v>
      </c>
      <c r="LV11" s="120">
        <v>0</v>
      </c>
      <c r="LW11" s="145"/>
      <c r="LX11" s="119">
        <v>8504364</v>
      </c>
      <c r="LY11" s="119">
        <v>17579298</v>
      </c>
      <c r="LZ11" s="119">
        <v>20878809</v>
      </c>
      <c r="MA11" s="119">
        <v>25269613</v>
      </c>
      <c r="MB11" s="119">
        <v>29242443</v>
      </c>
      <c r="MC11" s="120">
        <v>101474527</v>
      </c>
      <c r="MD11" s="121">
        <v>101474527</v>
      </c>
      <c r="ME11" s="142">
        <v>0</v>
      </c>
      <c r="MF11" s="119">
        <v>0</v>
      </c>
      <c r="MG11" s="120">
        <v>0</v>
      </c>
      <c r="MH11" s="145"/>
      <c r="MI11" s="119">
        <v>78299151</v>
      </c>
      <c r="MJ11" s="119">
        <v>143084065</v>
      </c>
      <c r="MK11" s="119">
        <v>459029403</v>
      </c>
      <c r="ML11" s="119">
        <v>697143545</v>
      </c>
      <c r="MM11" s="119">
        <v>526656218</v>
      </c>
      <c r="MN11" s="120">
        <v>1904212382</v>
      </c>
      <c r="MO11" s="143">
        <v>1904212382</v>
      </c>
      <c r="MP11" s="142">
        <v>0</v>
      </c>
      <c r="MQ11" s="119">
        <v>0</v>
      </c>
      <c r="MR11" s="120">
        <v>0</v>
      </c>
      <c r="MS11" s="145"/>
      <c r="MT11" s="119">
        <v>15908864</v>
      </c>
      <c r="MU11" s="119">
        <v>45104317</v>
      </c>
      <c r="MV11" s="119">
        <v>303225734</v>
      </c>
      <c r="MW11" s="119">
        <v>449590477</v>
      </c>
      <c r="MX11" s="119">
        <v>364989253</v>
      </c>
      <c r="MY11" s="120">
        <v>1178818645</v>
      </c>
      <c r="MZ11" s="143">
        <v>1178818645</v>
      </c>
      <c r="NA11" s="142">
        <v>0</v>
      </c>
      <c r="NB11" s="119">
        <v>0</v>
      </c>
      <c r="NC11" s="120">
        <v>0</v>
      </c>
      <c r="ND11" s="145"/>
      <c r="NE11" s="119">
        <v>62012152</v>
      </c>
      <c r="NF11" s="119">
        <v>97725552</v>
      </c>
      <c r="NG11" s="119">
        <v>151179064</v>
      </c>
      <c r="NH11" s="119">
        <v>212203684</v>
      </c>
      <c r="NI11" s="119">
        <v>106088329</v>
      </c>
      <c r="NJ11" s="120">
        <v>629208781</v>
      </c>
      <c r="NK11" s="321">
        <v>629208781</v>
      </c>
      <c r="NL11" s="142">
        <v>0</v>
      </c>
      <c r="NM11" s="119">
        <v>0</v>
      </c>
      <c r="NN11" s="120">
        <v>0</v>
      </c>
      <c r="NO11" s="145"/>
      <c r="NP11" s="119">
        <v>378135</v>
      </c>
      <c r="NQ11" s="119">
        <v>0</v>
      </c>
      <c r="NR11" s="119">
        <v>3095328</v>
      </c>
      <c r="NS11" s="119">
        <v>22194382</v>
      </c>
      <c r="NT11" s="119">
        <v>32642464</v>
      </c>
      <c r="NU11" s="120">
        <v>58310309</v>
      </c>
      <c r="NV11" s="121">
        <v>58310309</v>
      </c>
      <c r="NW11" s="142">
        <v>0</v>
      </c>
      <c r="NX11" s="119">
        <v>0</v>
      </c>
      <c r="NY11" s="120">
        <v>0</v>
      </c>
      <c r="NZ11" s="145"/>
      <c r="OA11" s="119">
        <v>0</v>
      </c>
      <c r="OB11" s="119">
        <v>254196</v>
      </c>
      <c r="OC11" s="119">
        <v>1529277</v>
      </c>
      <c r="OD11" s="119">
        <v>13155002</v>
      </c>
      <c r="OE11" s="119">
        <v>22936172</v>
      </c>
      <c r="OF11" s="120">
        <v>37874647</v>
      </c>
      <c r="OG11" s="121">
        <v>37874647</v>
      </c>
      <c r="OH11" s="142">
        <v>54481821</v>
      </c>
      <c r="OI11" s="119">
        <v>100553747</v>
      </c>
      <c r="OJ11" s="141">
        <v>155035568</v>
      </c>
      <c r="OK11" s="118">
        <v>0</v>
      </c>
      <c r="OL11" s="119">
        <v>1207656055</v>
      </c>
      <c r="OM11" s="119">
        <v>1354147194</v>
      </c>
      <c r="ON11" s="119">
        <v>1624392321</v>
      </c>
      <c r="OO11" s="119">
        <v>1825258372</v>
      </c>
      <c r="OP11" s="119">
        <v>1397657902</v>
      </c>
      <c r="OQ11" s="120">
        <v>7409111844</v>
      </c>
      <c r="OR11" s="143">
        <v>7564147412</v>
      </c>
    </row>
    <row r="12" spans="1:408" ht="18.75" customHeight="1" x14ac:dyDescent="0.2">
      <c r="A12" s="62" t="s">
        <v>14</v>
      </c>
      <c r="B12" s="110">
        <v>27656221</v>
      </c>
      <c r="C12" s="114">
        <v>71678278</v>
      </c>
      <c r="D12" s="113">
        <v>99334499</v>
      </c>
      <c r="E12" s="109">
        <v>0</v>
      </c>
      <c r="F12" s="114">
        <v>323201880</v>
      </c>
      <c r="G12" s="114">
        <v>468081588</v>
      </c>
      <c r="H12" s="114">
        <v>444840868</v>
      </c>
      <c r="I12" s="114">
        <v>405887654</v>
      </c>
      <c r="J12" s="114">
        <v>269648395</v>
      </c>
      <c r="K12" s="112">
        <v>1911660385</v>
      </c>
      <c r="L12" s="116">
        <v>2010994884</v>
      </c>
      <c r="M12" s="110">
        <v>5588947</v>
      </c>
      <c r="N12" s="114">
        <v>17418068</v>
      </c>
      <c r="O12" s="113">
        <v>23007015</v>
      </c>
      <c r="P12" s="110">
        <v>0</v>
      </c>
      <c r="Q12" s="114">
        <v>91232373</v>
      </c>
      <c r="R12" s="114">
        <v>148631712</v>
      </c>
      <c r="S12" s="114">
        <v>138465540</v>
      </c>
      <c r="T12" s="114">
        <v>143180857</v>
      </c>
      <c r="U12" s="114">
        <v>130761228</v>
      </c>
      <c r="V12" s="113">
        <v>652271710</v>
      </c>
      <c r="W12" s="116">
        <v>675278725</v>
      </c>
      <c r="X12" s="110">
        <v>0</v>
      </c>
      <c r="Y12" s="114">
        <v>0</v>
      </c>
      <c r="Z12" s="113">
        <v>0</v>
      </c>
      <c r="AA12" s="110">
        <v>0</v>
      </c>
      <c r="AB12" s="114">
        <v>48254299</v>
      </c>
      <c r="AC12" s="114">
        <v>80396673</v>
      </c>
      <c r="AD12" s="114">
        <v>79131735</v>
      </c>
      <c r="AE12" s="114">
        <v>84991021</v>
      </c>
      <c r="AF12" s="114">
        <v>71249881</v>
      </c>
      <c r="AG12" s="113">
        <v>364023609</v>
      </c>
      <c r="AH12" s="116">
        <v>364023609</v>
      </c>
      <c r="AI12" s="110">
        <v>0</v>
      </c>
      <c r="AJ12" s="114">
        <v>100836</v>
      </c>
      <c r="AK12" s="113">
        <v>100836</v>
      </c>
      <c r="AL12" s="110">
        <v>0</v>
      </c>
      <c r="AM12" s="114">
        <v>322848</v>
      </c>
      <c r="AN12" s="114">
        <v>1333919</v>
      </c>
      <c r="AO12" s="114">
        <v>3360601</v>
      </c>
      <c r="AP12" s="114">
        <v>7457481</v>
      </c>
      <c r="AQ12" s="114">
        <v>16047645</v>
      </c>
      <c r="AR12" s="113">
        <v>28522494</v>
      </c>
      <c r="AS12" s="116">
        <v>28623330</v>
      </c>
      <c r="AT12" s="110">
        <v>2895722</v>
      </c>
      <c r="AU12" s="114">
        <v>12350035</v>
      </c>
      <c r="AV12" s="113">
        <v>15245757</v>
      </c>
      <c r="AW12" s="110">
        <v>0</v>
      </c>
      <c r="AX12" s="114">
        <v>24270179</v>
      </c>
      <c r="AY12" s="114">
        <v>43093518</v>
      </c>
      <c r="AZ12" s="114">
        <v>31338902</v>
      </c>
      <c r="BA12" s="114">
        <v>30301057</v>
      </c>
      <c r="BB12" s="114">
        <v>28718189</v>
      </c>
      <c r="BC12" s="113">
        <v>157721845</v>
      </c>
      <c r="BD12" s="116">
        <v>172967602</v>
      </c>
      <c r="BE12" s="110">
        <v>252646</v>
      </c>
      <c r="BF12" s="114">
        <v>1326960</v>
      </c>
      <c r="BG12" s="112">
        <v>1579606</v>
      </c>
      <c r="BH12" s="111">
        <v>0</v>
      </c>
      <c r="BI12" s="114">
        <v>785553</v>
      </c>
      <c r="BJ12" s="114">
        <v>2727145</v>
      </c>
      <c r="BK12" s="114">
        <v>2843394</v>
      </c>
      <c r="BL12" s="114">
        <v>1780990</v>
      </c>
      <c r="BM12" s="114">
        <v>966263</v>
      </c>
      <c r="BN12" s="113">
        <v>9103345</v>
      </c>
      <c r="BO12" s="116">
        <v>10682951</v>
      </c>
      <c r="BP12" s="110">
        <v>2440579</v>
      </c>
      <c r="BQ12" s="114">
        <v>3640237</v>
      </c>
      <c r="BR12" s="113">
        <v>6080816</v>
      </c>
      <c r="BS12" s="110">
        <v>0</v>
      </c>
      <c r="BT12" s="114">
        <v>17599494</v>
      </c>
      <c r="BU12" s="114">
        <v>21080457</v>
      </c>
      <c r="BV12" s="114">
        <v>21790908</v>
      </c>
      <c r="BW12" s="114">
        <v>18650308</v>
      </c>
      <c r="BX12" s="114">
        <v>13779250</v>
      </c>
      <c r="BY12" s="113">
        <v>92900417</v>
      </c>
      <c r="BZ12" s="116">
        <v>98981233</v>
      </c>
      <c r="CA12" s="110">
        <v>1831527</v>
      </c>
      <c r="CB12" s="114">
        <v>7514981</v>
      </c>
      <c r="CC12" s="113">
        <v>9346508</v>
      </c>
      <c r="CD12" s="110">
        <v>0</v>
      </c>
      <c r="CE12" s="114">
        <v>91825419</v>
      </c>
      <c r="CF12" s="114">
        <v>134739851</v>
      </c>
      <c r="CG12" s="114">
        <v>121057913</v>
      </c>
      <c r="CH12" s="114">
        <v>87582323</v>
      </c>
      <c r="CI12" s="114">
        <v>42737389</v>
      </c>
      <c r="CJ12" s="113">
        <v>477942895</v>
      </c>
      <c r="CK12" s="116">
        <v>487289403</v>
      </c>
      <c r="CL12" s="110">
        <v>0</v>
      </c>
      <c r="CM12" s="114">
        <v>0</v>
      </c>
      <c r="CN12" s="113">
        <v>0</v>
      </c>
      <c r="CO12" s="111">
        <v>0</v>
      </c>
      <c r="CP12" s="114">
        <v>85105047</v>
      </c>
      <c r="CQ12" s="114">
        <v>112953623</v>
      </c>
      <c r="CR12" s="114">
        <v>104999330</v>
      </c>
      <c r="CS12" s="114">
        <v>70514416</v>
      </c>
      <c r="CT12" s="114">
        <v>37564280</v>
      </c>
      <c r="CU12" s="113">
        <v>411136696</v>
      </c>
      <c r="CV12" s="116">
        <v>411136696</v>
      </c>
      <c r="CW12" s="110">
        <v>1831527</v>
      </c>
      <c r="CX12" s="114">
        <v>7514981</v>
      </c>
      <c r="CY12" s="113">
        <v>9346508</v>
      </c>
      <c r="CZ12" s="110">
        <v>0</v>
      </c>
      <c r="DA12" s="114">
        <v>6720372</v>
      </c>
      <c r="DB12" s="114">
        <v>21786228</v>
      </c>
      <c r="DC12" s="114">
        <v>16058583</v>
      </c>
      <c r="DD12" s="114">
        <v>17067907</v>
      </c>
      <c r="DE12" s="114">
        <v>5173109</v>
      </c>
      <c r="DF12" s="113">
        <v>66806199</v>
      </c>
      <c r="DG12" s="116">
        <v>76152707</v>
      </c>
      <c r="DH12" s="110">
        <v>52774</v>
      </c>
      <c r="DI12" s="114">
        <v>435447</v>
      </c>
      <c r="DJ12" s="112">
        <v>488221</v>
      </c>
      <c r="DK12" s="111">
        <v>0</v>
      </c>
      <c r="DL12" s="114">
        <v>7885717</v>
      </c>
      <c r="DM12" s="114">
        <v>19247605</v>
      </c>
      <c r="DN12" s="114">
        <v>44010329</v>
      </c>
      <c r="DO12" s="114">
        <v>44717197</v>
      </c>
      <c r="DP12" s="114">
        <v>18226357</v>
      </c>
      <c r="DQ12" s="113">
        <v>134087205</v>
      </c>
      <c r="DR12" s="116">
        <v>134575426</v>
      </c>
      <c r="DS12" s="110">
        <v>52774</v>
      </c>
      <c r="DT12" s="114">
        <v>435447</v>
      </c>
      <c r="DU12" s="113">
        <v>488221</v>
      </c>
      <c r="DV12" s="110">
        <v>0</v>
      </c>
      <c r="DW12" s="114">
        <v>7722349</v>
      </c>
      <c r="DX12" s="114">
        <v>18840171</v>
      </c>
      <c r="DY12" s="114">
        <v>43070294</v>
      </c>
      <c r="DZ12" s="114">
        <v>43425870</v>
      </c>
      <c r="EA12" s="114">
        <v>17625882</v>
      </c>
      <c r="EB12" s="113">
        <v>130684566</v>
      </c>
      <c r="EC12" s="116">
        <v>131172787</v>
      </c>
      <c r="ED12" s="110">
        <v>0</v>
      </c>
      <c r="EE12" s="112">
        <v>0</v>
      </c>
      <c r="EF12" s="113">
        <v>0</v>
      </c>
      <c r="EG12" s="110">
        <v>0</v>
      </c>
      <c r="EH12" s="114">
        <v>163368</v>
      </c>
      <c r="EI12" s="114">
        <v>407434</v>
      </c>
      <c r="EJ12" s="114">
        <v>940035</v>
      </c>
      <c r="EK12" s="114">
        <v>1291327</v>
      </c>
      <c r="EL12" s="114">
        <v>600475</v>
      </c>
      <c r="EM12" s="112">
        <v>3402639</v>
      </c>
      <c r="EN12" s="116">
        <v>3402639</v>
      </c>
      <c r="EO12" s="110">
        <v>0</v>
      </c>
      <c r="EP12" s="114">
        <v>0</v>
      </c>
      <c r="EQ12" s="112">
        <v>0</v>
      </c>
      <c r="ER12" s="111">
        <v>0</v>
      </c>
      <c r="ES12" s="114">
        <v>0</v>
      </c>
      <c r="ET12" s="114">
        <v>0</v>
      </c>
      <c r="EU12" s="114">
        <v>0</v>
      </c>
      <c r="EV12" s="114">
        <v>0</v>
      </c>
      <c r="EW12" s="114">
        <v>0</v>
      </c>
      <c r="EX12" s="113">
        <v>0</v>
      </c>
      <c r="EY12" s="116">
        <v>0</v>
      </c>
      <c r="EZ12" s="110">
        <v>0</v>
      </c>
      <c r="FA12" s="114">
        <v>0</v>
      </c>
      <c r="FB12" s="112">
        <v>0</v>
      </c>
      <c r="FC12" s="348"/>
      <c r="FD12" s="114">
        <v>0</v>
      </c>
      <c r="FE12" s="114">
        <v>0</v>
      </c>
      <c r="FF12" s="114">
        <v>0</v>
      </c>
      <c r="FG12" s="114">
        <v>0</v>
      </c>
      <c r="FH12" s="114">
        <v>0</v>
      </c>
      <c r="FI12" s="113">
        <v>0</v>
      </c>
      <c r="FJ12" s="116">
        <v>0</v>
      </c>
      <c r="FK12" s="110">
        <v>7602529</v>
      </c>
      <c r="FL12" s="114">
        <v>21738189</v>
      </c>
      <c r="FM12" s="113">
        <v>29340718</v>
      </c>
      <c r="FN12" s="110">
        <v>0</v>
      </c>
      <c r="FO12" s="114">
        <v>17337618</v>
      </c>
      <c r="FP12" s="114">
        <v>49947579</v>
      </c>
      <c r="FQ12" s="114">
        <v>37792834</v>
      </c>
      <c r="FR12" s="114">
        <v>33233376</v>
      </c>
      <c r="FS12" s="114">
        <v>21688863</v>
      </c>
      <c r="FT12" s="113">
        <v>160000270</v>
      </c>
      <c r="FU12" s="116">
        <v>189340988</v>
      </c>
      <c r="FV12" s="115">
        <v>4515106</v>
      </c>
      <c r="FW12" s="114">
        <v>16554533</v>
      </c>
      <c r="FX12" s="112">
        <v>21069639</v>
      </c>
      <c r="FY12" s="111">
        <v>0</v>
      </c>
      <c r="FZ12" s="114">
        <v>13242616</v>
      </c>
      <c r="GA12" s="114">
        <v>44792131</v>
      </c>
      <c r="GB12" s="114">
        <v>34155412</v>
      </c>
      <c r="GC12" s="114">
        <v>31319690</v>
      </c>
      <c r="GD12" s="114">
        <v>20665779</v>
      </c>
      <c r="GE12" s="113">
        <v>144175628</v>
      </c>
      <c r="GF12" s="319">
        <v>165245267</v>
      </c>
      <c r="GG12" s="115">
        <v>424536</v>
      </c>
      <c r="GH12" s="114">
        <v>964349</v>
      </c>
      <c r="GI12" s="112">
        <v>1388885</v>
      </c>
      <c r="GJ12" s="111">
        <v>0</v>
      </c>
      <c r="GK12" s="114">
        <v>689692</v>
      </c>
      <c r="GL12" s="114">
        <v>1703645</v>
      </c>
      <c r="GM12" s="114">
        <v>1101274</v>
      </c>
      <c r="GN12" s="114">
        <v>745722</v>
      </c>
      <c r="GO12" s="114">
        <v>463881</v>
      </c>
      <c r="GP12" s="113">
        <v>4704214</v>
      </c>
      <c r="GQ12" s="116">
        <v>6093099</v>
      </c>
      <c r="GR12" s="110">
        <v>2662887</v>
      </c>
      <c r="GS12" s="114">
        <v>4219307</v>
      </c>
      <c r="GT12" s="113">
        <v>6882194</v>
      </c>
      <c r="GU12" s="110">
        <v>0</v>
      </c>
      <c r="GV12" s="114">
        <v>3405310</v>
      </c>
      <c r="GW12" s="114">
        <v>3451803</v>
      </c>
      <c r="GX12" s="114">
        <v>2536148</v>
      </c>
      <c r="GY12" s="114">
        <v>1167964</v>
      </c>
      <c r="GZ12" s="114">
        <v>559203</v>
      </c>
      <c r="HA12" s="112">
        <v>11120428</v>
      </c>
      <c r="HB12" s="116">
        <v>18002622</v>
      </c>
      <c r="HC12" s="110">
        <v>7715518</v>
      </c>
      <c r="HD12" s="114">
        <v>12036802</v>
      </c>
      <c r="HE12" s="112">
        <v>19752320</v>
      </c>
      <c r="HF12" s="111">
        <v>0</v>
      </c>
      <c r="HG12" s="114">
        <v>61884945</v>
      </c>
      <c r="HH12" s="114">
        <v>51467632</v>
      </c>
      <c r="HI12" s="114">
        <v>56288283</v>
      </c>
      <c r="HJ12" s="114">
        <v>64286740</v>
      </c>
      <c r="HK12" s="114">
        <v>38812145</v>
      </c>
      <c r="HL12" s="113">
        <v>272739745</v>
      </c>
      <c r="HM12" s="109">
        <v>292492065</v>
      </c>
      <c r="HN12" s="115">
        <v>4864926</v>
      </c>
      <c r="HO12" s="114">
        <v>12534791</v>
      </c>
      <c r="HP12" s="113">
        <v>17399717</v>
      </c>
      <c r="HQ12" s="110">
        <v>0</v>
      </c>
      <c r="HR12" s="114">
        <v>53035808</v>
      </c>
      <c r="HS12" s="114">
        <v>64047209</v>
      </c>
      <c r="HT12" s="114">
        <v>47225969</v>
      </c>
      <c r="HU12" s="114">
        <v>32887161</v>
      </c>
      <c r="HV12" s="114">
        <v>17422413</v>
      </c>
      <c r="HW12" s="112">
        <v>214618560</v>
      </c>
      <c r="HX12" s="116">
        <v>232018277</v>
      </c>
      <c r="HY12" s="131">
        <v>835460</v>
      </c>
      <c r="HZ12" s="132">
        <v>2852734</v>
      </c>
      <c r="IA12" s="133">
        <v>3688194</v>
      </c>
      <c r="IB12" s="134">
        <v>0</v>
      </c>
      <c r="IC12" s="135">
        <v>139898786</v>
      </c>
      <c r="ID12" s="136">
        <v>174206014</v>
      </c>
      <c r="IE12" s="137">
        <v>187176768</v>
      </c>
      <c r="IF12" s="135">
        <v>132615084</v>
      </c>
      <c r="IG12" s="137">
        <v>74717816</v>
      </c>
      <c r="IH12" s="138">
        <v>708614468</v>
      </c>
      <c r="II12" s="139">
        <v>712302662</v>
      </c>
      <c r="IJ12" s="232">
        <v>0</v>
      </c>
      <c r="IK12" s="236">
        <v>0</v>
      </c>
      <c r="IL12" s="237">
        <v>0</v>
      </c>
      <c r="IM12" s="140"/>
      <c r="IN12" s="119">
        <v>1325073</v>
      </c>
      <c r="IO12" s="119">
        <v>1794210</v>
      </c>
      <c r="IP12" s="119">
        <v>2976462</v>
      </c>
      <c r="IQ12" s="119">
        <v>4105340</v>
      </c>
      <c r="IR12" s="119">
        <v>4898066</v>
      </c>
      <c r="IS12" s="141">
        <v>15099151</v>
      </c>
      <c r="IT12" s="321">
        <v>15099151</v>
      </c>
      <c r="IU12" s="142">
        <v>0</v>
      </c>
      <c r="IV12" s="119">
        <v>0</v>
      </c>
      <c r="IW12" s="120">
        <v>0</v>
      </c>
      <c r="IX12" s="144"/>
      <c r="IY12" s="119">
        <v>22730</v>
      </c>
      <c r="IZ12" s="119">
        <v>34095</v>
      </c>
      <c r="JA12" s="119">
        <v>36738</v>
      </c>
      <c r="JB12" s="119">
        <v>53627</v>
      </c>
      <c r="JC12" s="119">
        <v>157109</v>
      </c>
      <c r="JD12" s="120">
        <v>304299</v>
      </c>
      <c r="JE12" s="121">
        <v>304299</v>
      </c>
      <c r="JF12" s="142">
        <v>0</v>
      </c>
      <c r="JG12" s="119">
        <v>0</v>
      </c>
      <c r="JH12" s="141">
        <v>0</v>
      </c>
      <c r="JI12" s="118">
        <v>0</v>
      </c>
      <c r="JJ12" s="119">
        <v>51401067</v>
      </c>
      <c r="JK12" s="119">
        <v>61648701</v>
      </c>
      <c r="JL12" s="119">
        <v>51706686</v>
      </c>
      <c r="JM12" s="119">
        <v>29537824</v>
      </c>
      <c r="JN12" s="119">
        <v>13581567</v>
      </c>
      <c r="JO12" s="120">
        <v>207875845</v>
      </c>
      <c r="JP12" s="321">
        <v>207875845</v>
      </c>
      <c r="JQ12" s="142">
        <v>0</v>
      </c>
      <c r="JR12" s="119">
        <v>0</v>
      </c>
      <c r="JS12" s="141">
        <v>0</v>
      </c>
      <c r="JT12" s="118">
        <v>0</v>
      </c>
      <c r="JU12" s="119">
        <v>1589958</v>
      </c>
      <c r="JV12" s="119">
        <v>2623760</v>
      </c>
      <c r="JW12" s="119">
        <v>4718786</v>
      </c>
      <c r="JX12" s="119">
        <v>2763269</v>
      </c>
      <c r="JY12" s="119">
        <v>3250627</v>
      </c>
      <c r="JZ12" s="120">
        <v>14946400</v>
      </c>
      <c r="KA12" s="321">
        <v>14946400</v>
      </c>
      <c r="KB12" s="234">
        <v>835460</v>
      </c>
      <c r="KC12" s="230">
        <v>2096505</v>
      </c>
      <c r="KD12" s="120">
        <v>2931965</v>
      </c>
      <c r="KE12" s="118">
        <v>0</v>
      </c>
      <c r="KF12" s="119">
        <v>17124825</v>
      </c>
      <c r="KG12" s="119">
        <v>25749253</v>
      </c>
      <c r="KH12" s="119">
        <v>26911449</v>
      </c>
      <c r="KI12" s="119">
        <v>22602722</v>
      </c>
      <c r="KJ12" s="119">
        <v>6882582</v>
      </c>
      <c r="KK12" s="120">
        <v>99270831</v>
      </c>
      <c r="KL12" s="143">
        <v>102202796</v>
      </c>
      <c r="KM12" s="232">
        <v>0</v>
      </c>
      <c r="KN12" s="236">
        <v>756229</v>
      </c>
      <c r="KO12" s="237">
        <v>756229</v>
      </c>
      <c r="KP12" s="140"/>
      <c r="KQ12" s="119">
        <v>67203055</v>
      </c>
      <c r="KR12" s="119">
        <v>79973096</v>
      </c>
      <c r="KS12" s="119">
        <v>93020167</v>
      </c>
      <c r="KT12" s="119">
        <v>59509901</v>
      </c>
      <c r="KU12" s="119">
        <v>40014344</v>
      </c>
      <c r="KV12" s="120">
        <v>339720563</v>
      </c>
      <c r="KW12" s="321">
        <v>340476792</v>
      </c>
      <c r="KX12" s="142">
        <v>0</v>
      </c>
      <c r="KY12" s="119">
        <v>0</v>
      </c>
      <c r="KZ12" s="120">
        <v>0</v>
      </c>
      <c r="LA12" s="145"/>
      <c r="LB12" s="119">
        <v>0</v>
      </c>
      <c r="LC12" s="119">
        <v>0</v>
      </c>
      <c r="LD12" s="119">
        <v>0</v>
      </c>
      <c r="LE12" s="119">
        <v>0</v>
      </c>
      <c r="LF12" s="119">
        <v>0</v>
      </c>
      <c r="LG12" s="120">
        <v>0</v>
      </c>
      <c r="LH12" s="121">
        <v>0</v>
      </c>
      <c r="LI12" s="142">
        <v>0</v>
      </c>
      <c r="LJ12" s="119">
        <v>0</v>
      </c>
      <c r="LK12" s="120">
        <v>0</v>
      </c>
      <c r="LL12" s="145"/>
      <c r="LM12" s="119">
        <v>0</v>
      </c>
      <c r="LN12" s="119">
        <v>416135</v>
      </c>
      <c r="LO12" s="119">
        <v>4389089</v>
      </c>
      <c r="LP12" s="119">
        <v>8441970</v>
      </c>
      <c r="LQ12" s="119">
        <v>1878962</v>
      </c>
      <c r="LR12" s="120">
        <v>15126156</v>
      </c>
      <c r="LS12" s="321">
        <v>15126156</v>
      </c>
      <c r="LT12" s="142">
        <v>0</v>
      </c>
      <c r="LU12" s="119">
        <v>0</v>
      </c>
      <c r="LV12" s="120">
        <v>0</v>
      </c>
      <c r="LW12" s="145"/>
      <c r="LX12" s="119">
        <v>1232078</v>
      </c>
      <c r="LY12" s="119">
        <v>1966764</v>
      </c>
      <c r="LZ12" s="119">
        <v>3417391</v>
      </c>
      <c r="MA12" s="119">
        <v>5600431</v>
      </c>
      <c r="MB12" s="119">
        <v>4054559</v>
      </c>
      <c r="MC12" s="120">
        <v>16271223</v>
      </c>
      <c r="MD12" s="121">
        <v>16271223</v>
      </c>
      <c r="ME12" s="142">
        <v>0</v>
      </c>
      <c r="MF12" s="119">
        <v>0</v>
      </c>
      <c r="MG12" s="120">
        <v>0</v>
      </c>
      <c r="MH12" s="145"/>
      <c r="MI12" s="119">
        <v>26517896</v>
      </c>
      <c r="MJ12" s="119">
        <v>74912711</v>
      </c>
      <c r="MK12" s="119">
        <v>305668182</v>
      </c>
      <c r="ML12" s="119">
        <v>503488204</v>
      </c>
      <c r="MM12" s="119">
        <v>320841106</v>
      </c>
      <c r="MN12" s="120">
        <v>1231428099</v>
      </c>
      <c r="MO12" s="143">
        <v>1231428099</v>
      </c>
      <c r="MP12" s="142">
        <v>0</v>
      </c>
      <c r="MQ12" s="119">
        <v>0</v>
      </c>
      <c r="MR12" s="120">
        <v>0</v>
      </c>
      <c r="MS12" s="145"/>
      <c r="MT12" s="119">
        <v>2852765</v>
      </c>
      <c r="MU12" s="119">
        <v>14682061</v>
      </c>
      <c r="MV12" s="119">
        <v>212943369</v>
      </c>
      <c r="MW12" s="119">
        <v>351750394</v>
      </c>
      <c r="MX12" s="119">
        <v>222074920</v>
      </c>
      <c r="MY12" s="120">
        <v>804303509</v>
      </c>
      <c r="MZ12" s="143">
        <v>804303509</v>
      </c>
      <c r="NA12" s="142">
        <v>0</v>
      </c>
      <c r="NB12" s="119">
        <v>0</v>
      </c>
      <c r="NC12" s="120">
        <v>0</v>
      </c>
      <c r="ND12" s="145"/>
      <c r="NE12" s="119">
        <v>23665131</v>
      </c>
      <c r="NF12" s="119">
        <v>60057339</v>
      </c>
      <c r="NG12" s="119">
        <v>90238206</v>
      </c>
      <c r="NH12" s="119">
        <v>114891108</v>
      </c>
      <c r="NI12" s="119">
        <v>64308763</v>
      </c>
      <c r="NJ12" s="120">
        <v>353160547</v>
      </c>
      <c r="NK12" s="321">
        <v>353160547</v>
      </c>
      <c r="NL12" s="142">
        <v>0</v>
      </c>
      <c r="NM12" s="119">
        <v>0</v>
      </c>
      <c r="NN12" s="120">
        <v>0</v>
      </c>
      <c r="NO12" s="145"/>
      <c r="NP12" s="119">
        <v>0</v>
      </c>
      <c r="NQ12" s="119">
        <v>173311</v>
      </c>
      <c r="NR12" s="119">
        <v>315180</v>
      </c>
      <c r="NS12" s="119">
        <v>8092339</v>
      </c>
      <c r="NT12" s="119">
        <v>5915203</v>
      </c>
      <c r="NU12" s="120">
        <v>14496033</v>
      </c>
      <c r="NV12" s="121">
        <v>14496033</v>
      </c>
      <c r="NW12" s="142">
        <v>0</v>
      </c>
      <c r="NX12" s="119">
        <v>0</v>
      </c>
      <c r="NY12" s="120">
        <v>0</v>
      </c>
      <c r="NZ12" s="145"/>
      <c r="OA12" s="119">
        <v>0</v>
      </c>
      <c r="OB12" s="119">
        <v>0</v>
      </c>
      <c r="OC12" s="119">
        <v>2171427</v>
      </c>
      <c r="OD12" s="119">
        <v>28754363</v>
      </c>
      <c r="OE12" s="119">
        <v>28542220</v>
      </c>
      <c r="OF12" s="120">
        <v>59468010</v>
      </c>
      <c r="OG12" s="121">
        <v>59468010</v>
      </c>
      <c r="OH12" s="142">
        <v>28491681</v>
      </c>
      <c r="OI12" s="119">
        <v>74531012</v>
      </c>
      <c r="OJ12" s="141">
        <v>103022693</v>
      </c>
      <c r="OK12" s="118">
        <v>0</v>
      </c>
      <c r="OL12" s="119">
        <v>489618562</v>
      </c>
      <c r="OM12" s="119">
        <v>717200313</v>
      </c>
      <c r="ON12" s="119">
        <v>937685818</v>
      </c>
      <c r="OO12" s="119">
        <v>1041990942</v>
      </c>
      <c r="OP12" s="119">
        <v>665207317</v>
      </c>
      <c r="OQ12" s="120">
        <v>3851702952</v>
      </c>
      <c r="OR12" s="143">
        <v>3954725645</v>
      </c>
    </row>
    <row r="13" spans="1:408" ht="18.75" customHeight="1" x14ac:dyDescent="0.2">
      <c r="A13" s="62" t="s">
        <v>7</v>
      </c>
      <c r="B13" s="110">
        <v>13670654</v>
      </c>
      <c r="C13" s="114">
        <v>17317323</v>
      </c>
      <c r="D13" s="113">
        <v>30987977</v>
      </c>
      <c r="E13" s="109">
        <v>0</v>
      </c>
      <c r="F13" s="114">
        <v>347776407</v>
      </c>
      <c r="G13" s="114">
        <v>322340472</v>
      </c>
      <c r="H13" s="114">
        <v>266207717</v>
      </c>
      <c r="I13" s="114">
        <v>272478475</v>
      </c>
      <c r="J13" s="114">
        <v>187010029</v>
      </c>
      <c r="K13" s="109">
        <v>1395813100</v>
      </c>
      <c r="L13" s="116">
        <v>1426801077</v>
      </c>
      <c r="M13" s="110">
        <v>1902211</v>
      </c>
      <c r="N13" s="114">
        <v>2093065</v>
      </c>
      <c r="O13" s="113">
        <v>3995276</v>
      </c>
      <c r="P13" s="110">
        <v>0</v>
      </c>
      <c r="Q13" s="114">
        <v>77736088</v>
      </c>
      <c r="R13" s="114">
        <v>89170066</v>
      </c>
      <c r="S13" s="114">
        <v>86470661</v>
      </c>
      <c r="T13" s="114">
        <v>113563371</v>
      </c>
      <c r="U13" s="114">
        <v>103376575</v>
      </c>
      <c r="V13" s="113">
        <v>470316761</v>
      </c>
      <c r="W13" s="116">
        <v>474312037</v>
      </c>
      <c r="X13" s="110">
        <v>0</v>
      </c>
      <c r="Y13" s="114">
        <v>0</v>
      </c>
      <c r="Z13" s="113">
        <v>0</v>
      </c>
      <c r="AA13" s="110">
        <v>0</v>
      </c>
      <c r="AB13" s="114">
        <v>43661363</v>
      </c>
      <c r="AC13" s="114">
        <v>50342074</v>
      </c>
      <c r="AD13" s="114">
        <v>54342869</v>
      </c>
      <c r="AE13" s="114">
        <v>74702845</v>
      </c>
      <c r="AF13" s="114">
        <v>65045782</v>
      </c>
      <c r="AG13" s="113">
        <v>288094933</v>
      </c>
      <c r="AH13" s="116">
        <v>288094933</v>
      </c>
      <c r="AI13" s="110">
        <v>0</v>
      </c>
      <c r="AJ13" s="114">
        <v>0</v>
      </c>
      <c r="AK13" s="113">
        <v>0</v>
      </c>
      <c r="AL13" s="110">
        <v>0</v>
      </c>
      <c r="AM13" s="114">
        <v>724150</v>
      </c>
      <c r="AN13" s="114">
        <v>2068474</v>
      </c>
      <c r="AO13" s="114">
        <v>3354306</v>
      </c>
      <c r="AP13" s="114">
        <v>7849214</v>
      </c>
      <c r="AQ13" s="114">
        <v>13414943</v>
      </c>
      <c r="AR13" s="113">
        <v>27411087</v>
      </c>
      <c r="AS13" s="116">
        <v>27411087</v>
      </c>
      <c r="AT13" s="110">
        <v>367289</v>
      </c>
      <c r="AU13" s="114">
        <v>756247</v>
      </c>
      <c r="AV13" s="113">
        <v>1123536</v>
      </c>
      <c r="AW13" s="110">
        <v>0</v>
      </c>
      <c r="AX13" s="114">
        <v>18709557</v>
      </c>
      <c r="AY13" s="114">
        <v>23373257</v>
      </c>
      <c r="AZ13" s="114">
        <v>16972051</v>
      </c>
      <c r="BA13" s="114">
        <v>18702028</v>
      </c>
      <c r="BB13" s="114">
        <v>16787497</v>
      </c>
      <c r="BC13" s="113">
        <v>94544390</v>
      </c>
      <c r="BD13" s="116">
        <v>95667926</v>
      </c>
      <c r="BE13" s="110">
        <v>106738</v>
      </c>
      <c r="BF13" s="114">
        <v>142402</v>
      </c>
      <c r="BG13" s="112">
        <v>249140</v>
      </c>
      <c r="BH13" s="111">
        <v>0</v>
      </c>
      <c r="BI13" s="114">
        <v>1478950</v>
      </c>
      <c r="BJ13" s="114">
        <v>1688973</v>
      </c>
      <c r="BK13" s="114">
        <v>844161</v>
      </c>
      <c r="BL13" s="114">
        <v>1383727</v>
      </c>
      <c r="BM13" s="114">
        <v>928525</v>
      </c>
      <c r="BN13" s="113">
        <v>6324336</v>
      </c>
      <c r="BO13" s="116">
        <v>6573476</v>
      </c>
      <c r="BP13" s="110">
        <v>1428184</v>
      </c>
      <c r="BQ13" s="114">
        <v>1194416</v>
      </c>
      <c r="BR13" s="113">
        <v>2622600</v>
      </c>
      <c r="BS13" s="110">
        <v>0</v>
      </c>
      <c r="BT13" s="114">
        <v>13162068</v>
      </c>
      <c r="BU13" s="114">
        <v>11697288</v>
      </c>
      <c r="BV13" s="114">
        <v>10957274</v>
      </c>
      <c r="BW13" s="114">
        <v>10925557</v>
      </c>
      <c r="BX13" s="114">
        <v>7199828</v>
      </c>
      <c r="BY13" s="113">
        <v>53942015</v>
      </c>
      <c r="BZ13" s="116">
        <v>56564615</v>
      </c>
      <c r="CA13" s="110">
        <v>769520</v>
      </c>
      <c r="CB13" s="114">
        <v>2089450</v>
      </c>
      <c r="CC13" s="113">
        <v>2858970</v>
      </c>
      <c r="CD13" s="110">
        <v>0</v>
      </c>
      <c r="CE13" s="114">
        <v>95428728</v>
      </c>
      <c r="CF13" s="114">
        <v>85101077</v>
      </c>
      <c r="CG13" s="114">
        <v>57685876</v>
      </c>
      <c r="CH13" s="114">
        <v>38128446</v>
      </c>
      <c r="CI13" s="114">
        <v>14481057</v>
      </c>
      <c r="CJ13" s="113">
        <v>290825184</v>
      </c>
      <c r="CK13" s="116">
        <v>293684154</v>
      </c>
      <c r="CL13" s="110">
        <v>0</v>
      </c>
      <c r="CM13" s="114">
        <v>0</v>
      </c>
      <c r="CN13" s="113">
        <v>0</v>
      </c>
      <c r="CO13" s="111">
        <v>0</v>
      </c>
      <c r="CP13" s="114">
        <v>80697023</v>
      </c>
      <c r="CQ13" s="114">
        <v>69276634</v>
      </c>
      <c r="CR13" s="114">
        <v>46203526</v>
      </c>
      <c r="CS13" s="114">
        <v>31523241</v>
      </c>
      <c r="CT13" s="114">
        <v>12874518</v>
      </c>
      <c r="CU13" s="113">
        <v>240574942</v>
      </c>
      <c r="CV13" s="116">
        <v>240574942</v>
      </c>
      <c r="CW13" s="110">
        <v>769520</v>
      </c>
      <c r="CX13" s="114">
        <v>2089450</v>
      </c>
      <c r="CY13" s="113">
        <v>2858970</v>
      </c>
      <c r="CZ13" s="110">
        <v>0</v>
      </c>
      <c r="DA13" s="114">
        <v>14731705</v>
      </c>
      <c r="DB13" s="114">
        <v>15824443</v>
      </c>
      <c r="DC13" s="114">
        <v>11482350</v>
      </c>
      <c r="DD13" s="114">
        <v>6605205</v>
      </c>
      <c r="DE13" s="114">
        <v>1606539</v>
      </c>
      <c r="DF13" s="113">
        <v>50250242</v>
      </c>
      <c r="DG13" s="116">
        <v>53109212</v>
      </c>
      <c r="DH13" s="110">
        <v>63097</v>
      </c>
      <c r="DI13" s="114">
        <v>99223</v>
      </c>
      <c r="DJ13" s="112">
        <v>162320</v>
      </c>
      <c r="DK13" s="111">
        <v>0</v>
      </c>
      <c r="DL13" s="114">
        <v>12519904</v>
      </c>
      <c r="DM13" s="114">
        <v>19667650</v>
      </c>
      <c r="DN13" s="114">
        <v>22829786</v>
      </c>
      <c r="DO13" s="114">
        <v>17995925</v>
      </c>
      <c r="DP13" s="114">
        <v>11661311</v>
      </c>
      <c r="DQ13" s="113">
        <v>84674576</v>
      </c>
      <c r="DR13" s="116">
        <v>84836896</v>
      </c>
      <c r="DS13" s="110">
        <v>32605</v>
      </c>
      <c r="DT13" s="114">
        <v>99223</v>
      </c>
      <c r="DU13" s="113">
        <v>131828</v>
      </c>
      <c r="DV13" s="110">
        <v>0</v>
      </c>
      <c r="DW13" s="114">
        <v>12281715</v>
      </c>
      <c r="DX13" s="114">
        <v>18998443</v>
      </c>
      <c r="DY13" s="114">
        <v>21600447</v>
      </c>
      <c r="DZ13" s="114">
        <v>17528398</v>
      </c>
      <c r="EA13" s="114">
        <v>10279272</v>
      </c>
      <c r="EB13" s="113">
        <v>80688275</v>
      </c>
      <c r="EC13" s="116">
        <v>80820103</v>
      </c>
      <c r="ED13" s="110">
        <v>30492</v>
      </c>
      <c r="EE13" s="112">
        <v>0</v>
      </c>
      <c r="EF13" s="113">
        <v>30492</v>
      </c>
      <c r="EG13" s="110">
        <v>0</v>
      </c>
      <c r="EH13" s="114">
        <v>238189</v>
      </c>
      <c r="EI13" s="114">
        <v>669207</v>
      </c>
      <c r="EJ13" s="114">
        <v>1229339</v>
      </c>
      <c r="EK13" s="114">
        <v>467527</v>
      </c>
      <c r="EL13" s="114">
        <v>1382039</v>
      </c>
      <c r="EM13" s="112">
        <v>3986301</v>
      </c>
      <c r="EN13" s="116">
        <v>4016793</v>
      </c>
      <c r="EO13" s="110">
        <v>0</v>
      </c>
      <c r="EP13" s="114">
        <v>0</v>
      </c>
      <c r="EQ13" s="112">
        <v>0</v>
      </c>
      <c r="ER13" s="111">
        <v>0</v>
      </c>
      <c r="ES13" s="114">
        <v>0</v>
      </c>
      <c r="ET13" s="114">
        <v>0</v>
      </c>
      <c r="EU13" s="114">
        <v>0</v>
      </c>
      <c r="EV13" s="114">
        <v>0</v>
      </c>
      <c r="EW13" s="114">
        <v>0</v>
      </c>
      <c r="EX13" s="113">
        <v>0</v>
      </c>
      <c r="EY13" s="116">
        <v>0</v>
      </c>
      <c r="EZ13" s="110">
        <v>0</v>
      </c>
      <c r="FA13" s="114">
        <v>0</v>
      </c>
      <c r="FB13" s="112">
        <v>0</v>
      </c>
      <c r="FC13" s="348"/>
      <c r="FD13" s="114">
        <v>0</v>
      </c>
      <c r="FE13" s="114">
        <v>0</v>
      </c>
      <c r="FF13" s="114">
        <v>0</v>
      </c>
      <c r="FG13" s="114">
        <v>0</v>
      </c>
      <c r="FH13" s="114">
        <v>0</v>
      </c>
      <c r="FI13" s="113">
        <v>0</v>
      </c>
      <c r="FJ13" s="116">
        <v>0</v>
      </c>
      <c r="FK13" s="110">
        <v>3210442</v>
      </c>
      <c r="FL13" s="114">
        <v>4443833</v>
      </c>
      <c r="FM13" s="113">
        <v>7654275</v>
      </c>
      <c r="FN13" s="110">
        <v>0</v>
      </c>
      <c r="FO13" s="114">
        <v>15280221</v>
      </c>
      <c r="FP13" s="114">
        <v>31788101</v>
      </c>
      <c r="FQ13" s="114">
        <v>20028503</v>
      </c>
      <c r="FR13" s="114">
        <v>19716849</v>
      </c>
      <c r="FS13" s="114">
        <v>12713587</v>
      </c>
      <c r="FT13" s="113">
        <v>99527261</v>
      </c>
      <c r="FU13" s="116">
        <v>107181536</v>
      </c>
      <c r="FV13" s="115">
        <v>1241613</v>
      </c>
      <c r="FW13" s="114">
        <v>2873639</v>
      </c>
      <c r="FX13" s="112">
        <v>4115252</v>
      </c>
      <c r="FY13" s="111">
        <v>0</v>
      </c>
      <c r="FZ13" s="114">
        <v>10711740</v>
      </c>
      <c r="GA13" s="114">
        <v>28594612</v>
      </c>
      <c r="GB13" s="114">
        <v>18635716</v>
      </c>
      <c r="GC13" s="114">
        <v>17837238</v>
      </c>
      <c r="GD13" s="114">
        <v>12238198</v>
      </c>
      <c r="GE13" s="113">
        <v>88017504</v>
      </c>
      <c r="GF13" s="319">
        <v>92132756</v>
      </c>
      <c r="GG13" s="115">
        <v>219712</v>
      </c>
      <c r="GH13" s="114">
        <v>259339</v>
      </c>
      <c r="GI13" s="112">
        <v>479051</v>
      </c>
      <c r="GJ13" s="111">
        <v>0</v>
      </c>
      <c r="GK13" s="114">
        <v>824297</v>
      </c>
      <c r="GL13" s="114">
        <v>1053464</v>
      </c>
      <c r="GM13" s="114">
        <v>471230</v>
      </c>
      <c r="GN13" s="114">
        <v>607951</v>
      </c>
      <c r="GO13" s="114">
        <v>192159</v>
      </c>
      <c r="GP13" s="113">
        <v>3149101</v>
      </c>
      <c r="GQ13" s="116">
        <v>3628152</v>
      </c>
      <c r="GR13" s="110">
        <v>1749117</v>
      </c>
      <c r="GS13" s="114">
        <v>1310855</v>
      </c>
      <c r="GT13" s="113">
        <v>3059972</v>
      </c>
      <c r="GU13" s="110">
        <v>0</v>
      </c>
      <c r="GV13" s="114">
        <v>3744184</v>
      </c>
      <c r="GW13" s="114">
        <v>2140025</v>
      </c>
      <c r="GX13" s="114">
        <v>921557</v>
      </c>
      <c r="GY13" s="114">
        <v>1271660</v>
      </c>
      <c r="GZ13" s="114">
        <v>283230</v>
      </c>
      <c r="HA13" s="112">
        <v>8360656</v>
      </c>
      <c r="HB13" s="116">
        <v>11420628</v>
      </c>
      <c r="HC13" s="110">
        <v>5961266</v>
      </c>
      <c r="HD13" s="114">
        <v>5269747</v>
      </c>
      <c r="HE13" s="112">
        <v>11231013</v>
      </c>
      <c r="HF13" s="111">
        <v>0</v>
      </c>
      <c r="HG13" s="114">
        <v>83462552</v>
      </c>
      <c r="HH13" s="114">
        <v>51537263</v>
      </c>
      <c r="HI13" s="114">
        <v>50433353</v>
      </c>
      <c r="HJ13" s="114">
        <v>62552306</v>
      </c>
      <c r="HK13" s="114">
        <v>33164683</v>
      </c>
      <c r="HL13" s="113">
        <v>281150157</v>
      </c>
      <c r="HM13" s="109">
        <v>292381170</v>
      </c>
      <c r="HN13" s="115">
        <v>1764118</v>
      </c>
      <c r="HO13" s="114">
        <v>3322005</v>
      </c>
      <c r="HP13" s="113">
        <v>5086123</v>
      </c>
      <c r="HQ13" s="110">
        <v>0</v>
      </c>
      <c r="HR13" s="114">
        <v>63348914</v>
      </c>
      <c r="HS13" s="114">
        <v>45076315</v>
      </c>
      <c r="HT13" s="114">
        <v>28759538</v>
      </c>
      <c r="HU13" s="114">
        <v>20521578</v>
      </c>
      <c r="HV13" s="114">
        <v>11612816</v>
      </c>
      <c r="HW13" s="112">
        <v>169319161</v>
      </c>
      <c r="HX13" s="116">
        <v>174405284</v>
      </c>
      <c r="HY13" s="131">
        <v>354200</v>
      </c>
      <c r="HZ13" s="132">
        <v>1400637</v>
      </c>
      <c r="IA13" s="133">
        <v>1754837</v>
      </c>
      <c r="IB13" s="146">
        <v>0</v>
      </c>
      <c r="IC13" s="132">
        <v>96303216</v>
      </c>
      <c r="ID13" s="147">
        <v>101856582</v>
      </c>
      <c r="IE13" s="133">
        <v>104696799</v>
      </c>
      <c r="IF13" s="132">
        <v>60596267</v>
      </c>
      <c r="IG13" s="133">
        <v>40735731</v>
      </c>
      <c r="IH13" s="148">
        <v>404188595</v>
      </c>
      <c r="II13" s="139">
        <v>405943432</v>
      </c>
      <c r="IJ13" s="232">
        <v>0</v>
      </c>
      <c r="IK13" s="236">
        <v>0</v>
      </c>
      <c r="IL13" s="237">
        <v>0</v>
      </c>
      <c r="IM13" s="140"/>
      <c r="IN13" s="119">
        <v>284401</v>
      </c>
      <c r="IO13" s="119">
        <v>1571207</v>
      </c>
      <c r="IP13" s="119">
        <v>1586215</v>
      </c>
      <c r="IQ13" s="119">
        <v>1782489</v>
      </c>
      <c r="IR13" s="119">
        <v>2049481</v>
      </c>
      <c r="IS13" s="141">
        <v>7273793</v>
      </c>
      <c r="IT13" s="321">
        <v>7273793</v>
      </c>
      <c r="IU13" s="142">
        <v>0</v>
      </c>
      <c r="IV13" s="119">
        <v>0</v>
      </c>
      <c r="IW13" s="120">
        <v>0</v>
      </c>
      <c r="IX13" s="144"/>
      <c r="IY13" s="119">
        <v>0</v>
      </c>
      <c r="IZ13" s="119">
        <v>0</v>
      </c>
      <c r="JA13" s="119">
        <v>0</v>
      </c>
      <c r="JB13" s="119">
        <v>0</v>
      </c>
      <c r="JC13" s="119">
        <v>0</v>
      </c>
      <c r="JD13" s="120">
        <v>0</v>
      </c>
      <c r="JE13" s="121">
        <v>0</v>
      </c>
      <c r="JF13" s="142">
        <v>0</v>
      </c>
      <c r="JG13" s="119">
        <v>0</v>
      </c>
      <c r="JH13" s="141">
        <v>0</v>
      </c>
      <c r="JI13" s="118">
        <v>0</v>
      </c>
      <c r="JJ13" s="119">
        <v>48687062</v>
      </c>
      <c r="JK13" s="119">
        <v>39525984</v>
      </c>
      <c r="JL13" s="119">
        <v>27745326</v>
      </c>
      <c r="JM13" s="119">
        <v>12052818</v>
      </c>
      <c r="JN13" s="119">
        <v>5810055</v>
      </c>
      <c r="JO13" s="120">
        <v>133821245</v>
      </c>
      <c r="JP13" s="321">
        <v>133821245</v>
      </c>
      <c r="JQ13" s="142">
        <v>29690</v>
      </c>
      <c r="JR13" s="119">
        <v>0</v>
      </c>
      <c r="JS13" s="141">
        <v>29690</v>
      </c>
      <c r="JT13" s="118">
        <v>0</v>
      </c>
      <c r="JU13" s="119">
        <v>8216561</v>
      </c>
      <c r="JV13" s="119">
        <v>10280234</v>
      </c>
      <c r="JW13" s="119">
        <v>14675736</v>
      </c>
      <c r="JX13" s="119">
        <v>4611521</v>
      </c>
      <c r="JY13" s="119">
        <v>2887023</v>
      </c>
      <c r="JZ13" s="120">
        <v>40671075</v>
      </c>
      <c r="KA13" s="321">
        <v>40700765</v>
      </c>
      <c r="KB13" s="234">
        <v>324510</v>
      </c>
      <c r="KC13" s="230">
        <v>1149929</v>
      </c>
      <c r="KD13" s="120">
        <v>1474439</v>
      </c>
      <c r="KE13" s="118">
        <v>0</v>
      </c>
      <c r="KF13" s="119">
        <v>7143676</v>
      </c>
      <c r="KG13" s="119">
        <v>8003954</v>
      </c>
      <c r="KH13" s="119">
        <v>7708695</v>
      </c>
      <c r="KI13" s="119">
        <v>4160791</v>
      </c>
      <c r="KJ13" s="119">
        <v>1677752</v>
      </c>
      <c r="KK13" s="120">
        <v>28694868</v>
      </c>
      <c r="KL13" s="143">
        <v>30169307</v>
      </c>
      <c r="KM13" s="232">
        <v>0</v>
      </c>
      <c r="KN13" s="236">
        <v>250708</v>
      </c>
      <c r="KO13" s="237">
        <v>250708</v>
      </c>
      <c r="KP13" s="140"/>
      <c r="KQ13" s="119">
        <v>30815026</v>
      </c>
      <c r="KR13" s="119">
        <v>39890737</v>
      </c>
      <c r="KS13" s="119">
        <v>50526555</v>
      </c>
      <c r="KT13" s="119">
        <v>35903414</v>
      </c>
      <c r="KU13" s="119">
        <v>20514438</v>
      </c>
      <c r="KV13" s="120">
        <v>177650170</v>
      </c>
      <c r="KW13" s="321">
        <v>177900878</v>
      </c>
      <c r="KX13" s="142">
        <v>0</v>
      </c>
      <c r="KY13" s="119">
        <v>0</v>
      </c>
      <c r="KZ13" s="120">
        <v>0</v>
      </c>
      <c r="LA13" s="145"/>
      <c r="LB13" s="119">
        <v>0</v>
      </c>
      <c r="LC13" s="119">
        <v>0</v>
      </c>
      <c r="LD13" s="119">
        <v>0</v>
      </c>
      <c r="LE13" s="119">
        <v>0</v>
      </c>
      <c r="LF13" s="119">
        <v>0</v>
      </c>
      <c r="LG13" s="120">
        <v>0</v>
      </c>
      <c r="LH13" s="121">
        <v>0</v>
      </c>
      <c r="LI13" s="142">
        <v>0</v>
      </c>
      <c r="LJ13" s="119">
        <v>0</v>
      </c>
      <c r="LK13" s="120">
        <v>0</v>
      </c>
      <c r="LL13" s="145"/>
      <c r="LM13" s="119">
        <v>0</v>
      </c>
      <c r="LN13" s="119">
        <v>0</v>
      </c>
      <c r="LO13" s="119">
        <v>0</v>
      </c>
      <c r="LP13" s="119">
        <v>0</v>
      </c>
      <c r="LQ13" s="119">
        <v>0</v>
      </c>
      <c r="LR13" s="120">
        <v>0</v>
      </c>
      <c r="LS13" s="321">
        <v>0</v>
      </c>
      <c r="LT13" s="142">
        <v>0</v>
      </c>
      <c r="LU13" s="119">
        <v>0</v>
      </c>
      <c r="LV13" s="120">
        <v>0</v>
      </c>
      <c r="LW13" s="145"/>
      <c r="LX13" s="119">
        <v>1156490</v>
      </c>
      <c r="LY13" s="119">
        <v>2584466</v>
      </c>
      <c r="LZ13" s="119">
        <v>2454272</v>
      </c>
      <c r="MA13" s="119">
        <v>2085234</v>
      </c>
      <c r="MB13" s="119">
        <v>7796982</v>
      </c>
      <c r="MC13" s="120">
        <v>16077444</v>
      </c>
      <c r="MD13" s="121">
        <v>16077444</v>
      </c>
      <c r="ME13" s="142">
        <v>0</v>
      </c>
      <c r="MF13" s="119">
        <v>0</v>
      </c>
      <c r="MG13" s="120">
        <v>0</v>
      </c>
      <c r="MH13" s="145"/>
      <c r="MI13" s="119">
        <v>51106052</v>
      </c>
      <c r="MJ13" s="119">
        <v>75632131</v>
      </c>
      <c r="MK13" s="119">
        <v>211418515</v>
      </c>
      <c r="ML13" s="119">
        <v>352254080</v>
      </c>
      <c r="MM13" s="119">
        <v>215384532</v>
      </c>
      <c r="MN13" s="120">
        <v>905795310</v>
      </c>
      <c r="MO13" s="143">
        <v>905795310</v>
      </c>
      <c r="MP13" s="142">
        <v>0</v>
      </c>
      <c r="MQ13" s="119">
        <v>0</v>
      </c>
      <c r="MR13" s="120">
        <v>0</v>
      </c>
      <c r="MS13" s="145"/>
      <c r="MT13" s="119">
        <v>4990790</v>
      </c>
      <c r="MU13" s="119">
        <v>12487680</v>
      </c>
      <c r="MV13" s="119">
        <v>140462262</v>
      </c>
      <c r="MW13" s="119">
        <v>259046449</v>
      </c>
      <c r="MX13" s="119">
        <v>168811865</v>
      </c>
      <c r="MY13" s="120">
        <v>585799046</v>
      </c>
      <c r="MZ13" s="143">
        <v>585799046</v>
      </c>
      <c r="NA13" s="142">
        <v>0</v>
      </c>
      <c r="NB13" s="119">
        <v>0</v>
      </c>
      <c r="NC13" s="120">
        <v>0</v>
      </c>
      <c r="ND13" s="145"/>
      <c r="NE13" s="119">
        <v>46115262</v>
      </c>
      <c r="NF13" s="119">
        <v>63013291</v>
      </c>
      <c r="NG13" s="119">
        <v>69958640</v>
      </c>
      <c r="NH13" s="119">
        <v>92177793</v>
      </c>
      <c r="NI13" s="119">
        <v>43404844</v>
      </c>
      <c r="NJ13" s="120">
        <v>314669830</v>
      </c>
      <c r="NK13" s="321">
        <v>314669830</v>
      </c>
      <c r="NL13" s="142">
        <v>0</v>
      </c>
      <c r="NM13" s="119">
        <v>0</v>
      </c>
      <c r="NN13" s="120">
        <v>0</v>
      </c>
      <c r="NO13" s="145"/>
      <c r="NP13" s="119">
        <v>0</v>
      </c>
      <c r="NQ13" s="119">
        <v>0</v>
      </c>
      <c r="NR13" s="119">
        <v>0</v>
      </c>
      <c r="NS13" s="119">
        <v>1029838</v>
      </c>
      <c r="NT13" s="119">
        <v>1499253</v>
      </c>
      <c r="NU13" s="120">
        <v>2529091</v>
      </c>
      <c r="NV13" s="121">
        <v>2529091</v>
      </c>
      <c r="NW13" s="142">
        <v>0</v>
      </c>
      <c r="NX13" s="119">
        <v>0</v>
      </c>
      <c r="NY13" s="120">
        <v>0</v>
      </c>
      <c r="NZ13" s="145"/>
      <c r="OA13" s="119">
        <v>0</v>
      </c>
      <c r="OB13" s="119">
        <v>131160</v>
      </c>
      <c r="OC13" s="119">
        <v>997613</v>
      </c>
      <c r="OD13" s="119">
        <v>0</v>
      </c>
      <c r="OE13" s="119">
        <v>1668570</v>
      </c>
      <c r="OF13" s="120">
        <v>2797343</v>
      </c>
      <c r="OG13" s="121">
        <v>2797343</v>
      </c>
      <c r="OH13" s="142">
        <v>14024854</v>
      </c>
      <c r="OI13" s="119">
        <v>18717960</v>
      </c>
      <c r="OJ13" s="141">
        <v>32742814</v>
      </c>
      <c r="OK13" s="118">
        <v>0</v>
      </c>
      <c r="OL13" s="119">
        <v>495185675</v>
      </c>
      <c r="OM13" s="119">
        <v>499829185</v>
      </c>
      <c r="ON13" s="119">
        <v>582323031</v>
      </c>
      <c r="OO13" s="119">
        <v>685328822</v>
      </c>
      <c r="OP13" s="119">
        <v>443130292</v>
      </c>
      <c r="OQ13" s="120">
        <v>2705797005</v>
      </c>
      <c r="OR13" s="143">
        <v>2738539819</v>
      </c>
    </row>
    <row r="14" spans="1:408" ht="18.75" customHeight="1" x14ac:dyDescent="0.2">
      <c r="A14" s="62" t="s">
        <v>8</v>
      </c>
      <c r="B14" s="110">
        <v>11151609</v>
      </c>
      <c r="C14" s="114">
        <v>14410692</v>
      </c>
      <c r="D14" s="113">
        <v>25562301</v>
      </c>
      <c r="E14" s="109">
        <v>0</v>
      </c>
      <c r="F14" s="114">
        <v>141683399</v>
      </c>
      <c r="G14" s="114">
        <v>188673527</v>
      </c>
      <c r="H14" s="114">
        <v>178001703</v>
      </c>
      <c r="I14" s="114">
        <v>147301747</v>
      </c>
      <c r="J14" s="114">
        <v>119786421</v>
      </c>
      <c r="K14" s="109">
        <v>775446797</v>
      </c>
      <c r="L14" s="116">
        <v>801009098</v>
      </c>
      <c r="M14" s="110">
        <v>2122572</v>
      </c>
      <c r="N14" s="114">
        <v>3055738</v>
      </c>
      <c r="O14" s="113">
        <v>5178310</v>
      </c>
      <c r="P14" s="110">
        <v>0</v>
      </c>
      <c r="Q14" s="114">
        <v>40500457</v>
      </c>
      <c r="R14" s="114">
        <v>58916428</v>
      </c>
      <c r="S14" s="114">
        <v>57785410</v>
      </c>
      <c r="T14" s="114">
        <v>56338071</v>
      </c>
      <c r="U14" s="114">
        <v>61392119</v>
      </c>
      <c r="V14" s="113">
        <v>274932485</v>
      </c>
      <c r="W14" s="116">
        <v>280110795</v>
      </c>
      <c r="X14" s="110">
        <v>0</v>
      </c>
      <c r="Y14" s="114">
        <v>0</v>
      </c>
      <c r="Z14" s="113">
        <v>0</v>
      </c>
      <c r="AA14" s="110">
        <v>0</v>
      </c>
      <c r="AB14" s="114">
        <v>21901421</v>
      </c>
      <c r="AC14" s="114">
        <v>32658760</v>
      </c>
      <c r="AD14" s="114">
        <v>36581361</v>
      </c>
      <c r="AE14" s="114">
        <v>35808547</v>
      </c>
      <c r="AF14" s="114">
        <v>38353690</v>
      </c>
      <c r="AG14" s="113">
        <v>165303779</v>
      </c>
      <c r="AH14" s="116">
        <v>165303779</v>
      </c>
      <c r="AI14" s="110">
        <v>0</v>
      </c>
      <c r="AJ14" s="114">
        <v>0</v>
      </c>
      <c r="AK14" s="113">
        <v>0</v>
      </c>
      <c r="AL14" s="110">
        <v>0</v>
      </c>
      <c r="AM14" s="114">
        <v>247312</v>
      </c>
      <c r="AN14" s="114">
        <v>928809</v>
      </c>
      <c r="AO14" s="114">
        <v>1930993</v>
      </c>
      <c r="AP14" s="114">
        <v>3122502</v>
      </c>
      <c r="AQ14" s="114">
        <v>6487086</v>
      </c>
      <c r="AR14" s="113">
        <v>12716702</v>
      </c>
      <c r="AS14" s="116">
        <v>12716702</v>
      </c>
      <c r="AT14" s="110">
        <v>1135594</v>
      </c>
      <c r="AU14" s="114">
        <v>2110935</v>
      </c>
      <c r="AV14" s="113">
        <v>3246529</v>
      </c>
      <c r="AW14" s="110">
        <v>0</v>
      </c>
      <c r="AX14" s="114">
        <v>10190507</v>
      </c>
      <c r="AY14" s="114">
        <v>15455939</v>
      </c>
      <c r="AZ14" s="114">
        <v>10735658</v>
      </c>
      <c r="BA14" s="114">
        <v>9463148</v>
      </c>
      <c r="BB14" s="114">
        <v>11015221</v>
      </c>
      <c r="BC14" s="113">
        <v>56860473</v>
      </c>
      <c r="BD14" s="116">
        <v>60107002</v>
      </c>
      <c r="BE14" s="110">
        <v>127046</v>
      </c>
      <c r="BF14" s="114">
        <v>470461</v>
      </c>
      <c r="BG14" s="112">
        <v>597507</v>
      </c>
      <c r="BH14" s="111">
        <v>0</v>
      </c>
      <c r="BI14" s="114">
        <v>2023656</v>
      </c>
      <c r="BJ14" s="114">
        <v>3126996</v>
      </c>
      <c r="BK14" s="114">
        <v>2076938</v>
      </c>
      <c r="BL14" s="114">
        <v>1268007</v>
      </c>
      <c r="BM14" s="114">
        <v>990805</v>
      </c>
      <c r="BN14" s="113">
        <v>9486402</v>
      </c>
      <c r="BO14" s="116">
        <v>10083909</v>
      </c>
      <c r="BP14" s="110">
        <v>859932</v>
      </c>
      <c r="BQ14" s="114">
        <v>474342</v>
      </c>
      <c r="BR14" s="113">
        <v>1334274</v>
      </c>
      <c r="BS14" s="110">
        <v>0</v>
      </c>
      <c r="BT14" s="114">
        <v>6137561</v>
      </c>
      <c r="BU14" s="114">
        <v>6745924</v>
      </c>
      <c r="BV14" s="114">
        <v>6460460</v>
      </c>
      <c r="BW14" s="114">
        <v>6675867</v>
      </c>
      <c r="BX14" s="114">
        <v>4545317</v>
      </c>
      <c r="BY14" s="113">
        <v>30565129</v>
      </c>
      <c r="BZ14" s="116">
        <v>31899403</v>
      </c>
      <c r="CA14" s="110">
        <v>1222591</v>
      </c>
      <c r="CB14" s="114">
        <v>2767410</v>
      </c>
      <c r="CC14" s="113">
        <v>3990001</v>
      </c>
      <c r="CD14" s="110">
        <v>0</v>
      </c>
      <c r="CE14" s="114">
        <v>40835071</v>
      </c>
      <c r="CF14" s="114">
        <v>53126878</v>
      </c>
      <c r="CG14" s="114">
        <v>44017730</v>
      </c>
      <c r="CH14" s="114">
        <v>24790400</v>
      </c>
      <c r="CI14" s="114">
        <v>17235692</v>
      </c>
      <c r="CJ14" s="113">
        <v>180005771</v>
      </c>
      <c r="CK14" s="116">
        <v>183995772</v>
      </c>
      <c r="CL14" s="110">
        <v>0</v>
      </c>
      <c r="CM14" s="114">
        <v>0</v>
      </c>
      <c r="CN14" s="113">
        <v>0</v>
      </c>
      <c r="CO14" s="111">
        <v>0</v>
      </c>
      <c r="CP14" s="114">
        <v>35550573</v>
      </c>
      <c r="CQ14" s="114">
        <v>42842258</v>
      </c>
      <c r="CR14" s="114">
        <v>37713007</v>
      </c>
      <c r="CS14" s="114">
        <v>19655370</v>
      </c>
      <c r="CT14" s="114">
        <v>15824914</v>
      </c>
      <c r="CU14" s="113">
        <v>151586122</v>
      </c>
      <c r="CV14" s="116">
        <v>151586122</v>
      </c>
      <c r="CW14" s="110">
        <v>1222591</v>
      </c>
      <c r="CX14" s="114">
        <v>2767410</v>
      </c>
      <c r="CY14" s="113">
        <v>3990001</v>
      </c>
      <c r="CZ14" s="110">
        <v>0</v>
      </c>
      <c r="DA14" s="114">
        <v>5284498</v>
      </c>
      <c r="DB14" s="114">
        <v>10284620</v>
      </c>
      <c r="DC14" s="114">
        <v>6304723</v>
      </c>
      <c r="DD14" s="114">
        <v>5135030</v>
      </c>
      <c r="DE14" s="114">
        <v>1410778</v>
      </c>
      <c r="DF14" s="113">
        <v>28419649</v>
      </c>
      <c r="DG14" s="116">
        <v>32409650</v>
      </c>
      <c r="DH14" s="110">
        <v>44301</v>
      </c>
      <c r="DI14" s="114">
        <v>239254</v>
      </c>
      <c r="DJ14" s="112">
        <v>283555</v>
      </c>
      <c r="DK14" s="111">
        <v>0</v>
      </c>
      <c r="DL14" s="114">
        <v>2978052</v>
      </c>
      <c r="DM14" s="114">
        <v>10057656</v>
      </c>
      <c r="DN14" s="114">
        <v>23433981</v>
      </c>
      <c r="DO14" s="114">
        <v>14378004</v>
      </c>
      <c r="DP14" s="114">
        <v>9143749</v>
      </c>
      <c r="DQ14" s="113">
        <v>59991442</v>
      </c>
      <c r="DR14" s="116">
        <v>60274997</v>
      </c>
      <c r="DS14" s="110">
        <v>44301</v>
      </c>
      <c r="DT14" s="114">
        <v>239254</v>
      </c>
      <c r="DU14" s="113">
        <v>283555</v>
      </c>
      <c r="DV14" s="110">
        <v>0</v>
      </c>
      <c r="DW14" s="114">
        <v>2910836</v>
      </c>
      <c r="DX14" s="114">
        <v>9650960</v>
      </c>
      <c r="DY14" s="114">
        <v>22584097</v>
      </c>
      <c r="DZ14" s="114">
        <v>14307998</v>
      </c>
      <c r="EA14" s="114">
        <v>9143749</v>
      </c>
      <c r="EB14" s="113">
        <v>58597640</v>
      </c>
      <c r="EC14" s="116">
        <v>58881195</v>
      </c>
      <c r="ED14" s="110">
        <v>0</v>
      </c>
      <c r="EE14" s="112">
        <v>0</v>
      </c>
      <c r="EF14" s="113">
        <v>0</v>
      </c>
      <c r="EG14" s="110">
        <v>0</v>
      </c>
      <c r="EH14" s="114">
        <v>67216</v>
      </c>
      <c r="EI14" s="114">
        <v>406696</v>
      </c>
      <c r="EJ14" s="114">
        <v>849884</v>
      </c>
      <c r="EK14" s="114">
        <v>70006</v>
      </c>
      <c r="EL14" s="114">
        <v>0</v>
      </c>
      <c r="EM14" s="112">
        <v>1393802</v>
      </c>
      <c r="EN14" s="116">
        <v>1393802</v>
      </c>
      <c r="EO14" s="110">
        <v>0</v>
      </c>
      <c r="EP14" s="114">
        <v>0</v>
      </c>
      <c r="EQ14" s="112">
        <v>0</v>
      </c>
      <c r="ER14" s="111">
        <v>0</v>
      </c>
      <c r="ES14" s="114">
        <v>0</v>
      </c>
      <c r="ET14" s="114">
        <v>0</v>
      </c>
      <c r="EU14" s="114">
        <v>0</v>
      </c>
      <c r="EV14" s="114">
        <v>0</v>
      </c>
      <c r="EW14" s="114">
        <v>0</v>
      </c>
      <c r="EX14" s="113">
        <v>0</v>
      </c>
      <c r="EY14" s="116">
        <v>0</v>
      </c>
      <c r="EZ14" s="110">
        <v>0</v>
      </c>
      <c r="FA14" s="114">
        <v>0</v>
      </c>
      <c r="FB14" s="112">
        <v>0</v>
      </c>
      <c r="FC14" s="348"/>
      <c r="FD14" s="114">
        <v>0</v>
      </c>
      <c r="FE14" s="114">
        <v>0</v>
      </c>
      <c r="FF14" s="114">
        <v>0</v>
      </c>
      <c r="FG14" s="114">
        <v>0</v>
      </c>
      <c r="FH14" s="114">
        <v>0</v>
      </c>
      <c r="FI14" s="113">
        <v>0</v>
      </c>
      <c r="FJ14" s="116">
        <v>0</v>
      </c>
      <c r="FK14" s="110">
        <v>1785620</v>
      </c>
      <c r="FL14" s="114">
        <v>3559028</v>
      </c>
      <c r="FM14" s="113">
        <v>5344648</v>
      </c>
      <c r="FN14" s="110">
        <v>0</v>
      </c>
      <c r="FO14" s="114">
        <v>6394111</v>
      </c>
      <c r="FP14" s="114">
        <v>17797270</v>
      </c>
      <c r="FQ14" s="114">
        <v>13205178</v>
      </c>
      <c r="FR14" s="114">
        <v>10560328</v>
      </c>
      <c r="FS14" s="114">
        <v>8477026</v>
      </c>
      <c r="FT14" s="113">
        <v>56433913</v>
      </c>
      <c r="FU14" s="116">
        <v>61778561</v>
      </c>
      <c r="FV14" s="115">
        <v>1785620</v>
      </c>
      <c r="FW14" s="114">
        <v>3559028</v>
      </c>
      <c r="FX14" s="112">
        <v>5344648</v>
      </c>
      <c r="FY14" s="111">
        <v>0</v>
      </c>
      <c r="FZ14" s="114">
        <v>6394111</v>
      </c>
      <c r="GA14" s="114">
        <v>17797270</v>
      </c>
      <c r="GB14" s="114">
        <v>13205178</v>
      </c>
      <c r="GC14" s="114">
        <v>10560328</v>
      </c>
      <c r="GD14" s="114">
        <v>8477026</v>
      </c>
      <c r="GE14" s="113">
        <v>56433913</v>
      </c>
      <c r="GF14" s="319">
        <v>61778561</v>
      </c>
      <c r="GG14" s="115">
        <v>0</v>
      </c>
      <c r="GH14" s="114">
        <v>0</v>
      </c>
      <c r="GI14" s="112">
        <v>0</v>
      </c>
      <c r="GJ14" s="111">
        <v>0</v>
      </c>
      <c r="GK14" s="114">
        <v>0</v>
      </c>
      <c r="GL14" s="114">
        <v>0</v>
      </c>
      <c r="GM14" s="114">
        <v>0</v>
      </c>
      <c r="GN14" s="114">
        <v>0</v>
      </c>
      <c r="GO14" s="114">
        <v>0</v>
      </c>
      <c r="GP14" s="113">
        <v>0</v>
      </c>
      <c r="GQ14" s="116">
        <v>0</v>
      </c>
      <c r="GR14" s="110">
        <v>0</v>
      </c>
      <c r="GS14" s="114">
        <v>0</v>
      </c>
      <c r="GT14" s="113">
        <v>0</v>
      </c>
      <c r="GU14" s="110">
        <v>0</v>
      </c>
      <c r="GV14" s="114">
        <v>0</v>
      </c>
      <c r="GW14" s="114">
        <v>0</v>
      </c>
      <c r="GX14" s="114">
        <v>0</v>
      </c>
      <c r="GY14" s="114">
        <v>0</v>
      </c>
      <c r="GZ14" s="114">
        <v>0</v>
      </c>
      <c r="HA14" s="112">
        <v>0</v>
      </c>
      <c r="HB14" s="116">
        <v>0</v>
      </c>
      <c r="HC14" s="110">
        <v>3777368</v>
      </c>
      <c r="HD14" s="114">
        <v>1669328</v>
      </c>
      <c r="HE14" s="112">
        <v>5446696</v>
      </c>
      <c r="HF14" s="111">
        <v>0</v>
      </c>
      <c r="HG14" s="114">
        <v>25301324</v>
      </c>
      <c r="HH14" s="114">
        <v>21386746</v>
      </c>
      <c r="HI14" s="114">
        <v>20751229</v>
      </c>
      <c r="HJ14" s="114">
        <v>29781823</v>
      </c>
      <c r="HK14" s="114">
        <v>16025456</v>
      </c>
      <c r="HL14" s="113">
        <v>113246578</v>
      </c>
      <c r="HM14" s="109">
        <v>118693274</v>
      </c>
      <c r="HN14" s="115">
        <v>2199157</v>
      </c>
      <c r="HO14" s="114">
        <v>3119934</v>
      </c>
      <c r="HP14" s="113">
        <v>5319091</v>
      </c>
      <c r="HQ14" s="110">
        <v>0</v>
      </c>
      <c r="HR14" s="114">
        <v>25674384</v>
      </c>
      <c r="HS14" s="114">
        <v>27388549</v>
      </c>
      <c r="HT14" s="114">
        <v>18808175</v>
      </c>
      <c r="HU14" s="114">
        <v>11453121</v>
      </c>
      <c r="HV14" s="114">
        <v>7512379</v>
      </c>
      <c r="HW14" s="112">
        <v>90836608</v>
      </c>
      <c r="HX14" s="116">
        <v>96155699</v>
      </c>
      <c r="HY14" s="131">
        <v>360372</v>
      </c>
      <c r="HZ14" s="132">
        <v>1033853</v>
      </c>
      <c r="IA14" s="133">
        <v>1394225</v>
      </c>
      <c r="IB14" s="134">
        <v>0</v>
      </c>
      <c r="IC14" s="135">
        <v>62263896</v>
      </c>
      <c r="ID14" s="136">
        <v>69790334</v>
      </c>
      <c r="IE14" s="137">
        <v>69771281</v>
      </c>
      <c r="IF14" s="135">
        <v>48332271</v>
      </c>
      <c r="IG14" s="137">
        <v>28071972</v>
      </c>
      <c r="IH14" s="138">
        <v>278229754</v>
      </c>
      <c r="II14" s="139">
        <v>279623979</v>
      </c>
      <c r="IJ14" s="232">
        <v>0</v>
      </c>
      <c r="IK14" s="236">
        <v>0</v>
      </c>
      <c r="IL14" s="237">
        <v>0</v>
      </c>
      <c r="IM14" s="140"/>
      <c r="IN14" s="119">
        <v>348429</v>
      </c>
      <c r="IO14" s="119">
        <v>1030469</v>
      </c>
      <c r="IP14" s="119">
        <v>768382</v>
      </c>
      <c r="IQ14" s="119">
        <v>1098204</v>
      </c>
      <c r="IR14" s="119">
        <v>608191</v>
      </c>
      <c r="IS14" s="141">
        <v>3853675</v>
      </c>
      <c r="IT14" s="321">
        <v>3853675</v>
      </c>
      <c r="IU14" s="142">
        <v>0</v>
      </c>
      <c r="IV14" s="119">
        <v>0</v>
      </c>
      <c r="IW14" s="120">
        <v>0</v>
      </c>
      <c r="IX14" s="144"/>
      <c r="IY14" s="119">
        <v>25489</v>
      </c>
      <c r="IZ14" s="119">
        <v>76469</v>
      </c>
      <c r="JA14" s="119">
        <v>18566</v>
      </c>
      <c r="JB14" s="119">
        <v>95035</v>
      </c>
      <c r="JC14" s="119">
        <v>73637</v>
      </c>
      <c r="JD14" s="120">
        <v>289196</v>
      </c>
      <c r="JE14" s="121">
        <v>289196</v>
      </c>
      <c r="JF14" s="142">
        <v>0</v>
      </c>
      <c r="JG14" s="119">
        <v>0</v>
      </c>
      <c r="JH14" s="141">
        <v>0</v>
      </c>
      <c r="JI14" s="118">
        <v>0</v>
      </c>
      <c r="JJ14" s="119">
        <v>29046310</v>
      </c>
      <c r="JK14" s="119">
        <v>30843986</v>
      </c>
      <c r="JL14" s="119">
        <v>21690244</v>
      </c>
      <c r="JM14" s="119">
        <v>12870349</v>
      </c>
      <c r="JN14" s="119">
        <v>6148037</v>
      </c>
      <c r="JO14" s="120">
        <v>100598926</v>
      </c>
      <c r="JP14" s="321">
        <v>100598926</v>
      </c>
      <c r="JQ14" s="142">
        <v>0</v>
      </c>
      <c r="JR14" s="119">
        <v>0</v>
      </c>
      <c r="JS14" s="141">
        <v>0</v>
      </c>
      <c r="JT14" s="118">
        <v>0</v>
      </c>
      <c r="JU14" s="119">
        <v>844790</v>
      </c>
      <c r="JV14" s="119">
        <v>1365474</v>
      </c>
      <c r="JW14" s="119">
        <v>1265315</v>
      </c>
      <c r="JX14" s="119">
        <v>812386</v>
      </c>
      <c r="JY14" s="119">
        <v>953199</v>
      </c>
      <c r="JZ14" s="120">
        <v>5241164</v>
      </c>
      <c r="KA14" s="321">
        <v>5241164</v>
      </c>
      <c r="KB14" s="234">
        <v>360372</v>
      </c>
      <c r="KC14" s="230">
        <v>1033853</v>
      </c>
      <c r="KD14" s="120">
        <v>1394225</v>
      </c>
      <c r="KE14" s="118">
        <v>0</v>
      </c>
      <c r="KF14" s="119">
        <v>11873909</v>
      </c>
      <c r="KG14" s="119">
        <v>10966085</v>
      </c>
      <c r="KH14" s="119">
        <v>11982424</v>
      </c>
      <c r="KI14" s="119">
        <v>5088346</v>
      </c>
      <c r="KJ14" s="119">
        <v>3130529</v>
      </c>
      <c r="KK14" s="120">
        <v>43041293</v>
      </c>
      <c r="KL14" s="143">
        <v>44435518</v>
      </c>
      <c r="KM14" s="232">
        <v>0</v>
      </c>
      <c r="KN14" s="236">
        <v>0</v>
      </c>
      <c r="KO14" s="237">
        <v>0</v>
      </c>
      <c r="KP14" s="140"/>
      <c r="KQ14" s="119">
        <v>17222195</v>
      </c>
      <c r="KR14" s="119">
        <v>20134044</v>
      </c>
      <c r="KS14" s="119">
        <v>23547722</v>
      </c>
      <c r="KT14" s="119">
        <v>16644880</v>
      </c>
      <c r="KU14" s="119">
        <v>9136328</v>
      </c>
      <c r="KV14" s="120">
        <v>86685169</v>
      </c>
      <c r="KW14" s="321">
        <v>86685169</v>
      </c>
      <c r="KX14" s="142">
        <v>0</v>
      </c>
      <c r="KY14" s="119">
        <v>0</v>
      </c>
      <c r="KZ14" s="120">
        <v>0</v>
      </c>
      <c r="LA14" s="145"/>
      <c r="LB14" s="119">
        <v>339819</v>
      </c>
      <c r="LC14" s="119">
        <v>2102377</v>
      </c>
      <c r="LD14" s="119">
        <v>2339216</v>
      </c>
      <c r="LE14" s="119">
        <v>3431058</v>
      </c>
      <c r="LF14" s="119">
        <v>684108</v>
      </c>
      <c r="LG14" s="120">
        <v>8896578</v>
      </c>
      <c r="LH14" s="121">
        <v>8896578</v>
      </c>
      <c r="LI14" s="142">
        <v>0</v>
      </c>
      <c r="LJ14" s="119">
        <v>0</v>
      </c>
      <c r="LK14" s="120">
        <v>0</v>
      </c>
      <c r="LL14" s="145"/>
      <c r="LM14" s="119">
        <v>0</v>
      </c>
      <c r="LN14" s="119">
        <v>691491</v>
      </c>
      <c r="LO14" s="119">
        <v>4882689</v>
      </c>
      <c r="LP14" s="119">
        <v>4989311</v>
      </c>
      <c r="LQ14" s="119">
        <v>3600513</v>
      </c>
      <c r="LR14" s="120">
        <v>14164004</v>
      </c>
      <c r="LS14" s="321">
        <v>14164004</v>
      </c>
      <c r="LT14" s="142">
        <v>0</v>
      </c>
      <c r="LU14" s="119">
        <v>0</v>
      </c>
      <c r="LV14" s="120">
        <v>0</v>
      </c>
      <c r="LW14" s="145"/>
      <c r="LX14" s="119">
        <v>2562955</v>
      </c>
      <c r="LY14" s="119">
        <v>2579939</v>
      </c>
      <c r="LZ14" s="119">
        <v>3276723</v>
      </c>
      <c r="MA14" s="119">
        <v>3302702</v>
      </c>
      <c r="MB14" s="119">
        <v>3737430</v>
      </c>
      <c r="MC14" s="120">
        <v>15459749</v>
      </c>
      <c r="MD14" s="121">
        <v>15459749</v>
      </c>
      <c r="ME14" s="142">
        <v>0</v>
      </c>
      <c r="MF14" s="119">
        <v>0</v>
      </c>
      <c r="MG14" s="120">
        <v>0</v>
      </c>
      <c r="MH14" s="145"/>
      <c r="MI14" s="119">
        <v>18855633</v>
      </c>
      <c r="MJ14" s="119">
        <v>40987180</v>
      </c>
      <c r="MK14" s="119">
        <v>135444848</v>
      </c>
      <c r="ML14" s="119">
        <v>148847369</v>
      </c>
      <c r="MM14" s="119">
        <v>90977702</v>
      </c>
      <c r="MN14" s="120">
        <v>435112732</v>
      </c>
      <c r="MO14" s="143">
        <v>435112732</v>
      </c>
      <c r="MP14" s="142">
        <v>0</v>
      </c>
      <c r="MQ14" s="119">
        <v>0</v>
      </c>
      <c r="MR14" s="120">
        <v>0</v>
      </c>
      <c r="MS14" s="145"/>
      <c r="MT14" s="119">
        <v>5611594</v>
      </c>
      <c r="MU14" s="119">
        <v>12308401</v>
      </c>
      <c r="MV14" s="119">
        <v>88397259</v>
      </c>
      <c r="MW14" s="119">
        <v>102164792</v>
      </c>
      <c r="MX14" s="119">
        <v>66640013</v>
      </c>
      <c r="MY14" s="120">
        <v>275122059</v>
      </c>
      <c r="MZ14" s="143">
        <v>275122059</v>
      </c>
      <c r="NA14" s="142">
        <v>0</v>
      </c>
      <c r="NB14" s="119">
        <v>0</v>
      </c>
      <c r="NC14" s="120">
        <v>0</v>
      </c>
      <c r="ND14" s="145"/>
      <c r="NE14" s="119">
        <v>13024943</v>
      </c>
      <c r="NF14" s="119">
        <v>28678779</v>
      </c>
      <c r="NG14" s="119">
        <v>47017934</v>
      </c>
      <c r="NH14" s="119">
        <v>43183250</v>
      </c>
      <c r="NI14" s="119">
        <v>21454750</v>
      </c>
      <c r="NJ14" s="120">
        <v>153359656</v>
      </c>
      <c r="NK14" s="321">
        <v>153359656</v>
      </c>
      <c r="NL14" s="142">
        <v>0</v>
      </c>
      <c r="NM14" s="119">
        <v>0</v>
      </c>
      <c r="NN14" s="120">
        <v>0</v>
      </c>
      <c r="NO14" s="145"/>
      <c r="NP14" s="119">
        <v>0</v>
      </c>
      <c r="NQ14" s="119">
        <v>0</v>
      </c>
      <c r="NR14" s="119">
        <v>0</v>
      </c>
      <c r="NS14" s="119">
        <v>1362676</v>
      </c>
      <c r="NT14" s="119">
        <v>1110891</v>
      </c>
      <c r="NU14" s="120">
        <v>2473567</v>
      </c>
      <c r="NV14" s="121">
        <v>2473567</v>
      </c>
      <c r="NW14" s="142">
        <v>0</v>
      </c>
      <c r="NX14" s="119">
        <v>0</v>
      </c>
      <c r="NY14" s="120">
        <v>0</v>
      </c>
      <c r="NZ14" s="145"/>
      <c r="OA14" s="119">
        <v>219096</v>
      </c>
      <c r="OB14" s="119">
        <v>0</v>
      </c>
      <c r="OC14" s="119">
        <v>29655</v>
      </c>
      <c r="OD14" s="119">
        <v>2136651</v>
      </c>
      <c r="OE14" s="119">
        <v>1772048</v>
      </c>
      <c r="OF14" s="120">
        <v>4157450</v>
      </c>
      <c r="OG14" s="121">
        <v>4157450</v>
      </c>
      <c r="OH14" s="142">
        <v>11511981</v>
      </c>
      <c r="OI14" s="119">
        <v>15444545</v>
      </c>
      <c r="OJ14" s="141">
        <v>26956526</v>
      </c>
      <c r="OK14" s="118">
        <v>0</v>
      </c>
      <c r="OL14" s="119">
        <v>222802928</v>
      </c>
      <c r="OM14" s="119">
        <v>299451041</v>
      </c>
      <c r="ON14" s="119">
        <v>383217832</v>
      </c>
      <c r="OO14" s="119">
        <v>344481387</v>
      </c>
      <c r="OP14" s="119">
        <v>238836095</v>
      </c>
      <c r="OQ14" s="120">
        <v>1488789283</v>
      </c>
      <c r="OR14" s="143">
        <v>1515745809</v>
      </c>
    </row>
    <row r="15" spans="1:408" ht="18.75" customHeight="1" x14ac:dyDescent="0.2">
      <c r="A15" s="62" t="s">
        <v>9</v>
      </c>
      <c r="B15" s="110">
        <v>12358686</v>
      </c>
      <c r="C15" s="114">
        <v>14899216</v>
      </c>
      <c r="D15" s="113">
        <v>27257902</v>
      </c>
      <c r="E15" s="111">
        <v>0</v>
      </c>
      <c r="F15" s="114">
        <v>140541953</v>
      </c>
      <c r="G15" s="114">
        <v>148519404</v>
      </c>
      <c r="H15" s="114">
        <v>145281353</v>
      </c>
      <c r="I15" s="114">
        <v>165084540</v>
      </c>
      <c r="J15" s="114">
        <v>128615865</v>
      </c>
      <c r="K15" s="109">
        <v>728043115</v>
      </c>
      <c r="L15" s="116">
        <v>755301017</v>
      </c>
      <c r="M15" s="110">
        <v>1848116</v>
      </c>
      <c r="N15" s="114">
        <v>2915640</v>
      </c>
      <c r="O15" s="113">
        <v>4763756</v>
      </c>
      <c r="P15" s="110">
        <v>0</v>
      </c>
      <c r="Q15" s="114">
        <v>42629708</v>
      </c>
      <c r="R15" s="114">
        <v>47566259</v>
      </c>
      <c r="S15" s="114">
        <v>50432201</v>
      </c>
      <c r="T15" s="114">
        <v>70765224</v>
      </c>
      <c r="U15" s="114">
        <v>69925240</v>
      </c>
      <c r="V15" s="113">
        <v>281318632</v>
      </c>
      <c r="W15" s="116">
        <v>286082388</v>
      </c>
      <c r="X15" s="110">
        <v>0</v>
      </c>
      <c r="Y15" s="114">
        <v>0</v>
      </c>
      <c r="Z15" s="113">
        <v>0</v>
      </c>
      <c r="AA15" s="110">
        <v>0</v>
      </c>
      <c r="AB15" s="114">
        <v>20921014</v>
      </c>
      <c r="AC15" s="114">
        <v>25079094</v>
      </c>
      <c r="AD15" s="114">
        <v>30001731</v>
      </c>
      <c r="AE15" s="114">
        <v>46531161</v>
      </c>
      <c r="AF15" s="114">
        <v>44832309</v>
      </c>
      <c r="AG15" s="113">
        <v>167365309</v>
      </c>
      <c r="AH15" s="116">
        <v>167365309</v>
      </c>
      <c r="AI15" s="110">
        <v>0</v>
      </c>
      <c r="AJ15" s="114">
        <v>0</v>
      </c>
      <c r="AK15" s="113">
        <v>0</v>
      </c>
      <c r="AL15" s="110">
        <v>0</v>
      </c>
      <c r="AM15" s="114">
        <v>332503</v>
      </c>
      <c r="AN15" s="114">
        <v>600090</v>
      </c>
      <c r="AO15" s="114">
        <v>921318</v>
      </c>
      <c r="AP15" s="114">
        <v>3333442</v>
      </c>
      <c r="AQ15" s="114">
        <v>7124473</v>
      </c>
      <c r="AR15" s="113">
        <v>12311826</v>
      </c>
      <c r="AS15" s="116">
        <v>12311826</v>
      </c>
      <c r="AT15" s="110">
        <v>657413</v>
      </c>
      <c r="AU15" s="114">
        <v>1700422</v>
      </c>
      <c r="AV15" s="113">
        <v>2357835</v>
      </c>
      <c r="AW15" s="110">
        <v>0</v>
      </c>
      <c r="AX15" s="114">
        <v>13474837</v>
      </c>
      <c r="AY15" s="114">
        <v>12748234</v>
      </c>
      <c r="AZ15" s="114">
        <v>10077806</v>
      </c>
      <c r="BA15" s="114">
        <v>11179108</v>
      </c>
      <c r="BB15" s="114">
        <v>10687964</v>
      </c>
      <c r="BC15" s="113">
        <v>58167949</v>
      </c>
      <c r="BD15" s="116">
        <v>60525784</v>
      </c>
      <c r="BE15" s="110">
        <v>229315</v>
      </c>
      <c r="BF15" s="114">
        <v>489648</v>
      </c>
      <c r="BG15" s="112">
        <v>718963</v>
      </c>
      <c r="BH15" s="111">
        <v>0</v>
      </c>
      <c r="BI15" s="114">
        <v>1665852</v>
      </c>
      <c r="BJ15" s="114">
        <v>1748087</v>
      </c>
      <c r="BK15" s="114">
        <v>1643380</v>
      </c>
      <c r="BL15" s="114">
        <v>1622231</v>
      </c>
      <c r="BM15" s="114">
        <v>1513403</v>
      </c>
      <c r="BN15" s="113">
        <v>8192953</v>
      </c>
      <c r="BO15" s="116">
        <v>8911916</v>
      </c>
      <c r="BP15" s="110">
        <v>961388</v>
      </c>
      <c r="BQ15" s="114">
        <v>725570</v>
      </c>
      <c r="BR15" s="113">
        <v>1686958</v>
      </c>
      <c r="BS15" s="110">
        <v>0</v>
      </c>
      <c r="BT15" s="114">
        <v>6235502</v>
      </c>
      <c r="BU15" s="114">
        <v>7390754</v>
      </c>
      <c r="BV15" s="114">
        <v>7787966</v>
      </c>
      <c r="BW15" s="114">
        <v>8099282</v>
      </c>
      <c r="BX15" s="114">
        <v>5767091</v>
      </c>
      <c r="BY15" s="113">
        <v>35280595</v>
      </c>
      <c r="BZ15" s="116">
        <v>36967553</v>
      </c>
      <c r="CA15" s="110">
        <v>907661</v>
      </c>
      <c r="CB15" s="114">
        <v>2319673</v>
      </c>
      <c r="CC15" s="113">
        <v>3227334</v>
      </c>
      <c r="CD15" s="110">
        <v>0</v>
      </c>
      <c r="CE15" s="114">
        <v>31745731</v>
      </c>
      <c r="CF15" s="114">
        <v>31297541</v>
      </c>
      <c r="CG15" s="114">
        <v>25464342</v>
      </c>
      <c r="CH15" s="114">
        <v>21452990</v>
      </c>
      <c r="CI15" s="114">
        <v>8241922</v>
      </c>
      <c r="CJ15" s="113">
        <v>118202526</v>
      </c>
      <c r="CK15" s="116">
        <v>121429860</v>
      </c>
      <c r="CL15" s="110">
        <v>0</v>
      </c>
      <c r="CM15" s="114">
        <v>0</v>
      </c>
      <c r="CN15" s="113">
        <v>0</v>
      </c>
      <c r="CO15" s="111">
        <v>0</v>
      </c>
      <c r="CP15" s="114">
        <v>26794955</v>
      </c>
      <c r="CQ15" s="114">
        <v>24619932</v>
      </c>
      <c r="CR15" s="114">
        <v>20852236</v>
      </c>
      <c r="CS15" s="114">
        <v>14457525</v>
      </c>
      <c r="CT15" s="114">
        <v>6432954</v>
      </c>
      <c r="CU15" s="113">
        <v>93157602</v>
      </c>
      <c r="CV15" s="116">
        <v>93157602</v>
      </c>
      <c r="CW15" s="110">
        <v>907661</v>
      </c>
      <c r="CX15" s="114">
        <v>2319673</v>
      </c>
      <c r="CY15" s="113">
        <v>3227334</v>
      </c>
      <c r="CZ15" s="110">
        <v>0</v>
      </c>
      <c r="DA15" s="114">
        <v>4950776</v>
      </c>
      <c r="DB15" s="114">
        <v>6677609</v>
      </c>
      <c r="DC15" s="114">
        <v>4612106</v>
      </c>
      <c r="DD15" s="114">
        <v>6995465</v>
      </c>
      <c r="DE15" s="114">
        <v>1808968</v>
      </c>
      <c r="DF15" s="113">
        <v>25044924</v>
      </c>
      <c r="DG15" s="116">
        <v>28272258</v>
      </c>
      <c r="DH15" s="110">
        <v>255363</v>
      </c>
      <c r="DI15" s="114">
        <v>51266</v>
      </c>
      <c r="DJ15" s="112">
        <v>306629</v>
      </c>
      <c r="DK15" s="111">
        <v>0</v>
      </c>
      <c r="DL15" s="114">
        <v>2764845</v>
      </c>
      <c r="DM15" s="114">
        <v>6451205</v>
      </c>
      <c r="DN15" s="114">
        <v>16203089</v>
      </c>
      <c r="DO15" s="114">
        <v>15553907</v>
      </c>
      <c r="DP15" s="114">
        <v>8157174</v>
      </c>
      <c r="DQ15" s="113">
        <v>49130220</v>
      </c>
      <c r="DR15" s="116">
        <v>49436849</v>
      </c>
      <c r="DS15" s="110">
        <v>198034</v>
      </c>
      <c r="DT15" s="114">
        <v>51266</v>
      </c>
      <c r="DU15" s="113">
        <v>249300</v>
      </c>
      <c r="DV15" s="110">
        <v>0</v>
      </c>
      <c r="DW15" s="114">
        <v>2307743</v>
      </c>
      <c r="DX15" s="114">
        <v>5725679</v>
      </c>
      <c r="DY15" s="114">
        <v>13628869</v>
      </c>
      <c r="DZ15" s="114">
        <v>14336917</v>
      </c>
      <c r="EA15" s="114">
        <v>7444229</v>
      </c>
      <c r="EB15" s="113">
        <v>43443437</v>
      </c>
      <c r="EC15" s="116">
        <v>43692737</v>
      </c>
      <c r="ED15" s="110">
        <v>57329</v>
      </c>
      <c r="EE15" s="112">
        <v>0</v>
      </c>
      <c r="EF15" s="113">
        <v>57329</v>
      </c>
      <c r="EG15" s="110">
        <v>0</v>
      </c>
      <c r="EH15" s="114">
        <v>457102</v>
      </c>
      <c r="EI15" s="114">
        <v>725526</v>
      </c>
      <c r="EJ15" s="114">
        <v>2574220</v>
      </c>
      <c r="EK15" s="114">
        <v>1216990</v>
      </c>
      <c r="EL15" s="114">
        <v>712945</v>
      </c>
      <c r="EM15" s="112">
        <v>5686783</v>
      </c>
      <c r="EN15" s="116">
        <v>5744112</v>
      </c>
      <c r="EO15" s="110">
        <v>0</v>
      </c>
      <c r="EP15" s="114">
        <v>0</v>
      </c>
      <c r="EQ15" s="112">
        <v>0</v>
      </c>
      <c r="ER15" s="111">
        <v>0</v>
      </c>
      <c r="ES15" s="114">
        <v>0</v>
      </c>
      <c r="ET15" s="114">
        <v>0</v>
      </c>
      <c r="EU15" s="114">
        <v>0</v>
      </c>
      <c r="EV15" s="114">
        <v>0</v>
      </c>
      <c r="EW15" s="114">
        <v>0</v>
      </c>
      <c r="EX15" s="113">
        <v>0</v>
      </c>
      <c r="EY15" s="116">
        <v>0</v>
      </c>
      <c r="EZ15" s="110">
        <v>0</v>
      </c>
      <c r="FA15" s="114">
        <v>0</v>
      </c>
      <c r="FB15" s="112">
        <v>0</v>
      </c>
      <c r="FC15" s="348"/>
      <c r="FD15" s="114">
        <v>0</v>
      </c>
      <c r="FE15" s="114">
        <v>0</v>
      </c>
      <c r="FF15" s="114">
        <v>0</v>
      </c>
      <c r="FG15" s="114">
        <v>0</v>
      </c>
      <c r="FH15" s="114">
        <v>0</v>
      </c>
      <c r="FI15" s="113">
        <v>0</v>
      </c>
      <c r="FJ15" s="116">
        <v>0</v>
      </c>
      <c r="FK15" s="110">
        <v>4504272</v>
      </c>
      <c r="FL15" s="114">
        <v>3540650</v>
      </c>
      <c r="FM15" s="113">
        <v>8044922</v>
      </c>
      <c r="FN15" s="110">
        <v>0</v>
      </c>
      <c r="FO15" s="114">
        <v>9092881</v>
      </c>
      <c r="FP15" s="114">
        <v>13316807</v>
      </c>
      <c r="FQ15" s="114">
        <v>10468391</v>
      </c>
      <c r="FR15" s="114">
        <v>11692889</v>
      </c>
      <c r="FS15" s="114">
        <v>8342515</v>
      </c>
      <c r="FT15" s="113">
        <v>52913483</v>
      </c>
      <c r="FU15" s="116">
        <v>60958405</v>
      </c>
      <c r="FV15" s="115">
        <v>1827742</v>
      </c>
      <c r="FW15" s="114">
        <v>2688222</v>
      </c>
      <c r="FX15" s="112">
        <v>4515964</v>
      </c>
      <c r="FY15" s="111">
        <v>0</v>
      </c>
      <c r="FZ15" s="114">
        <v>7233689</v>
      </c>
      <c r="GA15" s="114">
        <v>11790209</v>
      </c>
      <c r="GB15" s="114">
        <v>9685542</v>
      </c>
      <c r="GC15" s="114">
        <v>11068101</v>
      </c>
      <c r="GD15" s="114">
        <v>7829470</v>
      </c>
      <c r="GE15" s="113">
        <v>47607011</v>
      </c>
      <c r="GF15" s="319">
        <v>52122975</v>
      </c>
      <c r="GG15" s="115">
        <v>146080</v>
      </c>
      <c r="GH15" s="114">
        <v>184601</v>
      </c>
      <c r="GI15" s="112">
        <v>330681</v>
      </c>
      <c r="GJ15" s="111">
        <v>0</v>
      </c>
      <c r="GK15" s="114">
        <v>292950</v>
      </c>
      <c r="GL15" s="114">
        <v>361200</v>
      </c>
      <c r="GM15" s="114">
        <v>216049</v>
      </c>
      <c r="GN15" s="114">
        <v>222888</v>
      </c>
      <c r="GO15" s="114">
        <v>94545</v>
      </c>
      <c r="GP15" s="113">
        <v>1187632</v>
      </c>
      <c r="GQ15" s="116">
        <v>1518313</v>
      </c>
      <c r="GR15" s="110">
        <v>2530450</v>
      </c>
      <c r="GS15" s="114">
        <v>667827</v>
      </c>
      <c r="GT15" s="113">
        <v>3198277</v>
      </c>
      <c r="GU15" s="110">
        <v>0</v>
      </c>
      <c r="GV15" s="114">
        <v>1566242</v>
      </c>
      <c r="GW15" s="114">
        <v>1165398</v>
      </c>
      <c r="GX15" s="114">
        <v>566800</v>
      </c>
      <c r="GY15" s="114">
        <v>401900</v>
      </c>
      <c r="GZ15" s="114">
        <v>418500</v>
      </c>
      <c r="HA15" s="112">
        <v>4118840</v>
      </c>
      <c r="HB15" s="116">
        <v>7317117</v>
      </c>
      <c r="HC15" s="110">
        <v>2731267</v>
      </c>
      <c r="HD15" s="114">
        <v>3448088</v>
      </c>
      <c r="HE15" s="112">
        <v>6179355</v>
      </c>
      <c r="HF15" s="111">
        <v>0</v>
      </c>
      <c r="HG15" s="114">
        <v>29541082</v>
      </c>
      <c r="HH15" s="114">
        <v>30924548</v>
      </c>
      <c r="HI15" s="114">
        <v>28879127</v>
      </c>
      <c r="HJ15" s="114">
        <v>34059226</v>
      </c>
      <c r="HK15" s="114">
        <v>27219527</v>
      </c>
      <c r="HL15" s="113">
        <v>150623510</v>
      </c>
      <c r="HM15" s="109">
        <v>156802865</v>
      </c>
      <c r="HN15" s="115">
        <v>2112007</v>
      </c>
      <c r="HO15" s="114">
        <v>2623899</v>
      </c>
      <c r="HP15" s="113">
        <v>4735906</v>
      </c>
      <c r="HQ15" s="110">
        <v>0</v>
      </c>
      <c r="HR15" s="114">
        <v>24767706</v>
      </c>
      <c r="HS15" s="114">
        <v>18963044</v>
      </c>
      <c r="HT15" s="114">
        <v>13834203</v>
      </c>
      <c r="HU15" s="114">
        <v>11560304</v>
      </c>
      <c r="HV15" s="114">
        <v>6729487</v>
      </c>
      <c r="HW15" s="112">
        <v>75854744</v>
      </c>
      <c r="HX15" s="116">
        <v>80590650</v>
      </c>
      <c r="HY15" s="128">
        <v>199302</v>
      </c>
      <c r="HZ15" s="149">
        <v>772861</v>
      </c>
      <c r="IA15" s="129">
        <v>972163</v>
      </c>
      <c r="IB15" s="146">
        <v>0</v>
      </c>
      <c r="IC15" s="132">
        <v>32095848</v>
      </c>
      <c r="ID15" s="147">
        <v>37941759</v>
      </c>
      <c r="IE15" s="133">
        <v>49941684</v>
      </c>
      <c r="IF15" s="132">
        <v>32051051</v>
      </c>
      <c r="IG15" s="133">
        <v>17601118</v>
      </c>
      <c r="IH15" s="148">
        <v>169631460</v>
      </c>
      <c r="II15" s="130">
        <v>170603623</v>
      </c>
      <c r="IJ15" s="232">
        <v>0</v>
      </c>
      <c r="IK15" s="236">
        <v>0</v>
      </c>
      <c r="IL15" s="237">
        <v>0</v>
      </c>
      <c r="IM15" s="140"/>
      <c r="IN15" s="119">
        <v>154392</v>
      </c>
      <c r="IO15" s="119">
        <v>759070</v>
      </c>
      <c r="IP15" s="119">
        <v>424921</v>
      </c>
      <c r="IQ15" s="119">
        <v>1676775</v>
      </c>
      <c r="IR15" s="119">
        <v>1130011</v>
      </c>
      <c r="IS15" s="141">
        <v>4145169</v>
      </c>
      <c r="IT15" s="321">
        <v>4145169</v>
      </c>
      <c r="IU15" s="142">
        <v>0</v>
      </c>
      <c r="IV15" s="119">
        <v>0</v>
      </c>
      <c r="IW15" s="120">
        <v>0</v>
      </c>
      <c r="IX15" s="144"/>
      <c r="IY15" s="119">
        <v>0</v>
      </c>
      <c r="IZ15" s="119">
        <v>0</v>
      </c>
      <c r="JA15" s="119">
        <v>0</v>
      </c>
      <c r="JB15" s="119">
        <v>0</v>
      </c>
      <c r="JC15" s="119">
        <v>0</v>
      </c>
      <c r="JD15" s="120">
        <v>0</v>
      </c>
      <c r="JE15" s="121">
        <v>0</v>
      </c>
      <c r="JF15" s="142">
        <v>0</v>
      </c>
      <c r="JG15" s="119">
        <v>0</v>
      </c>
      <c r="JH15" s="141">
        <v>0</v>
      </c>
      <c r="JI15" s="118">
        <v>0</v>
      </c>
      <c r="JJ15" s="119">
        <v>17428741</v>
      </c>
      <c r="JK15" s="119">
        <v>16707502</v>
      </c>
      <c r="JL15" s="119">
        <v>14141613</v>
      </c>
      <c r="JM15" s="119">
        <v>7630766</v>
      </c>
      <c r="JN15" s="119">
        <v>2781524</v>
      </c>
      <c r="JO15" s="120">
        <v>58690146</v>
      </c>
      <c r="JP15" s="321">
        <v>58690146</v>
      </c>
      <c r="JQ15" s="142">
        <v>0</v>
      </c>
      <c r="JR15" s="119">
        <v>0</v>
      </c>
      <c r="JS15" s="141">
        <v>0</v>
      </c>
      <c r="JT15" s="118">
        <v>0</v>
      </c>
      <c r="JU15" s="119">
        <v>498842</v>
      </c>
      <c r="JV15" s="119">
        <v>377181</v>
      </c>
      <c r="JW15" s="119">
        <v>596167</v>
      </c>
      <c r="JX15" s="119">
        <v>735328</v>
      </c>
      <c r="JY15" s="119">
        <v>694920</v>
      </c>
      <c r="JZ15" s="120">
        <v>2902438</v>
      </c>
      <c r="KA15" s="321">
        <v>2902438</v>
      </c>
      <c r="KB15" s="234">
        <v>199302</v>
      </c>
      <c r="KC15" s="230">
        <v>519345</v>
      </c>
      <c r="KD15" s="120">
        <v>718647</v>
      </c>
      <c r="KE15" s="118">
        <v>0</v>
      </c>
      <c r="KF15" s="119">
        <v>4963315</v>
      </c>
      <c r="KG15" s="119">
        <v>5691814</v>
      </c>
      <c r="KH15" s="119">
        <v>5485936</v>
      </c>
      <c r="KI15" s="119">
        <v>5972284</v>
      </c>
      <c r="KJ15" s="119">
        <v>1194111</v>
      </c>
      <c r="KK15" s="120">
        <v>23307460</v>
      </c>
      <c r="KL15" s="143">
        <v>24026107</v>
      </c>
      <c r="KM15" s="232">
        <v>0</v>
      </c>
      <c r="KN15" s="236">
        <v>253516</v>
      </c>
      <c r="KO15" s="237">
        <v>253516</v>
      </c>
      <c r="KP15" s="140"/>
      <c r="KQ15" s="119">
        <v>7271036</v>
      </c>
      <c r="KR15" s="119">
        <v>12363958</v>
      </c>
      <c r="KS15" s="119">
        <v>25738957</v>
      </c>
      <c r="KT15" s="119">
        <v>11233379</v>
      </c>
      <c r="KU15" s="119">
        <v>6811435</v>
      </c>
      <c r="KV15" s="120">
        <v>63418765</v>
      </c>
      <c r="KW15" s="321">
        <v>63672281</v>
      </c>
      <c r="KX15" s="142">
        <v>0</v>
      </c>
      <c r="KY15" s="119">
        <v>0</v>
      </c>
      <c r="KZ15" s="120">
        <v>0</v>
      </c>
      <c r="LA15" s="145"/>
      <c r="LB15" s="119">
        <v>868474</v>
      </c>
      <c r="LC15" s="119">
        <v>1492010</v>
      </c>
      <c r="LD15" s="119">
        <v>1026934</v>
      </c>
      <c r="LE15" s="119">
        <v>693693</v>
      </c>
      <c r="LF15" s="119">
        <v>1229995</v>
      </c>
      <c r="LG15" s="120">
        <v>5311106</v>
      </c>
      <c r="LH15" s="121">
        <v>5311106</v>
      </c>
      <c r="LI15" s="142">
        <v>0</v>
      </c>
      <c r="LJ15" s="119">
        <v>0</v>
      </c>
      <c r="LK15" s="120">
        <v>0</v>
      </c>
      <c r="LL15" s="145"/>
      <c r="LM15" s="119">
        <v>0</v>
      </c>
      <c r="LN15" s="119">
        <v>0</v>
      </c>
      <c r="LO15" s="119">
        <v>0</v>
      </c>
      <c r="LP15" s="119">
        <v>325122</v>
      </c>
      <c r="LQ15" s="119">
        <v>0</v>
      </c>
      <c r="LR15" s="120">
        <v>325122</v>
      </c>
      <c r="LS15" s="321">
        <v>325122</v>
      </c>
      <c r="LT15" s="142">
        <v>0</v>
      </c>
      <c r="LU15" s="119">
        <v>0</v>
      </c>
      <c r="LV15" s="120">
        <v>0</v>
      </c>
      <c r="LW15" s="145"/>
      <c r="LX15" s="119">
        <v>911048</v>
      </c>
      <c r="LY15" s="119">
        <v>550224</v>
      </c>
      <c r="LZ15" s="119">
        <v>2527156</v>
      </c>
      <c r="MA15" s="119">
        <v>3783704</v>
      </c>
      <c r="MB15" s="119">
        <v>3759122</v>
      </c>
      <c r="MC15" s="120">
        <v>11531254</v>
      </c>
      <c r="MD15" s="121">
        <v>11531254</v>
      </c>
      <c r="ME15" s="142">
        <v>0</v>
      </c>
      <c r="MF15" s="119">
        <v>0</v>
      </c>
      <c r="MG15" s="120">
        <v>0</v>
      </c>
      <c r="MH15" s="145"/>
      <c r="MI15" s="119">
        <v>9416088</v>
      </c>
      <c r="MJ15" s="119">
        <v>18493061</v>
      </c>
      <c r="MK15" s="119">
        <v>80262241</v>
      </c>
      <c r="ML15" s="119">
        <v>148333702</v>
      </c>
      <c r="MM15" s="119">
        <v>112928784</v>
      </c>
      <c r="MN15" s="120">
        <v>369433876</v>
      </c>
      <c r="MO15" s="143">
        <v>369433876</v>
      </c>
      <c r="MP15" s="142">
        <v>0</v>
      </c>
      <c r="MQ15" s="119">
        <v>0</v>
      </c>
      <c r="MR15" s="120">
        <v>0</v>
      </c>
      <c r="MS15" s="145"/>
      <c r="MT15" s="119">
        <v>1362124</v>
      </c>
      <c r="MU15" s="119">
        <v>733891</v>
      </c>
      <c r="MV15" s="119">
        <v>51210186</v>
      </c>
      <c r="MW15" s="119">
        <v>107040770</v>
      </c>
      <c r="MX15" s="119">
        <v>87913311</v>
      </c>
      <c r="MY15" s="120">
        <v>248260282</v>
      </c>
      <c r="MZ15" s="143">
        <v>248260282</v>
      </c>
      <c r="NA15" s="142">
        <v>0</v>
      </c>
      <c r="NB15" s="119">
        <v>0</v>
      </c>
      <c r="NC15" s="120">
        <v>0</v>
      </c>
      <c r="ND15" s="145"/>
      <c r="NE15" s="119">
        <v>8053964</v>
      </c>
      <c r="NF15" s="119">
        <v>17759170</v>
      </c>
      <c r="NG15" s="119">
        <v>28368932</v>
      </c>
      <c r="NH15" s="119">
        <v>39526309</v>
      </c>
      <c r="NI15" s="119">
        <v>19949059</v>
      </c>
      <c r="NJ15" s="120">
        <v>113657434</v>
      </c>
      <c r="NK15" s="321">
        <v>113657434</v>
      </c>
      <c r="NL15" s="142">
        <v>0</v>
      </c>
      <c r="NM15" s="119">
        <v>0</v>
      </c>
      <c r="NN15" s="120">
        <v>0</v>
      </c>
      <c r="NO15" s="145"/>
      <c r="NP15" s="119">
        <v>0</v>
      </c>
      <c r="NQ15" s="119">
        <v>0</v>
      </c>
      <c r="NR15" s="119">
        <v>0</v>
      </c>
      <c r="NS15" s="119">
        <v>1383665</v>
      </c>
      <c r="NT15" s="119">
        <v>737378</v>
      </c>
      <c r="NU15" s="120">
        <v>2121043</v>
      </c>
      <c r="NV15" s="121">
        <v>2121043</v>
      </c>
      <c r="NW15" s="142">
        <v>0</v>
      </c>
      <c r="NX15" s="119">
        <v>0</v>
      </c>
      <c r="NY15" s="120">
        <v>0</v>
      </c>
      <c r="NZ15" s="145"/>
      <c r="OA15" s="119">
        <v>0</v>
      </c>
      <c r="OB15" s="119">
        <v>0</v>
      </c>
      <c r="OC15" s="119">
        <v>683123</v>
      </c>
      <c r="OD15" s="119">
        <v>382958</v>
      </c>
      <c r="OE15" s="119">
        <v>4329036</v>
      </c>
      <c r="OF15" s="120">
        <v>5395117</v>
      </c>
      <c r="OG15" s="121">
        <v>5395117</v>
      </c>
      <c r="OH15" s="142">
        <v>12557988</v>
      </c>
      <c r="OI15" s="119">
        <v>15672077</v>
      </c>
      <c r="OJ15" s="141">
        <v>28230065</v>
      </c>
      <c r="OK15" s="118">
        <v>0</v>
      </c>
      <c r="OL15" s="119">
        <v>182053889</v>
      </c>
      <c r="OM15" s="119">
        <v>204954224</v>
      </c>
      <c r="ON15" s="119">
        <v>275485278</v>
      </c>
      <c r="OO15" s="119">
        <v>345469293</v>
      </c>
      <c r="OP15" s="119">
        <v>259145767</v>
      </c>
      <c r="OQ15" s="120">
        <v>1267108451</v>
      </c>
      <c r="OR15" s="143">
        <v>1295338516</v>
      </c>
    </row>
    <row r="16" spans="1:408" ht="18.75" customHeight="1" x14ac:dyDescent="0.2">
      <c r="A16" s="62" t="s">
        <v>10</v>
      </c>
      <c r="B16" s="110">
        <v>24551801</v>
      </c>
      <c r="C16" s="114">
        <v>44064030</v>
      </c>
      <c r="D16" s="113">
        <v>68615831</v>
      </c>
      <c r="E16" s="172">
        <v>0</v>
      </c>
      <c r="F16" s="114">
        <v>327029394</v>
      </c>
      <c r="G16" s="114">
        <v>254857952</v>
      </c>
      <c r="H16" s="114">
        <v>235426607</v>
      </c>
      <c r="I16" s="114">
        <v>220862945</v>
      </c>
      <c r="J16" s="114">
        <v>189334028</v>
      </c>
      <c r="K16" s="109">
        <v>1227510926</v>
      </c>
      <c r="L16" s="116">
        <v>1296126757</v>
      </c>
      <c r="M16" s="110">
        <v>6360088</v>
      </c>
      <c r="N16" s="114">
        <v>14297051</v>
      </c>
      <c r="O16" s="113">
        <v>20657139</v>
      </c>
      <c r="P16" s="110">
        <v>0</v>
      </c>
      <c r="Q16" s="114">
        <v>106216541</v>
      </c>
      <c r="R16" s="114">
        <v>83883720</v>
      </c>
      <c r="S16" s="114">
        <v>77675994</v>
      </c>
      <c r="T16" s="114">
        <v>96297809</v>
      </c>
      <c r="U16" s="114">
        <v>103535787</v>
      </c>
      <c r="V16" s="113">
        <v>467609851</v>
      </c>
      <c r="W16" s="116">
        <v>488266990</v>
      </c>
      <c r="X16" s="110">
        <v>0</v>
      </c>
      <c r="Y16" s="114">
        <v>0</v>
      </c>
      <c r="Z16" s="113">
        <v>0</v>
      </c>
      <c r="AA16" s="110">
        <v>0</v>
      </c>
      <c r="AB16" s="114">
        <v>53610567</v>
      </c>
      <c r="AC16" s="114">
        <v>43161644</v>
      </c>
      <c r="AD16" s="114">
        <v>47843580</v>
      </c>
      <c r="AE16" s="114">
        <v>60645841</v>
      </c>
      <c r="AF16" s="114">
        <v>63891119</v>
      </c>
      <c r="AG16" s="113">
        <v>269152751</v>
      </c>
      <c r="AH16" s="116">
        <v>269152751</v>
      </c>
      <c r="AI16" s="110">
        <v>0</v>
      </c>
      <c r="AJ16" s="114">
        <v>0</v>
      </c>
      <c r="AK16" s="113">
        <v>0</v>
      </c>
      <c r="AL16" s="110">
        <v>0</v>
      </c>
      <c r="AM16" s="114">
        <v>896748</v>
      </c>
      <c r="AN16" s="114">
        <v>1255256</v>
      </c>
      <c r="AO16" s="114">
        <v>1339178</v>
      </c>
      <c r="AP16" s="114">
        <v>6125789</v>
      </c>
      <c r="AQ16" s="114">
        <v>9905519</v>
      </c>
      <c r="AR16" s="113">
        <v>19522490</v>
      </c>
      <c r="AS16" s="116">
        <v>19522490</v>
      </c>
      <c r="AT16" s="110">
        <v>3767196</v>
      </c>
      <c r="AU16" s="114">
        <v>9705805</v>
      </c>
      <c r="AV16" s="113">
        <v>13473001</v>
      </c>
      <c r="AW16" s="110">
        <v>0</v>
      </c>
      <c r="AX16" s="114">
        <v>32554630</v>
      </c>
      <c r="AY16" s="114">
        <v>23095623</v>
      </c>
      <c r="AZ16" s="114">
        <v>15381255</v>
      </c>
      <c r="BA16" s="114">
        <v>15297558</v>
      </c>
      <c r="BB16" s="114">
        <v>17191666</v>
      </c>
      <c r="BC16" s="113">
        <v>103520732</v>
      </c>
      <c r="BD16" s="116">
        <v>116993733</v>
      </c>
      <c r="BE16" s="110">
        <v>545516</v>
      </c>
      <c r="BF16" s="114">
        <v>1460777</v>
      </c>
      <c r="BG16" s="112">
        <v>2006293</v>
      </c>
      <c r="BH16" s="111">
        <v>0</v>
      </c>
      <c r="BI16" s="114">
        <v>3235487</v>
      </c>
      <c r="BJ16" s="114">
        <v>2663429</v>
      </c>
      <c r="BK16" s="114">
        <v>1953730</v>
      </c>
      <c r="BL16" s="114">
        <v>2016440</v>
      </c>
      <c r="BM16" s="114">
        <v>1590377</v>
      </c>
      <c r="BN16" s="113">
        <v>11459463</v>
      </c>
      <c r="BO16" s="116">
        <v>13465756</v>
      </c>
      <c r="BP16" s="110">
        <v>2047376</v>
      </c>
      <c r="BQ16" s="114">
        <v>3130469</v>
      </c>
      <c r="BR16" s="113">
        <v>5177845</v>
      </c>
      <c r="BS16" s="110">
        <v>0</v>
      </c>
      <c r="BT16" s="114">
        <v>15919109</v>
      </c>
      <c r="BU16" s="114">
        <v>13707768</v>
      </c>
      <c r="BV16" s="114">
        <v>11158251</v>
      </c>
      <c r="BW16" s="114">
        <v>12212181</v>
      </c>
      <c r="BX16" s="114">
        <v>10957106</v>
      </c>
      <c r="BY16" s="113">
        <v>63954415</v>
      </c>
      <c r="BZ16" s="116">
        <v>69132260</v>
      </c>
      <c r="CA16" s="110">
        <v>1505144</v>
      </c>
      <c r="CB16" s="114">
        <v>3668416</v>
      </c>
      <c r="CC16" s="113">
        <v>5173560</v>
      </c>
      <c r="CD16" s="110">
        <v>0</v>
      </c>
      <c r="CE16" s="114">
        <v>97177384</v>
      </c>
      <c r="CF16" s="114">
        <v>68883946</v>
      </c>
      <c r="CG16" s="114">
        <v>54450947</v>
      </c>
      <c r="CH16" s="114">
        <v>31205124</v>
      </c>
      <c r="CI16" s="114">
        <v>16686135</v>
      </c>
      <c r="CJ16" s="113">
        <v>268403536</v>
      </c>
      <c r="CK16" s="116">
        <v>273577096</v>
      </c>
      <c r="CL16" s="110">
        <v>0</v>
      </c>
      <c r="CM16" s="114">
        <v>0</v>
      </c>
      <c r="CN16" s="113">
        <v>0</v>
      </c>
      <c r="CO16" s="111">
        <v>0</v>
      </c>
      <c r="CP16" s="114">
        <v>83339299</v>
      </c>
      <c r="CQ16" s="114">
        <v>57919474</v>
      </c>
      <c r="CR16" s="114">
        <v>46943879</v>
      </c>
      <c r="CS16" s="114">
        <v>26199982</v>
      </c>
      <c r="CT16" s="114">
        <v>14596997</v>
      </c>
      <c r="CU16" s="113">
        <v>228999631</v>
      </c>
      <c r="CV16" s="116">
        <v>228999631</v>
      </c>
      <c r="CW16" s="110">
        <v>1505144</v>
      </c>
      <c r="CX16" s="114">
        <v>3668416</v>
      </c>
      <c r="CY16" s="113">
        <v>5173560</v>
      </c>
      <c r="CZ16" s="110">
        <v>0</v>
      </c>
      <c r="DA16" s="114">
        <v>13838085</v>
      </c>
      <c r="DB16" s="114">
        <v>10964472</v>
      </c>
      <c r="DC16" s="114">
        <v>7507068</v>
      </c>
      <c r="DD16" s="114">
        <v>5005142</v>
      </c>
      <c r="DE16" s="114">
        <v>2089138</v>
      </c>
      <c r="DF16" s="113">
        <v>39403905</v>
      </c>
      <c r="DG16" s="116">
        <v>44577465</v>
      </c>
      <c r="DH16" s="110">
        <v>154133</v>
      </c>
      <c r="DI16" s="114">
        <v>1113141</v>
      </c>
      <c r="DJ16" s="112">
        <v>1267274</v>
      </c>
      <c r="DK16" s="111">
        <v>0</v>
      </c>
      <c r="DL16" s="114">
        <v>10244338</v>
      </c>
      <c r="DM16" s="114">
        <v>11696406</v>
      </c>
      <c r="DN16" s="114">
        <v>24297196</v>
      </c>
      <c r="DO16" s="114">
        <v>16348663</v>
      </c>
      <c r="DP16" s="114">
        <v>10228374</v>
      </c>
      <c r="DQ16" s="113">
        <v>72814977</v>
      </c>
      <c r="DR16" s="116">
        <v>74082251</v>
      </c>
      <c r="DS16" s="110">
        <v>154133</v>
      </c>
      <c r="DT16" s="114">
        <v>1031582</v>
      </c>
      <c r="DU16" s="113">
        <v>1185715</v>
      </c>
      <c r="DV16" s="110">
        <v>0</v>
      </c>
      <c r="DW16" s="114">
        <v>9716410</v>
      </c>
      <c r="DX16" s="114">
        <v>10819710</v>
      </c>
      <c r="DY16" s="114">
        <v>23147954</v>
      </c>
      <c r="DZ16" s="114">
        <v>15192071</v>
      </c>
      <c r="EA16" s="114">
        <v>9628782</v>
      </c>
      <c r="EB16" s="113">
        <v>68504927</v>
      </c>
      <c r="EC16" s="116">
        <v>69690642</v>
      </c>
      <c r="ED16" s="110">
        <v>0</v>
      </c>
      <c r="EE16" s="112">
        <v>81559</v>
      </c>
      <c r="EF16" s="113">
        <v>81559</v>
      </c>
      <c r="EG16" s="110">
        <v>0</v>
      </c>
      <c r="EH16" s="114">
        <v>527928</v>
      </c>
      <c r="EI16" s="114">
        <v>876696</v>
      </c>
      <c r="EJ16" s="114">
        <v>1149242</v>
      </c>
      <c r="EK16" s="114">
        <v>1156592</v>
      </c>
      <c r="EL16" s="114">
        <v>599592</v>
      </c>
      <c r="EM16" s="112">
        <v>4310050</v>
      </c>
      <c r="EN16" s="116">
        <v>4391609</v>
      </c>
      <c r="EO16" s="110">
        <v>0</v>
      </c>
      <c r="EP16" s="114">
        <v>0</v>
      </c>
      <c r="EQ16" s="112">
        <v>0</v>
      </c>
      <c r="ER16" s="111">
        <v>0</v>
      </c>
      <c r="ES16" s="114">
        <v>0</v>
      </c>
      <c r="ET16" s="114">
        <v>0</v>
      </c>
      <c r="EU16" s="114">
        <v>0</v>
      </c>
      <c r="EV16" s="114">
        <v>0</v>
      </c>
      <c r="EW16" s="114">
        <v>0</v>
      </c>
      <c r="EX16" s="113">
        <v>0</v>
      </c>
      <c r="EY16" s="116">
        <v>0</v>
      </c>
      <c r="EZ16" s="110">
        <v>0</v>
      </c>
      <c r="FA16" s="114">
        <v>0</v>
      </c>
      <c r="FB16" s="112">
        <v>0</v>
      </c>
      <c r="FC16" s="348"/>
      <c r="FD16" s="114">
        <v>0</v>
      </c>
      <c r="FE16" s="114">
        <v>0</v>
      </c>
      <c r="FF16" s="114">
        <v>0</v>
      </c>
      <c r="FG16" s="114">
        <v>0</v>
      </c>
      <c r="FH16" s="114">
        <v>0</v>
      </c>
      <c r="FI16" s="113">
        <v>0</v>
      </c>
      <c r="FJ16" s="116">
        <v>0</v>
      </c>
      <c r="FK16" s="110">
        <v>6496623</v>
      </c>
      <c r="FL16" s="114">
        <v>9144453</v>
      </c>
      <c r="FM16" s="113">
        <v>15641076</v>
      </c>
      <c r="FN16" s="110">
        <v>0</v>
      </c>
      <c r="FO16" s="114">
        <v>18950658</v>
      </c>
      <c r="FP16" s="114">
        <v>23755305</v>
      </c>
      <c r="FQ16" s="114">
        <v>18344497</v>
      </c>
      <c r="FR16" s="114">
        <v>16478645</v>
      </c>
      <c r="FS16" s="114">
        <v>12881814</v>
      </c>
      <c r="FT16" s="113">
        <v>90410919</v>
      </c>
      <c r="FU16" s="116">
        <v>106051995</v>
      </c>
      <c r="FV16" s="115">
        <v>4237386</v>
      </c>
      <c r="FW16" s="114">
        <v>7674969</v>
      </c>
      <c r="FX16" s="112">
        <v>11912355</v>
      </c>
      <c r="FY16" s="111">
        <v>0</v>
      </c>
      <c r="FZ16" s="114">
        <v>15369511</v>
      </c>
      <c r="GA16" s="114">
        <v>22084351</v>
      </c>
      <c r="GB16" s="114">
        <v>16962919</v>
      </c>
      <c r="GC16" s="114">
        <v>15142264</v>
      </c>
      <c r="GD16" s="114">
        <v>12658137</v>
      </c>
      <c r="GE16" s="113">
        <v>82217182</v>
      </c>
      <c r="GF16" s="319">
        <v>94129537</v>
      </c>
      <c r="GG16" s="115">
        <v>227335</v>
      </c>
      <c r="GH16" s="114">
        <v>255104</v>
      </c>
      <c r="GI16" s="112">
        <v>482439</v>
      </c>
      <c r="GJ16" s="111">
        <v>0</v>
      </c>
      <c r="GK16" s="114">
        <v>929390</v>
      </c>
      <c r="GL16" s="114">
        <v>609655</v>
      </c>
      <c r="GM16" s="114">
        <v>407038</v>
      </c>
      <c r="GN16" s="114">
        <v>418031</v>
      </c>
      <c r="GO16" s="114">
        <v>76995</v>
      </c>
      <c r="GP16" s="113">
        <v>2441109</v>
      </c>
      <c r="GQ16" s="116">
        <v>2923548</v>
      </c>
      <c r="GR16" s="110">
        <v>2031902</v>
      </c>
      <c r="GS16" s="114">
        <v>1214380</v>
      </c>
      <c r="GT16" s="113">
        <v>3246282</v>
      </c>
      <c r="GU16" s="110">
        <v>0</v>
      </c>
      <c r="GV16" s="114">
        <v>2651757</v>
      </c>
      <c r="GW16" s="114">
        <v>1061299</v>
      </c>
      <c r="GX16" s="114">
        <v>974540</v>
      </c>
      <c r="GY16" s="114">
        <v>918350</v>
      </c>
      <c r="GZ16" s="114">
        <v>146682</v>
      </c>
      <c r="HA16" s="112">
        <v>5752628</v>
      </c>
      <c r="HB16" s="116">
        <v>8998910</v>
      </c>
      <c r="HC16" s="110">
        <v>4533049</v>
      </c>
      <c r="HD16" s="114">
        <v>8807134</v>
      </c>
      <c r="HE16" s="112">
        <v>13340183</v>
      </c>
      <c r="HF16" s="111">
        <v>0</v>
      </c>
      <c r="HG16" s="114">
        <v>44619510</v>
      </c>
      <c r="HH16" s="114">
        <v>38876382</v>
      </c>
      <c r="HI16" s="114">
        <v>40436568</v>
      </c>
      <c r="HJ16" s="114">
        <v>45911673</v>
      </c>
      <c r="HK16" s="114">
        <v>35831417</v>
      </c>
      <c r="HL16" s="113">
        <v>205675550</v>
      </c>
      <c r="HM16" s="109">
        <v>219015733</v>
      </c>
      <c r="HN16" s="115">
        <v>5502764</v>
      </c>
      <c r="HO16" s="114">
        <v>7033835</v>
      </c>
      <c r="HP16" s="113">
        <v>12536599</v>
      </c>
      <c r="HQ16" s="110">
        <v>0</v>
      </c>
      <c r="HR16" s="114">
        <v>49820963</v>
      </c>
      <c r="HS16" s="114">
        <v>27762193</v>
      </c>
      <c r="HT16" s="114">
        <v>20221405</v>
      </c>
      <c r="HU16" s="114">
        <v>14621031</v>
      </c>
      <c r="HV16" s="114">
        <v>10170501</v>
      </c>
      <c r="HW16" s="112">
        <v>122596093</v>
      </c>
      <c r="HX16" s="116">
        <v>135132692</v>
      </c>
      <c r="HY16" s="150">
        <v>390425</v>
      </c>
      <c r="HZ16" s="135">
        <v>3079761</v>
      </c>
      <c r="IA16" s="150">
        <v>3470186</v>
      </c>
      <c r="IB16" s="134">
        <v>0</v>
      </c>
      <c r="IC16" s="135">
        <v>82969310</v>
      </c>
      <c r="ID16" s="136">
        <v>86740443</v>
      </c>
      <c r="IE16" s="137">
        <v>75781088</v>
      </c>
      <c r="IF16" s="135">
        <v>68266607</v>
      </c>
      <c r="IG16" s="137">
        <v>66858114</v>
      </c>
      <c r="IH16" s="138">
        <v>380615562</v>
      </c>
      <c r="II16" s="150">
        <v>384085748</v>
      </c>
      <c r="IJ16" s="232">
        <v>0</v>
      </c>
      <c r="IK16" s="236">
        <v>0</v>
      </c>
      <c r="IL16" s="237">
        <v>0</v>
      </c>
      <c r="IM16" s="140"/>
      <c r="IN16" s="119">
        <v>2122737</v>
      </c>
      <c r="IO16" s="119">
        <v>1486831</v>
      </c>
      <c r="IP16" s="119">
        <v>2437635</v>
      </c>
      <c r="IQ16" s="119">
        <v>3860032</v>
      </c>
      <c r="IR16" s="119">
        <v>3055951</v>
      </c>
      <c r="IS16" s="141">
        <v>12963186</v>
      </c>
      <c r="IT16" s="321">
        <v>12963186</v>
      </c>
      <c r="IU16" s="142">
        <v>0</v>
      </c>
      <c r="IV16" s="119">
        <v>0</v>
      </c>
      <c r="IW16" s="120">
        <v>0</v>
      </c>
      <c r="IX16" s="144"/>
      <c r="IY16" s="119">
        <v>137916</v>
      </c>
      <c r="IZ16" s="119">
        <v>169029</v>
      </c>
      <c r="JA16" s="119">
        <v>406892</v>
      </c>
      <c r="JB16" s="119">
        <v>241355</v>
      </c>
      <c r="JC16" s="119">
        <v>85609</v>
      </c>
      <c r="JD16" s="120">
        <v>1040801</v>
      </c>
      <c r="JE16" s="121">
        <v>1040801</v>
      </c>
      <c r="JF16" s="142">
        <v>0</v>
      </c>
      <c r="JG16" s="119">
        <v>0</v>
      </c>
      <c r="JH16" s="141">
        <v>0</v>
      </c>
      <c r="JI16" s="118">
        <v>0</v>
      </c>
      <c r="JJ16" s="119">
        <v>25919496</v>
      </c>
      <c r="JK16" s="119">
        <v>17733773</v>
      </c>
      <c r="JL16" s="119">
        <v>9687398</v>
      </c>
      <c r="JM16" s="119">
        <v>6360598</v>
      </c>
      <c r="JN16" s="119">
        <v>3619633</v>
      </c>
      <c r="JO16" s="120">
        <v>63320898</v>
      </c>
      <c r="JP16" s="321">
        <v>63320898</v>
      </c>
      <c r="JQ16" s="142">
        <v>0</v>
      </c>
      <c r="JR16" s="119">
        <v>56652</v>
      </c>
      <c r="JS16" s="141">
        <v>56652</v>
      </c>
      <c r="JT16" s="118">
        <v>0</v>
      </c>
      <c r="JU16" s="119">
        <v>1534830</v>
      </c>
      <c r="JV16" s="119">
        <v>1921416</v>
      </c>
      <c r="JW16" s="119">
        <v>2421749</v>
      </c>
      <c r="JX16" s="119">
        <v>1036402</v>
      </c>
      <c r="JY16" s="119">
        <v>1240679</v>
      </c>
      <c r="JZ16" s="120">
        <v>8155076</v>
      </c>
      <c r="KA16" s="321">
        <v>8211728</v>
      </c>
      <c r="KB16" s="234">
        <v>390425</v>
      </c>
      <c r="KC16" s="230">
        <v>2025373</v>
      </c>
      <c r="KD16" s="120">
        <v>2415798</v>
      </c>
      <c r="KE16" s="118">
        <v>0</v>
      </c>
      <c r="KF16" s="119">
        <v>11747249</v>
      </c>
      <c r="KG16" s="119">
        <v>16493913</v>
      </c>
      <c r="KH16" s="119">
        <v>20581104</v>
      </c>
      <c r="KI16" s="119">
        <v>16136386</v>
      </c>
      <c r="KJ16" s="119">
        <v>12240540</v>
      </c>
      <c r="KK16" s="120">
        <v>77199192</v>
      </c>
      <c r="KL16" s="143">
        <v>79614990</v>
      </c>
      <c r="KM16" s="232">
        <v>0</v>
      </c>
      <c r="KN16" s="236">
        <v>997736</v>
      </c>
      <c r="KO16" s="237">
        <v>997736</v>
      </c>
      <c r="KP16" s="140"/>
      <c r="KQ16" s="119">
        <v>34249734</v>
      </c>
      <c r="KR16" s="119">
        <v>36949140</v>
      </c>
      <c r="KS16" s="119">
        <v>21015907</v>
      </c>
      <c r="KT16" s="119">
        <v>21681676</v>
      </c>
      <c r="KU16" s="119">
        <v>23645565</v>
      </c>
      <c r="KV16" s="120">
        <v>137542022</v>
      </c>
      <c r="KW16" s="321">
        <v>138539758</v>
      </c>
      <c r="KX16" s="142">
        <v>0</v>
      </c>
      <c r="KY16" s="119">
        <v>0</v>
      </c>
      <c r="KZ16" s="120">
        <v>0</v>
      </c>
      <c r="LA16" s="145"/>
      <c r="LB16" s="119">
        <v>4213855</v>
      </c>
      <c r="LC16" s="119">
        <v>5732690</v>
      </c>
      <c r="LD16" s="119">
        <v>6955694</v>
      </c>
      <c r="LE16" s="119">
        <v>5586237</v>
      </c>
      <c r="LF16" s="119">
        <v>7779615</v>
      </c>
      <c r="LG16" s="120">
        <v>30268091</v>
      </c>
      <c r="LH16" s="121">
        <v>30268091</v>
      </c>
      <c r="LI16" s="142">
        <v>0</v>
      </c>
      <c r="LJ16" s="119">
        <v>0</v>
      </c>
      <c r="LK16" s="120">
        <v>0</v>
      </c>
      <c r="LL16" s="145"/>
      <c r="LM16" s="119">
        <v>213671</v>
      </c>
      <c r="LN16" s="119">
        <v>0</v>
      </c>
      <c r="LO16" s="119">
        <v>1042821</v>
      </c>
      <c r="LP16" s="119">
        <v>4862081</v>
      </c>
      <c r="LQ16" s="119">
        <v>6341764</v>
      </c>
      <c r="LR16" s="120">
        <v>12460337</v>
      </c>
      <c r="LS16" s="321">
        <v>12460337</v>
      </c>
      <c r="LT16" s="142">
        <v>0</v>
      </c>
      <c r="LU16" s="119">
        <v>0</v>
      </c>
      <c r="LV16" s="120">
        <v>0</v>
      </c>
      <c r="LW16" s="145"/>
      <c r="LX16" s="119">
        <v>2829822</v>
      </c>
      <c r="LY16" s="119">
        <v>6253651</v>
      </c>
      <c r="LZ16" s="119">
        <v>11231888</v>
      </c>
      <c r="MA16" s="119">
        <v>8501840</v>
      </c>
      <c r="MB16" s="119">
        <v>8848758</v>
      </c>
      <c r="MC16" s="120">
        <v>37665959</v>
      </c>
      <c r="MD16" s="121">
        <v>37665959</v>
      </c>
      <c r="ME16" s="142">
        <v>0</v>
      </c>
      <c r="MF16" s="119">
        <v>0</v>
      </c>
      <c r="MG16" s="120">
        <v>0</v>
      </c>
      <c r="MH16" s="145"/>
      <c r="MI16" s="119">
        <v>30651501</v>
      </c>
      <c r="MJ16" s="119">
        <v>48455345</v>
      </c>
      <c r="MK16" s="119">
        <v>146170515</v>
      </c>
      <c r="ML16" s="119">
        <v>200971535</v>
      </c>
      <c r="MM16" s="119">
        <v>183792554</v>
      </c>
      <c r="MN16" s="120">
        <v>610041450</v>
      </c>
      <c r="MO16" s="143">
        <v>610041450</v>
      </c>
      <c r="MP16" s="142">
        <v>0</v>
      </c>
      <c r="MQ16" s="119">
        <v>0</v>
      </c>
      <c r="MR16" s="120">
        <v>0</v>
      </c>
      <c r="MS16" s="145"/>
      <c r="MT16" s="119">
        <v>4012315</v>
      </c>
      <c r="MU16" s="119">
        <v>11461379</v>
      </c>
      <c r="MV16" s="119">
        <v>97024534</v>
      </c>
      <c r="MW16" s="119">
        <v>144817482</v>
      </c>
      <c r="MX16" s="119">
        <v>134866323</v>
      </c>
      <c r="MY16" s="120">
        <v>392182033</v>
      </c>
      <c r="MZ16" s="143">
        <v>392182033</v>
      </c>
      <c r="NA16" s="142">
        <v>0</v>
      </c>
      <c r="NB16" s="119">
        <v>0</v>
      </c>
      <c r="NC16" s="120">
        <v>0</v>
      </c>
      <c r="ND16" s="145"/>
      <c r="NE16" s="119">
        <v>26433392</v>
      </c>
      <c r="NF16" s="119">
        <v>36993966</v>
      </c>
      <c r="NG16" s="119">
        <v>48220802</v>
      </c>
      <c r="NH16" s="119">
        <v>54316919</v>
      </c>
      <c r="NI16" s="119">
        <v>34027255</v>
      </c>
      <c r="NJ16" s="120">
        <v>199992334</v>
      </c>
      <c r="NK16" s="321">
        <v>199992334</v>
      </c>
      <c r="NL16" s="142">
        <v>0</v>
      </c>
      <c r="NM16" s="119">
        <v>0</v>
      </c>
      <c r="NN16" s="120">
        <v>0</v>
      </c>
      <c r="NO16" s="145"/>
      <c r="NP16" s="119">
        <v>0</v>
      </c>
      <c r="NQ16" s="119">
        <v>0</v>
      </c>
      <c r="NR16" s="119">
        <v>0</v>
      </c>
      <c r="NS16" s="119">
        <v>750424</v>
      </c>
      <c r="NT16" s="119">
        <v>3574270</v>
      </c>
      <c r="NU16" s="120">
        <v>4324694</v>
      </c>
      <c r="NV16" s="121">
        <v>4324694</v>
      </c>
      <c r="NW16" s="142">
        <v>0</v>
      </c>
      <c r="NX16" s="119">
        <v>0</v>
      </c>
      <c r="NY16" s="120">
        <v>0</v>
      </c>
      <c r="NZ16" s="145"/>
      <c r="OA16" s="119">
        <v>205794</v>
      </c>
      <c r="OB16" s="119">
        <v>0</v>
      </c>
      <c r="OC16" s="119">
        <v>925179</v>
      </c>
      <c r="OD16" s="119">
        <v>1086710</v>
      </c>
      <c r="OE16" s="119">
        <v>11324706</v>
      </c>
      <c r="OF16" s="120">
        <v>13542389</v>
      </c>
      <c r="OG16" s="121">
        <v>13542389</v>
      </c>
      <c r="OH16" s="142">
        <v>24942226</v>
      </c>
      <c r="OI16" s="119">
        <v>47143791</v>
      </c>
      <c r="OJ16" s="141">
        <v>72086017</v>
      </c>
      <c r="OK16" s="118">
        <v>0</v>
      </c>
      <c r="OL16" s="119">
        <v>440650205</v>
      </c>
      <c r="OM16" s="119">
        <v>390053740</v>
      </c>
      <c r="ON16" s="119">
        <v>457378210</v>
      </c>
      <c r="OO16" s="119">
        <v>490101087</v>
      </c>
      <c r="OP16" s="119">
        <v>439984696</v>
      </c>
      <c r="OQ16" s="120">
        <v>2218167938</v>
      </c>
      <c r="OR16" s="143">
        <v>2290253955</v>
      </c>
    </row>
    <row r="17" spans="1:408" ht="18.75" customHeight="1" x14ac:dyDescent="0.2">
      <c r="A17" s="62" t="s">
        <v>11</v>
      </c>
      <c r="B17" s="110">
        <v>10427522</v>
      </c>
      <c r="C17" s="114">
        <v>14712182</v>
      </c>
      <c r="D17" s="171">
        <v>25139704</v>
      </c>
      <c r="E17" s="111">
        <v>0</v>
      </c>
      <c r="F17" s="114">
        <v>161308522</v>
      </c>
      <c r="G17" s="114">
        <v>131503345</v>
      </c>
      <c r="H17" s="114">
        <v>124026706</v>
      </c>
      <c r="I17" s="114">
        <v>130891429</v>
      </c>
      <c r="J17" s="114">
        <v>92963856</v>
      </c>
      <c r="K17" s="109">
        <v>640693858</v>
      </c>
      <c r="L17" s="116">
        <v>665833562</v>
      </c>
      <c r="M17" s="110">
        <v>1562786</v>
      </c>
      <c r="N17" s="114">
        <v>2758351</v>
      </c>
      <c r="O17" s="113">
        <v>4321137</v>
      </c>
      <c r="P17" s="110">
        <v>0</v>
      </c>
      <c r="Q17" s="114">
        <v>39665505</v>
      </c>
      <c r="R17" s="114">
        <v>35242024</v>
      </c>
      <c r="S17" s="114">
        <v>38534293</v>
      </c>
      <c r="T17" s="114">
        <v>43805902</v>
      </c>
      <c r="U17" s="114">
        <v>47036025</v>
      </c>
      <c r="V17" s="113">
        <v>204283749</v>
      </c>
      <c r="W17" s="116">
        <v>208604886</v>
      </c>
      <c r="X17" s="110">
        <v>0</v>
      </c>
      <c r="Y17" s="114">
        <v>0</v>
      </c>
      <c r="Z17" s="113">
        <v>0</v>
      </c>
      <c r="AA17" s="110">
        <v>0</v>
      </c>
      <c r="AB17" s="114">
        <v>20655992</v>
      </c>
      <c r="AC17" s="114">
        <v>19898012</v>
      </c>
      <c r="AD17" s="114">
        <v>22005639</v>
      </c>
      <c r="AE17" s="114">
        <v>26334745</v>
      </c>
      <c r="AF17" s="114">
        <v>28857737</v>
      </c>
      <c r="AG17" s="113">
        <v>117752125</v>
      </c>
      <c r="AH17" s="116">
        <v>117752125</v>
      </c>
      <c r="AI17" s="110">
        <v>0</v>
      </c>
      <c r="AJ17" s="114">
        <v>44018</v>
      </c>
      <c r="AK17" s="113">
        <v>44018</v>
      </c>
      <c r="AL17" s="110">
        <v>0</v>
      </c>
      <c r="AM17" s="114">
        <v>180320</v>
      </c>
      <c r="AN17" s="114">
        <v>793826</v>
      </c>
      <c r="AO17" s="114">
        <v>1691175</v>
      </c>
      <c r="AP17" s="114">
        <v>2696196</v>
      </c>
      <c r="AQ17" s="114">
        <v>4401157</v>
      </c>
      <c r="AR17" s="113">
        <v>9762674</v>
      </c>
      <c r="AS17" s="116">
        <v>9806692</v>
      </c>
      <c r="AT17" s="110">
        <v>937854</v>
      </c>
      <c r="AU17" s="114">
        <v>1925504</v>
      </c>
      <c r="AV17" s="113">
        <v>2863358</v>
      </c>
      <c r="AW17" s="110">
        <v>0</v>
      </c>
      <c r="AX17" s="114">
        <v>12033803</v>
      </c>
      <c r="AY17" s="114">
        <v>8764034</v>
      </c>
      <c r="AZ17" s="114">
        <v>9134015</v>
      </c>
      <c r="BA17" s="114">
        <v>8722242</v>
      </c>
      <c r="BB17" s="114">
        <v>10027420</v>
      </c>
      <c r="BC17" s="113">
        <v>48681514</v>
      </c>
      <c r="BD17" s="116">
        <v>51544872</v>
      </c>
      <c r="BE17" s="110">
        <v>104493</v>
      </c>
      <c r="BF17" s="114">
        <v>297961</v>
      </c>
      <c r="BG17" s="112">
        <v>402454</v>
      </c>
      <c r="BH17" s="111">
        <v>0</v>
      </c>
      <c r="BI17" s="114">
        <v>1439382</v>
      </c>
      <c r="BJ17" s="114">
        <v>796203</v>
      </c>
      <c r="BK17" s="114">
        <v>784767</v>
      </c>
      <c r="BL17" s="114">
        <v>954255</v>
      </c>
      <c r="BM17" s="114">
        <v>165236</v>
      </c>
      <c r="BN17" s="113">
        <v>4139843</v>
      </c>
      <c r="BO17" s="116">
        <v>4542297</v>
      </c>
      <c r="BP17" s="110">
        <v>520439</v>
      </c>
      <c r="BQ17" s="114">
        <v>490868</v>
      </c>
      <c r="BR17" s="113">
        <v>1011307</v>
      </c>
      <c r="BS17" s="110">
        <v>0</v>
      </c>
      <c r="BT17" s="114">
        <v>5356008</v>
      </c>
      <c r="BU17" s="114">
        <v>4989949</v>
      </c>
      <c r="BV17" s="114">
        <v>4918697</v>
      </c>
      <c r="BW17" s="114">
        <v>5098464</v>
      </c>
      <c r="BX17" s="114">
        <v>3584475</v>
      </c>
      <c r="BY17" s="113">
        <v>23947593</v>
      </c>
      <c r="BZ17" s="116">
        <v>24958900</v>
      </c>
      <c r="CA17" s="110">
        <v>1395169</v>
      </c>
      <c r="CB17" s="114">
        <v>2237650</v>
      </c>
      <c r="CC17" s="113">
        <v>3632819</v>
      </c>
      <c r="CD17" s="110">
        <v>0</v>
      </c>
      <c r="CE17" s="114">
        <v>49507169</v>
      </c>
      <c r="CF17" s="114">
        <v>37798869</v>
      </c>
      <c r="CG17" s="114">
        <v>28863556</v>
      </c>
      <c r="CH17" s="114">
        <v>22039848</v>
      </c>
      <c r="CI17" s="114">
        <v>11636423</v>
      </c>
      <c r="CJ17" s="113">
        <v>149845865</v>
      </c>
      <c r="CK17" s="116">
        <v>153478684</v>
      </c>
      <c r="CL17" s="110">
        <v>0</v>
      </c>
      <c r="CM17" s="114">
        <v>0</v>
      </c>
      <c r="CN17" s="113">
        <v>0</v>
      </c>
      <c r="CO17" s="111">
        <v>0</v>
      </c>
      <c r="CP17" s="114">
        <v>40341030</v>
      </c>
      <c r="CQ17" s="114">
        <v>29917273</v>
      </c>
      <c r="CR17" s="114">
        <v>22931197</v>
      </c>
      <c r="CS17" s="114">
        <v>16793523</v>
      </c>
      <c r="CT17" s="114">
        <v>9896579</v>
      </c>
      <c r="CU17" s="113">
        <v>119879602</v>
      </c>
      <c r="CV17" s="116">
        <v>119879602</v>
      </c>
      <c r="CW17" s="110">
        <v>1395169</v>
      </c>
      <c r="CX17" s="114">
        <v>2237650</v>
      </c>
      <c r="CY17" s="113">
        <v>3632819</v>
      </c>
      <c r="CZ17" s="110">
        <v>0</v>
      </c>
      <c r="DA17" s="114">
        <v>9166139</v>
      </c>
      <c r="DB17" s="114">
        <v>7881596</v>
      </c>
      <c r="DC17" s="114">
        <v>5932359</v>
      </c>
      <c r="DD17" s="114">
        <v>5246325</v>
      </c>
      <c r="DE17" s="114">
        <v>1739844</v>
      </c>
      <c r="DF17" s="113">
        <v>29966263</v>
      </c>
      <c r="DG17" s="116">
        <v>33599082</v>
      </c>
      <c r="DH17" s="110">
        <v>93451</v>
      </c>
      <c r="DI17" s="114">
        <v>329431</v>
      </c>
      <c r="DJ17" s="112">
        <v>422882</v>
      </c>
      <c r="DK17" s="111">
        <v>0</v>
      </c>
      <c r="DL17" s="114">
        <v>4658158</v>
      </c>
      <c r="DM17" s="114">
        <v>6433741</v>
      </c>
      <c r="DN17" s="114">
        <v>10218319</v>
      </c>
      <c r="DO17" s="114">
        <v>9652920</v>
      </c>
      <c r="DP17" s="114">
        <v>3752776</v>
      </c>
      <c r="DQ17" s="113">
        <v>34715914</v>
      </c>
      <c r="DR17" s="116">
        <v>35138796</v>
      </c>
      <c r="DS17" s="110">
        <v>93451</v>
      </c>
      <c r="DT17" s="114">
        <v>329431</v>
      </c>
      <c r="DU17" s="113">
        <v>422882</v>
      </c>
      <c r="DV17" s="110">
        <v>0</v>
      </c>
      <c r="DW17" s="114">
        <v>4245131</v>
      </c>
      <c r="DX17" s="114">
        <v>6278355</v>
      </c>
      <c r="DY17" s="114">
        <v>9651171</v>
      </c>
      <c r="DZ17" s="114">
        <v>8668443</v>
      </c>
      <c r="EA17" s="114">
        <v>3178710</v>
      </c>
      <c r="EB17" s="113">
        <v>32021810</v>
      </c>
      <c r="EC17" s="116">
        <v>32444692</v>
      </c>
      <c r="ED17" s="110">
        <v>0</v>
      </c>
      <c r="EE17" s="112">
        <v>0</v>
      </c>
      <c r="EF17" s="113">
        <v>0</v>
      </c>
      <c r="EG17" s="110">
        <v>0</v>
      </c>
      <c r="EH17" s="114">
        <v>413027</v>
      </c>
      <c r="EI17" s="114">
        <v>155386</v>
      </c>
      <c r="EJ17" s="114">
        <v>567148</v>
      </c>
      <c r="EK17" s="114">
        <v>984477</v>
      </c>
      <c r="EL17" s="114">
        <v>574066</v>
      </c>
      <c r="EM17" s="112">
        <v>2694104</v>
      </c>
      <c r="EN17" s="116">
        <v>2694104</v>
      </c>
      <c r="EO17" s="110">
        <v>0</v>
      </c>
      <c r="EP17" s="114">
        <v>0</v>
      </c>
      <c r="EQ17" s="112">
        <v>0</v>
      </c>
      <c r="ER17" s="111">
        <v>0</v>
      </c>
      <c r="ES17" s="114">
        <v>0</v>
      </c>
      <c r="ET17" s="114">
        <v>0</v>
      </c>
      <c r="EU17" s="114">
        <v>0</v>
      </c>
      <c r="EV17" s="114">
        <v>0</v>
      </c>
      <c r="EW17" s="114">
        <v>0</v>
      </c>
      <c r="EX17" s="113">
        <v>0</v>
      </c>
      <c r="EY17" s="116">
        <v>0</v>
      </c>
      <c r="EZ17" s="110">
        <v>0</v>
      </c>
      <c r="FA17" s="114">
        <v>0</v>
      </c>
      <c r="FB17" s="112">
        <v>0</v>
      </c>
      <c r="FC17" s="348"/>
      <c r="FD17" s="114">
        <v>0</v>
      </c>
      <c r="FE17" s="114">
        <v>0</v>
      </c>
      <c r="FF17" s="114">
        <v>0</v>
      </c>
      <c r="FG17" s="114">
        <v>0</v>
      </c>
      <c r="FH17" s="114">
        <v>0</v>
      </c>
      <c r="FI17" s="113">
        <v>0</v>
      </c>
      <c r="FJ17" s="116">
        <v>0</v>
      </c>
      <c r="FK17" s="110">
        <v>2695896</v>
      </c>
      <c r="FL17" s="114">
        <v>3807578</v>
      </c>
      <c r="FM17" s="113">
        <v>6503474</v>
      </c>
      <c r="FN17" s="110">
        <v>0</v>
      </c>
      <c r="FO17" s="114">
        <v>8021989</v>
      </c>
      <c r="FP17" s="114">
        <v>10736346</v>
      </c>
      <c r="FQ17" s="114">
        <v>9613700</v>
      </c>
      <c r="FR17" s="114">
        <v>9447469</v>
      </c>
      <c r="FS17" s="114">
        <v>6203414</v>
      </c>
      <c r="FT17" s="113">
        <v>44022918</v>
      </c>
      <c r="FU17" s="116">
        <v>50526392</v>
      </c>
      <c r="FV17" s="115">
        <v>1659904</v>
      </c>
      <c r="FW17" s="114">
        <v>2439698</v>
      </c>
      <c r="FX17" s="112">
        <v>4099602</v>
      </c>
      <c r="FY17" s="111">
        <v>0</v>
      </c>
      <c r="FZ17" s="114">
        <v>6345019</v>
      </c>
      <c r="GA17" s="114">
        <v>10230704</v>
      </c>
      <c r="GB17" s="114">
        <v>8775246</v>
      </c>
      <c r="GC17" s="114">
        <v>8575998</v>
      </c>
      <c r="GD17" s="114">
        <v>6055499</v>
      </c>
      <c r="GE17" s="113">
        <v>39982466</v>
      </c>
      <c r="GF17" s="319">
        <v>44082068</v>
      </c>
      <c r="GG17" s="115">
        <v>246365</v>
      </c>
      <c r="GH17" s="114">
        <v>228297</v>
      </c>
      <c r="GI17" s="112">
        <v>474662</v>
      </c>
      <c r="GJ17" s="111">
        <v>0</v>
      </c>
      <c r="GK17" s="114">
        <v>506964</v>
      </c>
      <c r="GL17" s="114">
        <v>201514</v>
      </c>
      <c r="GM17" s="114">
        <v>316856</v>
      </c>
      <c r="GN17" s="114">
        <v>212986</v>
      </c>
      <c r="GO17" s="114">
        <v>107820</v>
      </c>
      <c r="GP17" s="113">
        <v>1346140</v>
      </c>
      <c r="GQ17" s="116">
        <v>1820802</v>
      </c>
      <c r="GR17" s="110">
        <v>789627</v>
      </c>
      <c r="GS17" s="114">
        <v>1139583</v>
      </c>
      <c r="GT17" s="113">
        <v>1929210</v>
      </c>
      <c r="GU17" s="110">
        <v>0</v>
      </c>
      <c r="GV17" s="114">
        <v>1170006</v>
      </c>
      <c r="GW17" s="114">
        <v>304128</v>
      </c>
      <c r="GX17" s="114">
        <v>521598</v>
      </c>
      <c r="GY17" s="114">
        <v>658485</v>
      </c>
      <c r="GZ17" s="114">
        <v>40095</v>
      </c>
      <c r="HA17" s="112">
        <v>2694312</v>
      </c>
      <c r="HB17" s="116">
        <v>4623522</v>
      </c>
      <c r="HC17" s="110">
        <v>2559045</v>
      </c>
      <c r="HD17" s="114">
        <v>3296622</v>
      </c>
      <c r="HE17" s="112">
        <v>5855667</v>
      </c>
      <c r="HF17" s="111">
        <v>0</v>
      </c>
      <c r="HG17" s="114">
        <v>31909447</v>
      </c>
      <c r="HH17" s="114">
        <v>25839012</v>
      </c>
      <c r="HI17" s="114">
        <v>24580911</v>
      </c>
      <c r="HJ17" s="114">
        <v>37131222</v>
      </c>
      <c r="HK17" s="114">
        <v>18694829</v>
      </c>
      <c r="HL17" s="113">
        <v>138155421</v>
      </c>
      <c r="HM17" s="109">
        <v>144011088</v>
      </c>
      <c r="HN17" s="115">
        <v>2121175</v>
      </c>
      <c r="HO17" s="114">
        <v>2282550</v>
      </c>
      <c r="HP17" s="113">
        <v>4403725</v>
      </c>
      <c r="HQ17" s="110">
        <v>0</v>
      </c>
      <c r="HR17" s="114">
        <v>27546254</v>
      </c>
      <c r="HS17" s="114">
        <v>15453353</v>
      </c>
      <c r="HT17" s="114">
        <v>12215927</v>
      </c>
      <c r="HU17" s="114">
        <v>8814068</v>
      </c>
      <c r="HV17" s="114">
        <v>5640389</v>
      </c>
      <c r="HW17" s="112">
        <v>69669991</v>
      </c>
      <c r="HX17" s="116">
        <v>74073716</v>
      </c>
      <c r="HY17" s="131">
        <v>161431</v>
      </c>
      <c r="HZ17" s="132">
        <v>1591607</v>
      </c>
      <c r="IA17" s="133">
        <v>1753038</v>
      </c>
      <c r="IB17" s="146">
        <v>0</v>
      </c>
      <c r="IC17" s="132">
        <v>55070261</v>
      </c>
      <c r="ID17" s="147">
        <v>55553014</v>
      </c>
      <c r="IE17" s="133">
        <v>42466827</v>
      </c>
      <c r="IF17" s="132">
        <v>33836295</v>
      </c>
      <c r="IG17" s="133">
        <v>17961897</v>
      </c>
      <c r="IH17" s="148">
        <v>204888294</v>
      </c>
      <c r="II17" s="139">
        <v>206641332</v>
      </c>
      <c r="IJ17" s="232">
        <v>0</v>
      </c>
      <c r="IK17" s="236">
        <v>0</v>
      </c>
      <c r="IL17" s="237">
        <v>0</v>
      </c>
      <c r="IM17" s="140"/>
      <c r="IN17" s="119">
        <v>770118</v>
      </c>
      <c r="IO17" s="119">
        <v>932649</v>
      </c>
      <c r="IP17" s="119">
        <v>651231</v>
      </c>
      <c r="IQ17" s="119">
        <v>2325447</v>
      </c>
      <c r="IR17" s="119">
        <v>1241066</v>
      </c>
      <c r="IS17" s="141">
        <v>5920511</v>
      </c>
      <c r="IT17" s="321">
        <v>5920511</v>
      </c>
      <c r="IU17" s="142">
        <v>0</v>
      </c>
      <c r="IV17" s="119">
        <v>0</v>
      </c>
      <c r="IW17" s="120">
        <v>0</v>
      </c>
      <c r="IX17" s="144"/>
      <c r="IY17" s="119">
        <v>198026</v>
      </c>
      <c r="IZ17" s="119">
        <v>197292</v>
      </c>
      <c r="JA17" s="119">
        <v>163098</v>
      </c>
      <c r="JB17" s="119">
        <v>349773</v>
      </c>
      <c r="JC17" s="119">
        <v>75718</v>
      </c>
      <c r="JD17" s="120">
        <v>983907</v>
      </c>
      <c r="JE17" s="121">
        <v>983907</v>
      </c>
      <c r="JF17" s="142">
        <v>0</v>
      </c>
      <c r="JG17" s="119">
        <v>0</v>
      </c>
      <c r="JH17" s="141">
        <v>0</v>
      </c>
      <c r="JI17" s="118">
        <v>0</v>
      </c>
      <c r="JJ17" s="119">
        <v>29342448</v>
      </c>
      <c r="JK17" s="119">
        <v>21989919</v>
      </c>
      <c r="JL17" s="119">
        <v>15520683</v>
      </c>
      <c r="JM17" s="119">
        <v>8754932</v>
      </c>
      <c r="JN17" s="119">
        <v>4427864</v>
      </c>
      <c r="JO17" s="120">
        <v>80035846</v>
      </c>
      <c r="JP17" s="321">
        <v>80035846</v>
      </c>
      <c r="JQ17" s="142">
        <v>0</v>
      </c>
      <c r="JR17" s="119">
        <v>155508</v>
      </c>
      <c r="JS17" s="141">
        <v>155508</v>
      </c>
      <c r="JT17" s="118">
        <v>0</v>
      </c>
      <c r="JU17" s="119">
        <v>1575577</v>
      </c>
      <c r="JV17" s="119">
        <v>1004163</v>
      </c>
      <c r="JW17" s="119">
        <v>963739</v>
      </c>
      <c r="JX17" s="119">
        <v>124848</v>
      </c>
      <c r="JY17" s="119">
        <v>136821</v>
      </c>
      <c r="JZ17" s="120">
        <v>3805148</v>
      </c>
      <c r="KA17" s="321">
        <v>3960656</v>
      </c>
      <c r="KB17" s="234">
        <v>161431</v>
      </c>
      <c r="KC17" s="230">
        <v>365034</v>
      </c>
      <c r="KD17" s="120">
        <v>526465</v>
      </c>
      <c r="KE17" s="118">
        <v>0</v>
      </c>
      <c r="KF17" s="119">
        <v>5431787</v>
      </c>
      <c r="KG17" s="119">
        <v>9666083</v>
      </c>
      <c r="KH17" s="119">
        <v>7367712</v>
      </c>
      <c r="KI17" s="119">
        <v>5693206</v>
      </c>
      <c r="KJ17" s="119">
        <v>2926039</v>
      </c>
      <c r="KK17" s="120">
        <v>31084827</v>
      </c>
      <c r="KL17" s="143">
        <v>31611292</v>
      </c>
      <c r="KM17" s="232">
        <v>0</v>
      </c>
      <c r="KN17" s="236">
        <v>1071065</v>
      </c>
      <c r="KO17" s="237">
        <v>1071065</v>
      </c>
      <c r="KP17" s="140"/>
      <c r="KQ17" s="119">
        <v>17060742</v>
      </c>
      <c r="KR17" s="119">
        <v>20737046</v>
      </c>
      <c r="KS17" s="119">
        <v>17021162</v>
      </c>
      <c r="KT17" s="119">
        <v>14996844</v>
      </c>
      <c r="KU17" s="119">
        <v>7657432</v>
      </c>
      <c r="KV17" s="120">
        <v>77473226</v>
      </c>
      <c r="KW17" s="321">
        <v>78544291</v>
      </c>
      <c r="KX17" s="142">
        <v>0</v>
      </c>
      <c r="KY17" s="119">
        <v>0</v>
      </c>
      <c r="KZ17" s="120">
        <v>0</v>
      </c>
      <c r="LA17" s="145"/>
      <c r="LB17" s="119">
        <v>0</v>
      </c>
      <c r="LC17" s="119">
        <v>0</v>
      </c>
      <c r="LD17" s="119">
        <v>0</v>
      </c>
      <c r="LE17" s="119">
        <v>0</v>
      </c>
      <c r="LF17" s="119">
        <v>0</v>
      </c>
      <c r="LG17" s="120">
        <v>0</v>
      </c>
      <c r="LH17" s="121">
        <v>0</v>
      </c>
      <c r="LI17" s="142">
        <v>0</v>
      </c>
      <c r="LJ17" s="119">
        <v>0</v>
      </c>
      <c r="LK17" s="120">
        <v>0</v>
      </c>
      <c r="LL17" s="145"/>
      <c r="LM17" s="119">
        <v>0</v>
      </c>
      <c r="LN17" s="119">
        <v>228960</v>
      </c>
      <c r="LO17" s="119">
        <v>224640</v>
      </c>
      <c r="LP17" s="119">
        <v>0</v>
      </c>
      <c r="LQ17" s="119">
        <v>0</v>
      </c>
      <c r="LR17" s="120">
        <v>453600</v>
      </c>
      <c r="LS17" s="321">
        <v>453600</v>
      </c>
      <c r="LT17" s="142">
        <v>0</v>
      </c>
      <c r="LU17" s="119">
        <v>0</v>
      </c>
      <c r="LV17" s="120">
        <v>0</v>
      </c>
      <c r="LW17" s="145"/>
      <c r="LX17" s="119">
        <v>691563</v>
      </c>
      <c r="LY17" s="119">
        <v>796902</v>
      </c>
      <c r="LZ17" s="119">
        <v>554562</v>
      </c>
      <c r="MA17" s="119">
        <v>1591245</v>
      </c>
      <c r="MB17" s="119">
        <v>1496957</v>
      </c>
      <c r="MC17" s="120">
        <v>5131229</v>
      </c>
      <c r="MD17" s="121">
        <v>5131229</v>
      </c>
      <c r="ME17" s="142">
        <v>0</v>
      </c>
      <c r="MF17" s="119">
        <v>0</v>
      </c>
      <c r="MG17" s="120">
        <v>0</v>
      </c>
      <c r="MH17" s="145"/>
      <c r="MI17" s="119">
        <v>22280699</v>
      </c>
      <c r="MJ17" s="119">
        <v>28286013</v>
      </c>
      <c r="MK17" s="119">
        <v>98377259</v>
      </c>
      <c r="ML17" s="119">
        <v>145602890</v>
      </c>
      <c r="MM17" s="119">
        <v>80030701</v>
      </c>
      <c r="MN17" s="120">
        <v>374577562</v>
      </c>
      <c r="MO17" s="143">
        <v>374577562</v>
      </c>
      <c r="MP17" s="142">
        <v>0</v>
      </c>
      <c r="MQ17" s="119">
        <v>0</v>
      </c>
      <c r="MR17" s="120">
        <v>0</v>
      </c>
      <c r="MS17" s="145"/>
      <c r="MT17" s="119">
        <v>401954</v>
      </c>
      <c r="MU17" s="119">
        <v>1570982</v>
      </c>
      <c r="MV17" s="119">
        <v>56054606</v>
      </c>
      <c r="MW17" s="119">
        <v>95239209</v>
      </c>
      <c r="MX17" s="119">
        <v>52327903</v>
      </c>
      <c r="MY17" s="120">
        <v>205594654</v>
      </c>
      <c r="MZ17" s="143">
        <v>205594654</v>
      </c>
      <c r="NA17" s="142">
        <v>0</v>
      </c>
      <c r="NB17" s="119">
        <v>0</v>
      </c>
      <c r="NC17" s="120">
        <v>0</v>
      </c>
      <c r="ND17" s="145"/>
      <c r="NE17" s="119">
        <v>20846267</v>
      </c>
      <c r="NF17" s="119">
        <v>25409260</v>
      </c>
      <c r="NG17" s="119">
        <v>40643400</v>
      </c>
      <c r="NH17" s="119">
        <v>47329002</v>
      </c>
      <c r="NI17" s="119">
        <v>20859615</v>
      </c>
      <c r="NJ17" s="120">
        <v>155087544</v>
      </c>
      <c r="NK17" s="321">
        <v>155087544</v>
      </c>
      <c r="NL17" s="142">
        <v>0</v>
      </c>
      <c r="NM17" s="119">
        <v>0</v>
      </c>
      <c r="NN17" s="120">
        <v>0</v>
      </c>
      <c r="NO17" s="145"/>
      <c r="NP17" s="119">
        <v>0</v>
      </c>
      <c r="NQ17" s="119">
        <v>0</v>
      </c>
      <c r="NR17" s="119">
        <v>0</v>
      </c>
      <c r="NS17" s="119">
        <v>0</v>
      </c>
      <c r="NT17" s="119">
        <v>371546</v>
      </c>
      <c r="NU17" s="120">
        <v>371546</v>
      </c>
      <c r="NV17" s="121">
        <v>371546</v>
      </c>
      <c r="NW17" s="142">
        <v>0</v>
      </c>
      <c r="NX17" s="119">
        <v>0</v>
      </c>
      <c r="NY17" s="120">
        <v>0</v>
      </c>
      <c r="NZ17" s="145"/>
      <c r="OA17" s="119">
        <v>1032478</v>
      </c>
      <c r="OB17" s="119">
        <v>1305771</v>
      </c>
      <c r="OC17" s="119">
        <v>1679253</v>
      </c>
      <c r="OD17" s="119">
        <v>3034679</v>
      </c>
      <c r="OE17" s="119">
        <v>6471637</v>
      </c>
      <c r="OF17" s="120">
        <v>13523818</v>
      </c>
      <c r="OG17" s="121">
        <v>13523818</v>
      </c>
      <c r="OH17" s="142">
        <v>10588953</v>
      </c>
      <c r="OI17" s="119">
        <v>16303789</v>
      </c>
      <c r="OJ17" s="141">
        <v>26892742</v>
      </c>
      <c r="OK17" s="118">
        <v>0</v>
      </c>
      <c r="OL17" s="119">
        <v>238659482</v>
      </c>
      <c r="OM17" s="119">
        <v>215342372</v>
      </c>
      <c r="ON17" s="119">
        <v>264870792</v>
      </c>
      <c r="OO17" s="119">
        <v>310330614</v>
      </c>
      <c r="OP17" s="119">
        <v>190956454</v>
      </c>
      <c r="OQ17" s="120">
        <v>1220159714</v>
      </c>
      <c r="OR17" s="143">
        <v>1247052456</v>
      </c>
    </row>
    <row r="18" spans="1:408" ht="18.75" customHeight="1" x14ac:dyDescent="0.2">
      <c r="A18" s="62" t="s">
        <v>12</v>
      </c>
      <c r="B18" s="110">
        <v>16569647</v>
      </c>
      <c r="C18" s="114">
        <v>28749914</v>
      </c>
      <c r="D18" s="113">
        <v>45319561</v>
      </c>
      <c r="E18" s="109">
        <v>0</v>
      </c>
      <c r="F18" s="114">
        <v>121579151</v>
      </c>
      <c r="G18" s="170">
        <v>134688131</v>
      </c>
      <c r="H18" s="170">
        <v>133104539</v>
      </c>
      <c r="I18" s="170">
        <v>140611842</v>
      </c>
      <c r="J18" s="170">
        <v>99296709</v>
      </c>
      <c r="K18" s="112">
        <v>629280372</v>
      </c>
      <c r="L18" s="116">
        <v>674599933</v>
      </c>
      <c r="M18" s="110">
        <v>3371410</v>
      </c>
      <c r="N18" s="114">
        <v>7444009</v>
      </c>
      <c r="O18" s="113">
        <v>10815419</v>
      </c>
      <c r="P18" s="110">
        <v>0</v>
      </c>
      <c r="Q18" s="114">
        <v>34205980</v>
      </c>
      <c r="R18" s="114">
        <v>42186582</v>
      </c>
      <c r="S18" s="114">
        <v>41386914</v>
      </c>
      <c r="T18" s="114">
        <v>54184336</v>
      </c>
      <c r="U18" s="114">
        <v>49455195</v>
      </c>
      <c r="V18" s="113">
        <v>221419007</v>
      </c>
      <c r="W18" s="116">
        <v>232234426</v>
      </c>
      <c r="X18" s="110">
        <v>0</v>
      </c>
      <c r="Y18" s="114">
        <v>0</v>
      </c>
      <c r="Z18" s="113">
        <v>0</v>
      </c>
      <c r="AA18" s="110">
        <v>0</v>
      </c>
      <c r="AB18" s="114">
        <v>19899083</v>
      </c>
      <c r="AC18" s="114">
        <v>23779423</v>
      </c>
      <c r="AD18" s="114">
        <v>27310833</v>
      </c>
      <c r="AE18" s="114">
        <v>36065384</v>
      </c>
      <c r="AF18" s="114">
        <v>31557303</v>
      </c>
      <c r="AG18" s="113">
        <v>138612026</v>
      </c>
      <c r="AH18" s="116">
        <v>138612026</v>
      </c>
      <c r="AI18" s="110">
        <v>0</v>
      </c>
      <c r="AJ18" s="114">
        <v>156869</v>
      </c>
      <c r="AK18" s="113">
        <v>156869</v>
      </c>
      <c r="AL18" s="110">
        <v>0</v>
      </c>
      <c r="AM18" s="114">
        <v>111390</v>
      </c>
      <c r="AN18" s="114">
        <v>1527598</v>
      </c>
      <c r="AO18" s="114">
        <v>1294478</v>
      </c>
      <c r="AP18" s="114">
        <v>3142132</v>
      </c>
      <c r="AQ18" s="114">
        <v>5152954</v>
      </c>
      <c r="AR18" s="113">
        <v>11228552</v>
      </c>
      <c r="AS18" s="116">
        <v>11385421</v>
      </c>
      <c r="AT18" s="110">
        <v>2402499</v>
      </c>
      <c r="AU18" s="114">
        <v>5530706</v>
      </c>
      <c r="AV18" s="113">
        <v>7933205</v>
      </c>
      <c r="AW18" s="110">
        <v>0</v>
      </c>
      <c r="AX18" s="114">
        <v>9558086</v>
      </c>
      <c r="AY18" s="114">
        <v>11344136</v>
      </c>
      <c r="AZ18" s="114">
        <v>7865381</v>
      </c>
      <c r="BA18" s="114">
        <v>9086481</v>
      </c>
      <c r="BB18" s="114">
        <v>8564465</v>
      </c>
      <c r="BC18" s="113">
        <v>46418549</v>
      </c>
      <c r="BD18" s="116">
        <v>54351754</v>
      </c>
      <c r="BE18" s="110">
        <v>92013</v>
      </c>
      <c r="BF18" s="114">
        <v>695015</v>
      </c>
      <c r="BG18" s="112">
        <v>787028</v>
      </c>
      <c r="BH18" s="111">
        <v>0</v>
      </c>
      <c r="BI18" s="114">
        <v>586826</v>
      </c>
      <c r="BJ18" s="114">
        <v>1430777</v>
      </c>
      <c r="BK18" s="114">
        <v>855694</v>
      </c>
      <c r="BL18" s="114">
        <v>809628</v>
      </c>
      <c r="BM18" s="114">
        <v>636015</v>
      </c>
      <c r="BN18" s="113">
        <v>4318940</v>
      </c>
      <c r="BO18" s="116">
        <v>5105968</v>
      </c>
      <c r="BP18" s="110">
        <v>876898</v>
      </c>
      <c r="BQ18" s="114">
        <v>1061419</v>
      </c>
      <c r="BR18" s="113">
        <v>1938317</v>
      </c>
      <c r="BS18" s="110">
        <v>0</v>
      </c>
      <c r="BT18" s="114">
        <v>4050595</v>
      </c>
      <c r="BU18" s="114">
        <v>4104648</v>
      </c>
      <c r="BV18" s="114">
        <v>4060528</v>
      </c>
      <c r="BW18" s="114">
        <v>5080711</v>
      </c>
      <c r="BX18" s="114">
        <v>3544458</v>
      </c>
      <c r="BY18" s="113">
        <v>20840940</v>
      </c>
      <c r="BZ18" s="116">
        <v>22779257</v>
      </c>
      <c r="CA18" s="110">
        <v>3010401</v>
      </c>
      <c r="CB18" s="114">
        <v>5215695</v>
      </c>
      <c r="CC18" s="113">
        <v>8226096</v>
      </c>
      <c r="CD18" s="110">
        <v>0</v>
      </c>
      <c r="CE18" s="114">
        <v>39213840</v>
      </c>
      <c r="CF18" s="114">
        <v>38465481</v>
      </c>
      <c r="CG18" s="114">
        <v>35366125</v>
      </c>
      <c r="CH18" s="114">
        <v>26747350</v>
      </c>
      <c r="CI18" s="114">
        <v>13344164</v>
      </c>
      <c r="CJ18" s="113">
        <v>153136960</v>
      </c>
      <c r="CK18" s="116">
        <v>161363056</v>
      </c>
      <c r="CL18" s="110">
        <v>0</v>
      </c>
      <c r="CM18" s="114">
        <v>0</v>
      </c>
      <c r="CN18" s="113">
        <v>0</v>
      </c>
      <c r="CO18" s="111">
        <v>0</v>
      </c>
      <c r="CP18" s="114">
        <v>33593318</v>
      </c>
      <c r="CQ18" s="114">
        <v>28549591</v>
      </c>
      <c r="CR18" s="114">
        <v>25883397</v>
      </c>
      <c r="CS18" s="114">
        <v>19471480</v>
      </c>
      <c r="CT18" s="114">
        <v>9395482</v>
      </c>
      <c r="CU18" s="113">
        <v>116893268</v>
      </c>
      <c r="CV18" s="116">
        <v>116893268</v>
      </c>
      <c r="CW18" s="110">
        <v>3010401</v>
      </c>
      <c r="CX18" s="114">
        <v>5215695</v>
      </c>
      <c r="CY18" s="113">
        <v>8226096</v>
      </c>
      <c r="CZ18" s="110">
        <v>0</v>
      </c>
      <c r="DA18" s="114">
        <v>5620522</v>
      </c>
      <c r="DB18" s="114">
        <v>9915890</v>
      </c>
      <c r="DC18" s="114">
        <v>9482728</v>
      </c>
      <c r="DD18" s="114">
        <v>7275870</v>
      </c>
      <c r="DE18" s="114">
        <v>3948682</v>
      </c>
      <c r="DF18" s="113">
        <v>36243692</v>
      </c>
      <c r="DG18" s="116">
        <v>44469788</v>
      </c>
      <c r="DH18" s="110">
        <v>152180</v>
      </c>
      <c r="DI18" s="114">
        <v>187969</v>
      </c>
      <c r="DJ18" s="112">
        <v>340149</v>
      </c>
      <c r="DK18" s="111">
        <v>0</v>
      </c>
      <c r="DL18" s="114">
        <v>4407189</v>
      </c>
      <c r="DM18" s="114">
        <v>5755212</v>
      </c>
      <c r="DN18" s="114">
        <v>13826215</v>
      </c>
      <c r="DO18" s="114">
        <v>10743223</v>
      </c>
      <c r="DP18" s="114">
        <v>6089755</v>
      </c>
      <c r="DQ18" s="113">
        <v>40821594</v>
      </c>
      <c r="DR18" s="116">
        <v>41161743</v>
      </c>
      <c r="DS18" s="110">
        <v>152180</v>
      </c>
      <c r="DT18" s="114">
        <v>187969</v>
      </c>
      <c r="DU18" s="113">
        <v>340149</v>
      </c>
      <c r="DV18" s="110">
        <v>0</v>
      </c>
      <c r="DW18" s="114">
        <v>4299202</v>
      </c>
      <c r="DX18" s="114">
        <v>5569453</v>
      </c>
      <c r="DY18" s="114">
        <v>13538097</v>
      </c>
      <c r="DZ18" s="114">
        <v>10382890</v>
      </c>
      <c r="EA18" s="114">
        <v>5948506</v>
      </c>
      <c r="EB18" s="113">
        <v>39738148</v>
      </c>
      <c r="EC18" s="116">
        <v>40078297</v>
      </c>
      <c r="ED18" s="110">
        <v>0</v>
      </c>
      <c r="EE18" s="112">
        <v>0</v>
      </c>
      <c r="EF18" s="113">
        <v>0</v>
      </c>
      <c r="EG18" s="110">
        <v>0</v>
      </c>
      <c r="EH18" s="114">
        <v>107987</v>
      </c>
      <c r="EI18" s="114">
        <v>185759</v>
      </c>
      <c r="EJ18" s="114">
        <v>288118</v>
      </c>
      <c r="EK18" s="114">
        <v>360333</v>
      </c>
      <c r="EL18" s="114">
        <v>141249</v>
      </c>
      <c r="EM18" s="112">
        <v>1083446</v>
      </c>
      <c r="EN18" s="116">
        <v>1083446</v>
      </c>
      <c r="EO18" s="110">
        <v>0</v>
      </c>
      <c r="EP18" s="114">
        <v>0</v>
      </c>
      <c r="EQ18" s="112">
        <v>0</v>
      </c>
      <c r="ER18" s="111">
        <v>0</v>
      </c>
      <c r="ES18" s="114">
        <v>0</v>
      </c>
      <c r="ET18" s="114">
        <v>0</v>
      </c>
      <c r="EU18" s="114">
        <v>0</v>
      </c>
      <c r="EV18" s="114">
        <v>0</v>
      </c>
      <c r="EW18" s="114">
        <v>0</v>
      </c>
      <c r="EX18" s="113">
        <v>0</v>
      </c>
      <c r="EY18" s="116">
        <v>0</v>
      </c>
      <c r="EZ18" s="110">
        <v>0</v>
      </c>
      <c r="FA18" s="114">
        <v>0</v>
      </c>
      <c r="FB18" s="112">
        <v>0</v>
      </c>
      <c r="FC18" s="348"/>
      <c r="FD18" s="114">
        <v>0</v>
      </c>
      <c r="FE18" s="114">
        <v>0</v>
      </c>
      <c r="FF18" s="114">
        <v>0</v>
      </c>
      <c r="FG18" s="114">
        <v>0</v>
      </c>
      <c r="FH18" s="114">
        <v>0</v>
      </c>
      <c r="FI18" s="113">
        <v>0</v>
      </c>
      <c r="FJ18" s="116">
        <v>0</v>
      </c>
      <c r="FK18" s="110">
        <v>4257166</v>
      </c>
      <c r="FL18" s="114">
        <v>6593955</v>
      </c>
      <c r="FM18" s="113">
        <v>10851121</v>
      </c>
      <c r="FN18" s="110">
        <v>0</v>
      </c>
      <c r="FO18" s="114">
        <v>4510578</v>
      </c>
      <c r="FP18" s="114">
        <v>12770373</v>
      </c>
      <c r="FQ18" s="114">
        <v>11152662</v>
      </c>
      <c r="FR18" s="114">
        <v>11668056</v>
      </c>
      <c r="FS18" s="114">
        <v>7442702</v>
      </c>
      <c r="FT18" s="113">
        <v>47544371</v>
      </c>
      <c r="FU18" s="116">
        <v>58395492</v>
      </c>
      <c r="FV18" s="115">
        <v>2428804</v>
      </c>
      <c r="FW18" s="114">
        <v>4904152</v>
      </c>
      <c r="FX18" s="112">
        <v>7332956</v>
      </c>
      <c r="FY18" s="111">
        <v>0</v>
      </c>
      <c r="FZ18" s="114">
        <v>3419022</v>
      </c>
      <c r="GA18" s="114">
        <v>11739733</v>
      </c>
      <c r="GB18" s="114">
        <v>10574487</v>
      </c>
      <c r="GC18" s="114">
        <v>11213907</v>
      </c>
      <c r="GD18" s="114">
        <v>7280396</v>
      </c>
      <c r="GE18" s="113">
        <v>44227545</v>
      </c>
      <c r="GF18" s="319">
        <v>51560501</v>
      </c>
      <c r="GG18" s="115">
        <v>236760</v>
      </c>
      <c r="GH18" s="114">
        <v>385328</v>
      </c>
      <c r="GI18" s="112">
        <v>622088</v>
      </c>
      <c r="GJ18" s="111">
        <v>0</v>
      </c>
      <c r="GK18" s="114">
        <v>255547</v>
      </c>
      <c r="GL18" s="114">
        <v>456759</v>
      </c>
      <c r="GM18" s="114">
        <v>255075</v>
      </c>
      <c r="GN18" s="114">
        <v>282730</v>
      </c>
      <c r="GO18" s="114">
        <v>110736</v>
      </c>
      <c r="GP18" s="113">
        <v>1360847</v>
      </c>
      <c r="GQ18" s="116">
        <v>1982935</v>
      </c>
      <c r="GR18" s="110">
        <v>1591602</v>
      </c>
      <c r="GS18" s="114">
        <v>1304475</v>
      </c>
      <c r="GT18" s="113">
        <v>2896077</v>
      </c>
      <c r="GU18" s="110">
        <v>0</v>
      </c>
      <c r="GV18" s="114">
        <v>836009</v>
      </c>
      <c r="GW18" s="114">
        <v>573881</v>
      </c>
      <c r="GX18" s="114">
        <v>323100</v>
      </c>
      <c r="GY18" s="114">
        <v>171419</v>
      </c>
      <c r="GZ18" s="114">
        <v>51570</v>
      </c>
      <c r="HA18" s="112">
        <v>1955979</v>
      </c>
      <c r="HB18" s="116">
        <v>4852056</v>
      </c>
      <c r="HC18" s="110">
        <v>2447772</v>
      </c>
      <c r="HD18" s="114">
        <v>4700750</v>
      </c>
      <c r="HE18" s="112">
        <v>7148522</v>
      </c>
      <c r="HF18" s="111">
        <v>0</v>
      </c>
      <c r="HG18" s="114">
        <v>19115775</v>
      </c>
      <c r="HH18" s="114">
        <v>19282669</v>
      </c>
      <c r="HI18" s="114">
        <v>17317566</v>
      </c>
      <c r="HJ18" s="114">
        <v>26752358</v>
      </c>
      <c r="HK18" s="114">
        <v>16950738</v>
      </c>
      <c r="HL18" s="113">
        <v>99419106</v>
      </c>
      <c r="HM18" s="109">
        <v>106567628</v>
      </c>
      <c r="HN18" s="115">
        <v>3330718</v>
      </c>
      <c r="HO18" s="114">
        <v>4607536</v>
      </c>
      <c r="HP18" s="113">
        <v>7938254</v>
      </c>
      <c r="HQ18" s="110">
        <v>0</v>
      </c>
      <c r="HR18" s="114">
        <v>20125789</v>
      </c>
      <c r="HS18" s="114">
        <v>16227814</v>
      </c>
      <c r="HT18" s="114">
        <v>14055057</v>
      </c>
      <c r="HU18" s="114">
        <v>10516519</v>
      </c>
      <c r="HV18" s="114">
        <v>6014155</v>
      </c>
      <c r="HW18" s="112">
        <v>66939334</v>
      </c>
      <c r="HX18" s="116">
        <v>74877588</v>
      </c>
      <c r="HY18" s="150">
        <v>25025</v>
      </c>
      <c r="HZ18" s="135">
        <v>0</v>
      </c>
      <c r="IA18" s="150">
        <v>25025</v>
      </c>
      <c r="IB18" s="134">
        <v>0</v>
      </c>
      <c r="IC18" s="135">
        <v>39243767</v>
      </c>
      <c r="ID18" s="136">
        <v>35812767</v>
      </c>
      <c r="IE18" s="137">
        <v>49813106</v>
      </c>
      <c r="IF18" s="135">
        <v>40150976</v>
      </c>
      <c r="IG18" s="137">
        <v>31908136</v>
      </c>
      <c r="IH18" s="138">
        <v>196928752</v>
      </c>
      <c r="II18" s="150">
        <v>196953777</v>
      </c>
      <c r="IJ18" s="232">
        <v>0</v>
      </c>
      <c r="IK18" s="236">
        <v>0</v>
      </c>
      <c r="IL18" s="237">
        <v>0</v>
      </c>
      <c r="IM18" s="140"/>
      <c r="IN18" s="119">
        <v>994971</v>
      </c>
      <c r="IO18" s="119">
        <v>510966</v>
      </c>
      <c r="IP18" s="119">
        <v>588796</v>
      </c>
      <c r="IQ18" s="119">
        <v>1256412</v>
      </c>
      <c r="IR18" s="119">
        <v>274117</v>
      </c>
      <c r="IS18" s="141">
        <v>3625262</v>
      </c>
      <c r="IT18" s="321">
        <v>3625262</v>
      </c>
      <c r="IU18" s="142">
        <v>0</v>
      </c>
      <c r="IV18" s="119">
        <v>0</v>
      </c>
      <c r="IW18" s="120">
        <v>0</v>
      </c>
      <c r="IX18" s="144"/>
      <c r="IY18" s="119">
        <v>0</v>
      </c>
      <c r="IZ18" s="119">
        <v>0</v>
      </c>
      <c r="JA18" s="119">
        <v>0</v>
      </c>
      <c r="JB18" s="119">
        <v>0</v>
      </c>
      <c r="JC18" s="119">
        <v>0</v>
      </c>
      <c r="JD18" s="120">
        <v>0</v>
      </c>
      <c r="JE18" s="121">
        <v>0</v>
      </c>
      <c r="JF18" s="142">
        <v>0</v>
      </c>
      <c r="JG18" s="119">
        <v>0</v>
      </c>
      <c r="JH18" s="141">
        <v>0</v>
      </c>
      <c r="JI18" s="118">
        <v>0</v>
      </c>
      <c r="JJ18" s="119">
        <v>21541186</v>
      </c>
      <c r="JK18" s="119">
        <v>15443511</v>
      </c>
      <c r="JL18" s="119">
        <v>13642979</v>
      </c>
      <c r="JM18" s="119">
        <v>5645801</v>
      </c>
      <c r="JN18" s="119">
        <v>5038815</v>
      </c>
      <c r="JO18" s="120">
        <v>61312292</v>
      </c>
      <c r="JP18" s="321">
        <v>61312292</v>
      </c>
      <c r="JQ18" s="142">
        <v>0</v>
      </c>
      <c r="JR18" s="119">
        <v>0</v>
      </c>
      <c r="JS18" s="141">
        <v>0</v>
      </c>
      <c r="JT18" s="118">
        <v>0</v>
      </c>
      <c r="JU18" s="119">
        <v>323973</v>
      </c>
      <c r="JV18" s="119">
        <v>475406</v>
      </c>
      <c r="JW18" s="119">
        <v>0</v>
      </c>
      <c r="JX18" s="119">
        <v>0</v>
      </c>
      <c r="JY18" s="119">
        <v>222256</v>
      </c>
      <c r="JZ18" s="120">
        <v>1021635</v>
      </c>
      <c r="KA18" s="321">
        <v>1021635</v>
      </c>
      <c r="KB18" s="234">
        <v>25025</v>
      </c>
      <c r="KC18" s="230">
        <v>0</v>
      </c>
      <c r="KD18" s="120">
        <v>25025</v>
      </c>
      <c r="KE18" s="118">
        <v>0</v>
      </c>
      <c r="KF18" s="119">
        <v>3077142</v>
      </c>
      <c r="KG18" s="119">
        <v>5734089</v>
      </c>
      <c r="KH18" s="119">
        <v>12837730</v>
      </c>
      <c r="KI18" s="119">
        <v>11952453</v>
      </c>
      <c r="KJ18" s="119">
        <v>9398848</v>
      </c>
      <c r="KK18" s="120">
        <v>43000262</v>
      </c>
      <c r="KL18" s="143">
        <v>43025287</v>
      </c>
      <c r="KM18" s="232">
        <v>0</v>
      </c>
      <c r="KN18" s="236">
        <v>0</v>
      </c>
      <c r="KO18" s="237">
        <v>0</v>
      </c>
      <c r="KP18" s="140"/>
      <c r="KQ18" s="119">
        <v>11050973</v>
      </c>
      <c r="KR18" s="119">
        <v>10727989</v>
      </c>
      <c r="KS18" s="119">
        <v>13598174</v>
      </c>
      <c r="KT18" s="119">
        <v>9172593</v>
      </c>
      <c r="KU18" s="119">
        <v>9333810</v>
      </c>
      <c r="KV18" s="120">
        <v>53883539</v>
      </c>
      <c r="KW18" s="321">
        <v>53883539</v>
      </c>
      <c r="KX18" s="142">
        <v>0</v>
      </c>
      <c r="KY18" s="119">
        <v>0</v>
      </c>
      <c r="KZ18" s="120">
        <v>0</v>
      </c>
      <c r="LA18" s="145"/>
      <c r="LB18" s="119">
        <v>180716</v>
      </c>
      <c r="LC18" s="119">
        <v>1292906</v>
      </c>
      <c r="LD18" s="119">
        <v>448842</v>
      </c>
      <c r="LE18" s="119">
        <v>2469197</v>
      </c>
      <c r="LF18" s="119">
        <v>801471</v>
      </c>
      <c r="LG18" s="120">
        <v>5193132</v>
      </c>
      <c r="LH18" s="121">
        <v>5193132</v>
      </c>
      <c r="LI18" s="142">
        <v>0</v>
      </c>
      <c r="LJ18" s="119">
        <v>0</v>
      </c>
      <c r="LK18" s="120">
        <v>0</v>
      </c>
      <c r="LL18" s="145"/>
      <c r="LM18" s="119">
        <v>234306</v>
      </c>
      <c r="LN18" s="119">
        <v>0</v>
      </c>
      <c r="LO18" s="119">
        <v>3793846</v>
      </c>
      <c r="LP18" s="119">
        <v>2681615</v>
      </c>
      <c r="LQ18" s="119">
        <v>1517796</v>
      </c>
      <c r="LR18" s="120">
        <v>8227563</v>
      </c>
      <c r="LS18" s="321">
        <v>8227563</v>
      </c>
      <c r="LT18" s="142">
        <v>0</v>
      </c>
      <c r="LU18" s="119">
        <v>0</v>
      </c>
      <c r="LV18" s="120">
        <v>0</v>
      </c>
      <c r="LW18" s="145"/>
      <c r="LX18" s="119">
        <v>1840500</v>
      </c>
      <c r="LY18" s="119">
        <v>1627900</v>
      </c>
      <c r="LZ18" s="119">
        <v>4902739</v>
      </c>
      <c r="MA18" s="119">
        <v>6972905</v>
      </c>
      <c r="MB18" s="119">
        <v>5321023</v>
      </c>
      <c r="MC18" s="120">
        <v>20665067</v>
      </c>
      <c r="MD18" s="121">
        <v>20665067</v>
      </c>
      <c r="ME18" s="142">
        <v>0</v>
      </c>
      <c r="MF18" s="119">
        <v>0</v>
      </c>
      <c r="MG18" s="120">
        <v>0</v>
      </c>
      <c r="MH18" s="145"/>
      <c r="MI18" s="119">
        <v>12543760</v>
      </c>
      <c r="MJ18" s="119">
        <v>26569152</v>
      </c>
      <c r="MK18" s="119">
        <v>92633854</v>
      </c>
      <c r="ML18" s="119">
        <v>140259045</v>
      </c>
      <c r="MM18" s="119">
        <v>93134690</v>
      </c>
      <c r="MN18" s="120">
        <v>365140501</v>
      </c>
      <c r="MO18" s="143">
        <v>365140501</v>
      </c>
      <c r="MP18" s="142">
        <v>0</v>
      </c>
      <c r="MQ18" s="119">
        <v>0</v>
      </c>
      <c r="MR18" s="120">
        <v>0</v>
      </c>
      <c r="MS18" s="145"/>
      <c r="MT18" s="119">
        <v>407533</v>
      </c>
      <c r="MU18" s="119">
        <v>4896380</v>
      </c>
      <c r="MV18" s="119">
        <v>45979263</v>
      </c>
      <c r="MW18" s="119">
        <v>81965240</v>
      </c>
      <c r="MX18" s="119">
        <v>67049455</v>
      </c>
      <c r="MY18" s="120">
        <v>200297871</v>
      </c>
      <c r="MZ18" s="143">
        <v>200297871</v>
      </c>
      <c r="NA18" s="142">
        <v>0</v>
      </c>
      <c r="NB18" s="119">
        <v>0</v>
      </c>
      <c r="NC18" s="120">
        <v>0</v>
      </c>
      <c r="ND18" s="145"/>
      <c r="NE18" s="119">
        <v>12136227</v>
      </c>
      <c r="NF18" s="119">
        <v>21370721</v>
      </c>
      <c r="NG18" s="119">
        <v>45549319</v>
      </c>
      <c r="NH18" s="119">
        <v>54407690</v>
      </c>
      <c r="NI18" s="119">
        <v>21229753</v>
      </c>
      <c r="NJ18" s="120">
        <v>154693710</v>
      </c>
      <c r="NK18" s="321">
        <v>154693710</v>
      </c>
      <c r="NL18" s="142">
        <v>0</v>
      </c>
      <c r="NM18" s="119">
        <v>0</v>
      </c>
      <c r="NN18" s="120">
        <v>0</v>
      </c>
      <c r="NO18" s="145"/>
      <c r="NP18" s="119">
        <v>0</v>
      </c>
      <c r="NQ18" s="119">
        <v>0</v>
      </c>
      <c r="NR18" s="119">
        <v>0</v>
      </c>
      <c r="NS18" s="119">
        <v>3066930</v>
      </c>
      <c r="NT18" s="119">
        <v>2802284</v>
      </c>
      <c r="NU18" s="120">
        <v>5869214</v>
      </c>
      <c r="NV18" s="121">
        <v>5869214</v>
      </c>
      <c r="NW18" s="142">
        <v>0</v>
      </c>
      <c r="NX18" s="119">
        <v>0</v>
      </c>
      <c r="NY18" s="120">
        <v>0</v>
      </c>
      <c r="NZ18" s="145"/>
      <c r="OA18" s="119">
        <v>0</v>
      </c>
      <c r="OB18" s="119">
        <v>302051</v>
      </c>
      <c r="OC18" s="119">
        <v>1105272</v>
      </c>
      <c r="OD18" s="119">
        <v>819185</v>
      </c>
      <c r="OE18" s="119">
        <v>2053198</v>
      </c>
      <c r="OF18" s="120">
        <v>4279706</v>
      </c>
      <c r="OG18" s="121">
        <v>4279706</v>
      </c>
      <c r="OH18" s="142">
        <v>16594672</v>
      </c>
      <c r="OI18" s="119">
        <v>28749914</v>
      </c>
      <c r="OJ18" s="141">
        <v>45344586</v>
      </c>
      <c r="OK18" s="118">
        <v>0</v>
      </c>
      <c r="OL18" s="119">
        <v>173366678</v>
      </c>
      <c r="OM18" s="119">
        <v>197070050</v>
      </c>
      <c r="ON18" s="119">
        <v>275551499</v>
      </c>
      <c r="OO18" s="119">
        <v>321021863</v>
      </c>
      <c r="OP18" s="119">
        <v>224339535</v>
      </c>
      <c r="OQ18" s="120">
        <v>1191349625</v>
      </c>
      <c r="OR18" s="143">
        <v>1236694211</v>
      </c>
    </row>
    <row r="19" spans="1:408" ht="18.75" customHeight="1" x14ac:dyDescent="0.2">
      <c r="A19" s="62" t="s">
        <v>13</v>
      </c>
      <c r="B19" s="110">
        <v>3431553</v>
      </c>
      <c r="C19" s="114">
        <v>6769809</v>
      </c>
      <c r="D19" s="113">
        <v>10201362</v>
      </c>
      <c r="E19" s="110">
        <v>0</v>
      </c>
      <c r="F19" s="170">
        <v>48333712</v>
      </c>
      <c r="G19" s="114">
        <v>60485843</v>
      </c>
      <c r="H19" s="114">
        <v>57207806</v>
      </c>
      <c r="I19" s="114">
        <v>57701985</v>
      </c>
      <c r="J19" s="114">
        <v>50242311</v>
      </c>
      <c r="K19" s="112">
        <v>273971657</v>
      </c>
      <c r="L19" s="116">
        <v>284173019</v>
      </c>
      <c r="M19" s="110">
        <v>691633</v>
      </c>
      <c r="N19" s="114">
        <v>1283757</v>
      </c>
      <c r="O19" s="113">
        <v>1975390</v>
      </c>
      <c r="P19" s="110">
        <v>0</v>
      </c>
      <c r="Q19" s="114">
        <v>13472435</v>
      </c>
      <c r="R19" s="114">
        <v>19689028</v>
      </c>
      <c r="S19" s="114">
        <v>18927533</v>
      </c>
      <c r="T19" s="114">
        <v>19794619</v>
      </c>
      <c r="U19" s="114">
        <v>25778894</v>
      </c>
      <c r="V19" s="113">
        <v>97662509</v>
      </c>
      <c r="W19" s="116">
        <v>99637899</v>
      </c>
      <c r="X19" s="110">
        <v>0</v>
      </c>
      <c r="Y19" s="114">
        <v>0</v>
      </c>
      <c r="Z19" s="113">
        <v>0</v>
      </c>
      <c r="AA19" s="110">
        <v>0</v>
      </c>
      <c r="AB19" s="114">
        <v>6305196</v>
      </c>
      <c r="AC19" s="114">
        <v>10630313</v>
      </c>
      <c r="AD19" s="114">
        <v>11320908</v>
      </c>
      <c r="AE19" s="114">
        <v>12274760</v>
      </c>
      <c r="AF19" s="114">
        <v>17004545</v>
      </c>
      <c r="AG19" s="113">
        <v>57535722</v>
      </c>
      <c r="AH19" s="116">
        <v>57535722</v>
      </c>
      <c r="AI19" s="110">
        <v>18189</v>
      </c>
      <c r="AJ19" s="114">
        <v>0</v>
      </c>
      <c r="AK19" s="113">
        <v>18189</v>
      </c>
      <c r="AL19" s="110">
        <v>0</v>
      </c>
      <c r="AM19" s="114">
        <v>0</v>
      </c>
      <c r="AN19" s="114">
        <v>183467</v>
      </c>
      <c r="AO19" s="114">
        <v>292446</v>
      </c>
      <c r="AP19" s="114">
        <v>999245</v>
      </c>
      <c r="AQ19" s="114">
        <v>2336102</v>
      </c>
      <c r="AR19" s="113">
        <v>3811260</v>
      </c>
      <c r="AS19" s="116">
        <v>3829449</v>
      </c>
      <c r="AT19" s="110">
        <v>215094</v>
      </c>
      <c r="AU19" s="114">
        <v>654133</v>
      </c>
      <c r="AV19" s="113">
        <v>869227</v>
      </c>
      <c r="AW19" s="110">
        <v>0</v>
      </c>
      <c r="AX19" s="114">
        <v>3862073</v>
      </c>
      <c r="AY19" s="114">
        <v>5821605</v>
      </c>
      <c r="AZ19" s="114">
        <v>4214177</v>
      </c>
      <c r="BA19" s="114">
        <v>3895056</v>
      </c>
      <c r="BB19" s="114">
        <v>4164896</v>
      </c>
      <c r="BC19" s="113">
        <v>21957807</v>
      </c>
      <c r="BD19" s="116">
        <v>22827034</v>
      </c>
      <c r="BE19" s="110">
        <v>65791</v>
      </c>
      <c r="BF19" s="114">
        <v>168228</v>
      </c>
      <c r="BG19" s="112">
        <v>234019</v>
      </c>
      <c r="BH19" s="111">
        <v>0</v>
      </c>
      <c r="BI19" s="114">
        <v>712048</v>
      </c>
      <c r="BJ19" s="114">
        <v>764637</v>
      </c>
      <c r="BK19" s="114">
        <v>564390</v>
      </c>
      <c r="BL19" s="114">
        <v>313654</v>
      </c>
      <c r="BM19" s="114">
        <v>138091</v>
      </c>
      <c r="BN19" s="113">
        <v>2492820</v>
      </c>
      <c r="BO19" s="116">
        <v>2726839</v>
      </c>
      <c r="BP19" s="110">
        <v>392559</v>
      </c>
      <c r="BQ19" s="114">
        <v>461396</v>
      </c>
      <c r="BR19" s="113">
        <v>853955</v>
      </c>
      <c r="BS19" s="110">
        <v>0</v>
      </c>
      <c r="BT19" s="114">
        <v>2593118</v>
      </c>
      <c r="BU19" s="114">
        <v>2289006</v>
      </c>
      <c r="BV19" s="114">
        <v>2535612</v>
      </c>
      <c r="BW19" s="114">
        <v>2311904</v>
      </c>
      <c r="BX19" s="114">
        <v>2135260</v>
      </c>
      <c r="BY19" s="113">
        <v>11864900</v>
      </c>
      <c r="BZ19" s="116">
        <v>12718855</v>
      </c>
      <c r="CA19" s="110">
        <v>229747</v>
      </c>
      <c r="CB19" s="114">
        <v>1051857</v>
      </c>
      <c r="CC19" s="113">
        <v>1281604</v>
      </c>
      <c r="CD19" s="110">
        <v>0</v>
      </c>
      <c r="CE19" s="114">
        <v>9865286</v>
      </c>
      <c r="CF19" s="114">
        <v>14089412</v>
      </c>
      <c r="CG19" s="114">
        <v>10612397</v>
      </c>
      <c r="CH19" s="114">
        <v>8584096</v>
      </c>
      <c r="CI19" s="114">
        <v>4066079</v>
      </c>
      <c r="CJ19" s="113">
        <v>47217270</v>
      </c>
      <c r="CK19" s="116">
        <v>48498874</v>
      </c>
      <c r="CL19" s="110">
        <v>0</v>
      </c>
      <c r="CM19" s="114">
        <v>0</v>
      </c>
      <c r="CN19" s="113">
        <v>0</v>
      </c>
      <c r="CO19" s="111">
        <v>0</v>
      </c>
      <c r="CP19" s="114">
        <v>9008957</v>
      </c>
      <c r="CQ19" s="114">
        <v>12202350</v>
      </c>
      <c r="CR19" s="114">
        <v>9243923</v>
      </c>
      <c r="CS19" s="114">
        <v>6419336</v>
      </c>
      <c r="CT19" s="114">
        <v>2930134</v>
      </c>
      <c r="CU19" s="113">
        <v>39804700</v>
      </c>
      <c r="CV19" s="116">
        <v>39804700</v>
      </c>
      <c r="CW19" s="110">
        <v>229747</v>
      </c>
      <c r="CX19" s="114">
        <v>1051857</v>
      </c>
      <c r="CY19" s="113">
        <v>1281604</v>
      </c>
      <c r="CZ19" s="110">
        <v>0</v>
      </c>
      <c r="DA19" s="114">
        <v>856329</v>
      </c>
      <c r="DB19" s="114">
        <v>1887062</v>
      </c>
      <c r="DC19" s="114">
        <v>1368474</v>
      </c>
      <c r="DD19" s="114">
        <v>2164760</v>
      </c>
      <c r="DE19" s="114">
        <v>1135945</v>
      </c>
      <c r="DF19" s="113">
        <v>7412570</v>
      </c>
      <c r="DG19" s="116">
        <v>8694174</v>
      </c>
      <c r="DH19" s="110">
        <v>0</v>
      </c>
      <c r="DI19" s="114">
        <v>0</v>
      </c>
      <c r="DJ19" s="112">
        <v>0</v>
      </c>
      <c r="DK19" s="111">
        <v>0</v>
      </c>
      <c r="DL19" s="114">
        <v>765015</v>
      </c>
      <c r="DM19" s="114">
        <v>1789180</v>
      </c>
      <c r="DN19" s="114">
        <v>4903126</v>
      </c>
      <c r="DO19" s="114">
        <v>6688455</v>
      </c>
      <c r="DP19" s="114">
        <v>4459973</v>
      </c>
      <c r="DQ19" s="113">
        <v>18605749</v>
      </c>
      <c r="DR19" s="116">
        <v>18605749</v>
      </c>
      <c r="DS19" s="110">
        <v>0</v>
      </c>
      <c r="DT19" s="114">
        <v>0</v>
      </c>
      <c r="DU19" s="113">
        <v>0</v>
      </c>
      <c r="DV19" s="110">
        <v>0</v>
      </c>
      <c r="DW19" s="114">
        <v>731220</v>
      </c>
      <c r="DX19" s="114">
        <v>1686816</v>
      </c>
      <c r="DY19" s="114">
        <v>4903126</v>
      </c>
      <c r="DZ19" s="114">
        <v>6323503</v>
      </c>
      <c r="EA19" s="114">
        <v>4459973</v>
      </c>
      <c r="EB19" s="113">
        <v>18104638</v>
      </c>
      <c r="EC19" s="116">
        <v>18104638</v>
      </c>
      <c r="ED19" s="110">
        <v>0</v>
      </c>
      <c r="EE19" s="112">
        <v>0</v>
      </c>
      <c r="EF19" s="113">
        <v>0</v>
      </c>
      <c r="EG19" s="110">
        <v>0</v>
      </c>
      <c r="EH19" s="114">
        <v>33795</v>
      </c>
      <c r="EI19" s="114">
        <v>102364</v>
      </c>
      <c r="EJ19" s="114">
        <v>0</v>
      </c>
      <c r="EK19" s="114">
        <v>364952</v>
      </c>
      <c r="EL19" s="114">
        <v>0</v>
      </c>
      <c r="EM19" s="112">
        <v>501111</v>
      </c>
      <c r="EN19" s="116">
        <v>501111</v>
      </c>
      <c r="EO19" s="110">
        <v>0</v>
      </c>
      <c r="EP19" s="114">
        <v>0</v>
      </c>
      <c r="EQ19" s="112">
        <v>0</v>
      </c>
      <c r="ER19" s="111">
        <v>0</v>
      </c>
      <c r="ES19" s="114">
        <v>0</v>
      </c>
      <c r="ET19" s="114">
        <v>0</v>
      </c>
      <c r="EU19" s="114">
        <v>0</v>
      </c>
      <c r="EV19" s="114">
        <v>0</v>
      </c>
      <c r="EW19" s="114">
        <v>0</v>
      </c>
      <c r="EX19" s="113">
        <v>0</v>
      </c>
      <c r="EY19" s="116">
        <v>0</v>
      </c>
      <c r="EZ19" s="110">
        <v>0</v>
      </c>
      <c r="FA19" s="114">
        <v>0</v>
      </c>
      <c r="FB19" s="112">
        <v>0</v>
      </c>
      <c r="FC19" s="348"/>
      <c r="FD19" s="114">
        <v>0</v>
      </c>
      <c r="FE19" s="114">
        <v>0</v>
      </c>
      <c r="FF19" s="114">
        <v>0</v>
      </c>
      <c r="FG19" s="114">
        <v>0</v>
      </c>
      <c r="FH19" s="114">
        <v>0</v>
      </c>
      <c r="FI19" s="113">
        <v>0</v>
      </c>
      <c r="FJ19" s="116">
        <v>0</v>
      </c>
      <c r="FK19" s="110">
        <v>504057</v>
      </c>
      <c r="FL19" s="114">
        <v>1422208</v>
      </c>
      <c r="FM19" s="113">
        <v>1926265</v>
      </c>
      <c r="FN19" s="110">
        <v>0</v>
      </c>
      <c r="FO19" s="114">
        <v>1932226</v>
      </c>
      <c r="FP19" s="114">
        <v>5761784</v>
      </c>
      <c r="FQ19" s="114">
        <v>3429103</v>
      </c>
      <c r="FR19" s="114">
        <v>3760011</v>
      </c>
      <c r="FS19" s="114">
        <v>2856790</v>
      </c>
      <c r="FT19" s="113">
        <v>17739914</v>
      </c>
      <c r="FU19" s="116">
        <v>19666179</v>
      </c>
      <c r="FV19" s="115">
        <v>324937</v>
      </c>
      <c r="FW19" s="114">
        <v>811066</v>
      </c>
      <c r="FX19" s="112">
        <v>1136003</v>
      </c>
      <c r="FY19" s="111">
        <v>0</v>
      </c>
      <c r="FZ19" s="114">
        <v>1687390</v>
      </c>
      <c r="GA19" s="114">
        <v>5035862</v>
      </c>
      <c r="GB19" s="114">
        <v>3274839</v>
      </c>
      <c r="GC19" s="114">
        <v>3443583</v>
      </c>
      <c r="GD19" s="114">
        <v>2576782</v>
      </c>
      <c r="GE19" s="113">
        <v>16018456</v>
      </c>
      <c r="GF19" s="319">
        <v>17154459</v>
      </c>
      <c r="GG19" s="115">
        <v>26482</v>
      </c>
      <c r="GH19" s="114">
        <v>67132</v>
      </c>
      <c r="GI19" s="112">
        <v>93614</v>
      </c>
      <c r="GJ19" s="111">
        <v>0</v>
      </c>
      <c r="GK19" s="114">
        <v>41436</v>
      </c>
      <c r="GL19" s="114">
        <v>147501</v>
      </c>
      <c r="GM19" s="114">
        <v>54994</v>
      </c>
      <c r="GN19" s="114">
        <v>45540</v>
      </c>
      <c r="GO19" s="114">
        <v>158508</v>
      </c>
      <c r="GP19" s="113">
        <v>447979</v>
      </c>
      <c r="GQ19" s="116">
        <v>541593</v>
      </c>
      <c r="GR19" s="110">
        <v>152638</v>
      </c>
      <c r="GS19" s="114">
        <v>544010</v>
      </c>
      <c r="GT19" s="113">
        <v>696648</v>
      </c>
      <c r="GU19" s="110">
        <v>0</v>
      </c>
      <c r="GV19" s="114">
        <v>203400</v>
      </c>
      <c r="GW19" s="114">
        <v>578421</v>
      </c>
      <c r="GX19" s="114">
        <v>99270</v>
      </c>
      <c r="GY19" s="114">
        <v>270888</v>
      </c>
      <c r="GZ19" s="114">
        <v>121500</v>
      </c>
      <c r="HA19" s="112">
        <v>1273479</v>
      </c>
      <c r="HB19" s="116">
        <v>1970127</v>
      </c>
      <c r="HC19" s="110">
        <v>1599338</v>
      </c>
      <c r="HD19" s="114">
        <v>2057804</v>
      </c>
      <c r="HE19" s="112">
        <v>3657142</v>
      </c>
      <c r="HF19" s="111">
        <v>0</v>
      </c>
      <c r="HG19" s="114">
        <v>14499787</v>
      </c>
      <c r="HH19" s="114">
        <v>11501522</v>
      </c>
      <c r="HI19" s="114">
        <v>14074380</v>
      </c>
      <c r="HJ19" s="114">
        <v>14786791</v>
      </c>
      <c r="HK19" s="114">
        <v>10308168</v>
      </c>
      <c r="HL19" s="113">
        <v>65170648</v>
      </c>
      <c r="HM19" s="109">
        <v>68827790</v>
      </c>
      <c r="HN19" s="115">
        <v>406778</v>
      </c>
      <c r="HO19" s="114">
        <v>954183</v>
      </c>
      <c r="HP19" s="113">
        <v>1360961</v>
      </c>
      <c r="HQ19" s="110">
        <v>0</v>
      </c>
      <c r="HR19" s="114">
        <v>7798963</v>
      </c>
      <c r="HS19" s="114">
        <v>7654917</v>
      </c>
      <c r="HT19" s="114">
        <v>5261267</v>
      </c>
      <c r="HU19" s="114">
        <v>4088013</v>
      </c>
      <c r="HV19" s="114">
        <v>2772407</v>
      </c>
      <c r="HW19" s="112">
        <v>27575567</v>
      </c>
      <c r="HX19" s="116">
        <v>28936528</v>
      </c>
      <c r="HY19" s="131">
        <v>32984</v>
      </c>
      <c r="HZ19" s="132">
        <v>152878</v>
      </c>
      <c r="IA19" s="133">
        <v>185862</v>
      </c>
      <c r="IB19" s="146">
        <v>0</v>
      </c>
      <c r="IC19" s="132">
        <v>11650363</v>
      </c>
      <c r="ID19" s="147">
        <v>15200655</v>
      </c>
      <c r="IE19" s="133">
        <v>14991099</v>
      </c>
      <c r="IF19" s="132">
        <v>10983337</v>
      </c>
      <c r="IG19" s="133">
        <v>6121673</v>
      </c>
      <c r="IH19" s="148">
        <v>58947127</v>
      </c>
      <c r="II19" s="139">
        <v>59132989</v>
      </c>
      <c r="IJ19" s="232">
        <v>0</v>
      </c>
      <c r="IK19" s="236">
        <v>0</v>
      </c>
      <c r="IL19" s="237">
        <v>0</v>
      </c>
      <c r="IM19" s="140"/>
      <c r="IN19" s="119">
        <v>161808</v>
      </c>
      <c r="IO19" s="119">
        <v>136457</v>
      </c>
      <c r="IP19" s="119">
        <v>205695</v>
      </c>
      <c r="IQ19" s="119">
        <v>0</v>
      </c>
      <c r="IR19" s="119">
        <v>0</v>
      </c>
      <c r="IS19" s="141">
        <v>503960</v>
      </c>
      <c r="IT19" s="321">
        <v>503960</v>
      </c>
      <c r="IU19" s="142">
        <v>0</v>
      </c>
      <c r="IV19" s="119">
        <v>0</v>
      </c>
      <c r="IW19" s="120">
        <v>0</v>
      </c>
      <c r="IX19" s="144"/>
      <c r="IY19" s="119">
        <v>0</v>
      </c>
      <c r="IZ19" s="119">
        <v>0</v>
      </c>
      <c r="JA19" s="119">
        <v>0</v>
      </c>
      <c r="JB19" s="119">
        <v>0</v>
      </c>
      <c r="JC19" s="119">
        <v>0</v>
      </c>
      <c r="JD19" s="120">
        <v>0</v>
      </c>
      <c r="JE19" s="121">
        <v>0</v>
      </c>
      <c r="JF19" s="142">
        <v>0</v>
      </c>
      <c r="JG19" s="119">
        <v>0</v>
      </c>
      <c r="JH19" s="141">
        <v>0</v>
      </c>
      <c r="JI19" s="118">
        <v>0</v>
      </c>
      <c r="JJ19" s="119">
        <v>6456028</v>
      </c>
      <c r="JK19" s="119">
        <v>8418867</v>
      </c>
      <c r="JL19" s="119">
        <v>5188558</v>
      </c>
      <c r="JM19" s="119">
        <v>3261641</v>
      </c>
      <c r="JN19" s="119">
        <v>1644462</v>
      </c>
      <c r="JO19" s="120">
        <v>24969556</v>
      </c>
      <c r="JP19" s="321">
        <v>24969556</v>
      </c>
      <c r="JQ19" s="142">
        <v>0</v>
      </c>
      <c r="JR19" s="119">
        <v>0</v>
      </c>
      <c r="JS19" s="141">
        <v>0</v>
      </c>
      <c r="JT19" s="118">
        <v>0</v>
      </c>
      <c r="JU19" s="119">
        <v>178686</v>
      </c>
      <c r="JV19" s="119">
        <v>169841</v>
      </c>
      <c r="JW19" s="119">
        <v>948612</v>
      </c>
      <c r="JX19" s="119">
        <v>1124284</v>
      </c>
      <c r="JY19" s="119">
        <v>480925</v>
      </c>
      <c r="JZ19" s="120">
        <v>2902348</v>
      </c>
      <c r="KA19" s="321">
        <v>2902348</v>
      </c>
      <c r="KB19" s="234">
        <v>32984</v>
      </c>
      <c r="KC19" s="230">
        <v>152878</v>
      </c>
      <c r="KD19" s="120">
        <v>185862</v>
      </c>
      <c r="KE19" s="118">
        <v>0</v>
      </c>
      <c r="KF19" s="119">
        <v>1693707</v>
      </c>
      <c r="KG19" s="119">
        <v>2337097</v>
      </c>
      <c r="KH19" s="119">
        <v>482672</v>
      </c>
      <c r="KI19" s="119">
        <v>538692</v>
      </c>
      <c r="KJ19" s="119">
        <v>319997</v>
      </c>
      <c r="KK19" s="120">
        <v>5372165</v>
      </c>
      <c r="KL19" s="143">
        <v>5558027</v>
      </c>
      <c r="KM19" s="232">
        <v>0</v>
      </c>
      <c r="KN19" s="236">
        <v>0</v>
      </c>
      <c r="KO19" s="237">
        <v>0</v>
      </c>
      <c r="KP19" s="140"/>
      <c r="KQ19" s="119">
        <v>3160134</v>
      </c>
      <c r="KR19" s="119">
        <v>4138393</v>
      </c>
      <c r="KS19" s="119">
        <v>7379062</v>
      </c>
      <c r="KT19" s="119">
        <v>4148057</v>
      </c>
      <c r="KU19" s="119">
        <v>2619057</v>
      </c>
      <c r="KV19" s="120">
        <v>21444703</v>
      </c>
      <c r="KW19" s="321">
        <v>21444703</v>
      </c>
      <c r="KX19" s="142">
        <v>0</v>
      </c>
      <c r="KY19" s="119">
        <v>0</v>
      </c>
      <c r="KZ19" s="120">
        <v>0</v>
      </c>
      <c r="LA19" s="145"/>
      <c r="LB19" s="119">
        <v>0</v>
      </c>
      <c r="LC19" s="119">
        <v>0</v>
      </c>
      <c r="LD19" s="119">
        <v>786500</v>
      </c>
      <c r="LE19" s="119">
        <v>1910663</v>
      </c>
      <c r="LF19" s="119">
        <v>1057232</v>
      </c>
      <c r="LG19" s="120">
        <v>3754395</v>
      </c>
      <c r="LH19" s="121">
        <v>3754395</v>
      </c>
      <c r="LI19" s="142">
        <v>0</v>
      </c>
      <c r="LJ19" s="119">
        <v>0</v>
      </c>
      <c r="LK19" s="120">
        <v>0</v>
      </c>
      <c r="LL19" s="145"/>
      <c r="LM19" s="119">
        <v>0</v>
      </c>
      <c r="LN19" s="119">
        <v>0</v>
      </c>
      <c r="LO19" s="119">
        <v>0</v>
      </c>
      <c r="LP19" s="119">
        <v>0</v>
      </c>
      <c r="LQ19" s="119">
        <v>0</v>
      </c>
      <c r="LR19" s="120">
        <v>0</v>
      </c>
      <c r="LS19" s="321">
        <v>0</v>
      </c>
      <c r="LT19" s="142">
        <v>0</v>
      </c>
      <c r="LU19" s="119">
        <v>0</v>
      </c>
      <c r="LV19" s="120">
        <v>0</v>
      </c>
      <c r="LW19" s="145"/>
      <c r="LX19" s="119">
        <v>0</v>
      </c>
      <c r="LY19" s="119">
        <v>0</v>
      </c>
      <c r="LZ19" s="119">
        <v>0</v>
      </c>
      <c r="MA19" s="119">
        <v>0</v>
      </c>
      <c r="MB19" s="119">
        <v>0</v>
      </c>
      <c r="MC19" s="120">
        <v>0</v>
      </c>
      <c r="MD19" s="121">
        <v>0</v>
      </c>
      <c r="ME19" s="142">
        <v>0</v>
      </c>
      <c r="MF19" s="119">
        <v>0</v>
      </c>
      <c r="MG19" s="120">
        <v>0</v>
      </c>
      <c r="MH19" s="145"/>
      <c r="MI19" s="119">
        <v>4068856</v>
      </c>
      <c r="MJ19" s="119">
        <v>7705892</v>
      </c>
      <c r="MK19" s="119">
        <v>29041857</v>
      </c>
      <c r="ML19" s="119">
        <v>47723356</v>
      </c>
      <c r="MM19" s="119">
        <v>39487567</v>
      </c>
      <c r="MN19" s="120">
        <v>128027528</v>
      </c>
      <c r="MO19" s="143">
        <v>128027528</v>
      </c>
      <c r="MP19" s="142">
        <v>0</v>
      </c>
      <c r="MQ19" s="119">
        <v>0</v>
      </c>
      <c r="MR19" s="120">
        <v>0</v>
      </c>
      <c r="MS19" s="145"/>
      <c r="MT19" s="119">
        <v>452349</v>
      </c>
      <c r="MU19" s="119">
        <v>233848</v>
      </c>
      <c r="MV19" s="119">
        <v>18224558</v>
      </c>
      <c r="MW19" s="119">
        <v>38237788</v>
      </c>
      <c r="MX19" s="119">
        <v>32453323</v>
      </c>
      <c r="MY19" s="120">
        <v>89601866</v>
      </c>
      <c r="MZ19" s="143">
        <v>89601866</v>
      </c>
      <c r="NA19" s="142">
        <v>0</v>
      </c>
      <c r="NB19" s="119">
        <v>0</v>
      </c>
      <c r="NC19" s="120">
        <v>0</v>
      </c>
      <c r="ND19" s="145"/>
      <c r="NE19" s="119">
        <v>3616507</v>
      </c>
      <c r="NF19" s="119">
        <v>7472044</v>
      </c>
      <c r="NG19" s="119">
        <v>10817299</v>
      </c>
      <c r="NH19" s="119">
        <v>9485568</v>
      </c>
      <c r="NI19" s="119">
        <v>7034244</v>
      </c>
      <c r="NJ19" s="120">
        <v>38425662</v>
      </c>
      <c r="NK19" s="321">
        <v>38425662</v>
      </c>
      <c r="NL19" s="142">
        <v>0</v>
      </c>
      <c r="NM19" s="119">
        <v>0</v>
      </c>
      <c r="NN19" s="120">
        <v>0</v>
      </c>
      <c r="NO19" s="145"/>
      <c r="NP19" s="119">
        <v>0</v>
      </c>
      <c r="NQ19" s="119">
        <v>0</v>
      </c>
      <c r="NR19" s="119">
        <v>0</v>
      </c>
      <c r="NS19" s="119">
        <v>0</v>
      </c>
      <c r="NT19" s="119">
        <v>0</v>
      </c>
      <c r="NU19" s="120">
        <v>0</v>
      </c>
      <c r="NV19" s="121">
        <v>0</v>
      </c>
      <c r="NW19" s="142">
        <v>0</v>
      </c>
      <c r="NX19" s="119">
        <v>0</v>
      </c>
      <c r="NY19" s="120">
        <v>0</v>
      </c>
      <c r="NZ19" s="145"/>
      <c r="OA19" s="119">
        <v>0</v>
      </c>
      <c r="OB19" s="119">
        <v>0</v>
      </c>
      <c r="OC19" s="119">
        <v>0</v>
      </c>
      <c r="OD19" s="119">
        <v>0</v>
      </c>
      <c r="OE19" s="119">
        <v>0</v>
      </c>
      <c r="OF19" s="120">
        <v>0</v>
      </c>
      <c r="OG19" s="121">
        <v>0</v>
      </c>
      <c r="OH19" s="142">
        <v>3464537</v>
      </c>
      <c r="OI19" s="119">
        <v>6922687</v>
      </c>
      <c r="OJ19" s="141">
        <v>10387224</v>
      </c>
      <c r="OK19" s="118">
        <v>0</v>
      </c>
      <c r="OL19" s="119">
        <v>64052931</v>
      </c>
      <c r="OM19" s="119">
        <v>83392390</v>
      </c>
      <c r="ON19" s="119">
        <v>101240762</v>
      </c>
      <c r="OO19" s="119">
        <v>116408678</v>
      </c>
      <c r="OP19" s="119">
        <v>95851551</v>
      </c>
      <c r="OQ19" s="120">
        <v>460946312</v>
      </c>
      <c r="OR19" s="143">
        <v>471333536</v>
      </c>
    </row>
    <row r="20" spans="1:408" ht="18.75" customHeight="1" x14ac:dyDescent="0.2">
      <c r="A20" s="62" t="s">
        <v>15</v>
      </c>
      <c r="B20" s="110">
        <v>1914874</v>
      </c>
      <c r="C20" s="114">
        <v>4564866</v>
      </c>
      <c r="D20" s="113">
        <v>6479740</v>
      </c>
      <c r="E20" s="109">
        <v>0</v>
      </c>
      <c r="F20" s="114">
        <v>29613006</v>
      </c>
      <c r="G20" s="114">
        <v>43596389</v>
      </c>
      <c r="H20" s="114">
        <v>35104313</v>
      </c>
      <c r="I20" s="114">
        <v>32183484</v>
      </c>
      <c r="J20" s="114">
        <v>23753857</v>
      </c>
      <c r="K20" s="109">
        <v>164251049</v>
      </c>
      <c r="L20" s="116">
        <v>170730789</v>
      </c>
      <c r="M20" s="110">
        <v>177383</v>
      </c>
      <c r="N20" s="114">
        <v>517784</v>
      </c>
      <c r="O20" s="113">
        <v>695167</v>
      </c>
      <c r="P20" s="110">
        <v>0</v>
      </c>
      <c r="Q20" s="114">
        <v>6388663</v>
      </c>
      <c r="R20" s="114">
        <v>11177445</v>
      </c>
      <c r="S20" s="114">
        <v>9202778</v>
      </c>
      <c r="T20" s="114">
        <v>8367858</v>
      </c>
      <c r="U20" s="114">
        <v>11634110</v>
      </c>
      <c r="V20" s="113">
        <v>46770854</v>
      </c>
      <c r="W20" s="116">
        <v>47466021</v>
      </c>
      <c r="X20" s="110">
        <v>0</v>
      </c>
      <c r="Y20" s="114">
        <v>0</v>
      </c>
      <c r="Z20" s="113">
        <v>0</v>
      </c>
      <c r="AA20" s="110">
        <v>0</v>
      </c>
      <c r="AB20" s="114">
        <v>3617543</v>
      </c>
      <c r="AC20" s="114">
        <v>5965012</v>
      </c>
      <c r="AD20" s="114">
        <v>5786167</v>
      </c>
      <c r="AE20" s="114">
        <v>4874560</v>
      </c>
      <c r="AF20" s="114">
        <v>6019120</v>
      </c>
      <c r="AG20" s="113">
        <v>26262402</v>
      </c>
      <c r="AH20" s="116">
        <v>26262402</v>
      </c>
      <c r="AI20" s="110">
        <v>0</v>
      </c>
      <c r="AJ20" s="114">
        <v>0</v>
      </c>
      <c r="AK20" s="113">
        <v>0</v>
      </c>
      <c r="AL20" s="110">
        <v>0</v>
      </c>
      <c r="AM20" s="114">
        <v>28109</v>
      </c>
      <c r="AN20" s="114">
        <v>392397</v>
      </c>
      <c r="AO20" s="114">
        <v>356565</v>
      </c>
      <c r="AP20" s="114">
        <v>930714</v>
      </c>
      <c r="AQ20" s="114">
        <v>2216288</v>
      </c>
      <c r="AR20" s="113">
        <v>3924073</v>
      </c>
      <c r="AS20" s="116">
        <v>3924073</v>
      </c>
      <c r="AT20" s="110">
        <v>38410</v>
      </c>
      <c r="AU20" s="114">
        <v>301107</v>
      </c>
      <c r="AV20" s="113">
        <v>339517</v>
      </c>
      <c r="AW20" s="110">
        <v>0</v>
      </c>
      <c r="AX20" s="114">
        <v>1188707</v>
      </c>
      <c r="AY20" s="114">
        <v>3434175</v>
      </c>
      <c r="AZ20" s="114">
        <v>1696610</v>
      </c>
      <c r="BA20" s="114">
        <v>1283784</v>
      </c>
      <c r="BB20" s="114">
        <v>2633452</v>
      </c>
      <c r="BC20" s="113">
        <v>10236728</v>
      </c>
      <c r="BD20" s="116">
        <v>10576245</v>
      </c>
      <c r="BE20" s="110">
        <v>0</v>
      </c>
      <c r="BF20" s="114">
        <v>24914</v>
      </c>
      <c r="BG20" s="112">
        <v>24914</v>
      </c>
      <c r="BH20" s="111">
        <v>0</v>
      </c>
      <c r="BI20" s="114">
        <v>117869</v>
      </c>
      <c r="BJ20" s="114">
        <v>195304</v>
      </c>
      <c r="BK20" s="114">
        <v>117387</v>
      </c>
      <c r="BL20" s="114">
        <v>62687</v>
      </c>
      <c r="BM20" s="114">
        <v>82445</v>
      </c>
      <c r="BN20" s="113">
        <v>575692</v>
      </c>
      <c r="BO20" s="116">
        <v>600606</v>
      </c>
      <c r="BP20" s="110">
        <v>138973</v>
      </c>
      <c r="BQ20" s="114">
        <v>191763</v>
      </c>
      <c r="BR20" s="113">
        <v>330736</v>
      </c>
      <c r="BS20" s="110">
        <v>0</v>
      </c>
      <c r="BT20" s="114">
        <v>1436435</v>
      </c>
      <c r="BU20" s="114">
        <v>1190557</v>
      </c>
      <c r="BV20" s="114">
        <v>1246049</v>
      </c>
      <c r="BW20" s="114">
        <v>1216113</v>
      </c>
      <c r="BX20" s="114">
        <v>682805</v>
      </c>
      <c r="BY20" s="113">
        <v>5771959</v>
      </c>
      <c r="BZ20" s="116">
        <v>6102695</v>
      </c>
      <c r="CA20" s="110">
        <v>23464</v>
      </c>
      <c r="CB20" s="114">
        <v>208545</v>
      </c>
      <c r="CC20" s="113">
        <v>232009</v>
      </c>
      <c r="CD20" s="110">
        <v>0</v>
      </c>
      <c r="CE20" s="114">
        <v>6108315</v>
      </c>
      <c r="CF20" s="114">
        <v>12023553</v>
      </c>
      <c r="CG20" s="114">
        <v>6540585</v>
      </c>
      <c r="CH20" s="114">
        <v>2589719</v>
      </c>
      <c r="CI20" s="114">
        <v>1255923</v>
      </c>
      <c r="CJ20" s="113">
        <v>28518095</v>
      </c>
      <c r="CK20" s="116">
        <v>28750104</v>
      </c>
      <c r="CL20" s="110">
        <v>0</v>
      </c>
      <c r="CM20" s="114">
        <v>0</v>
      </c>
      <c r="CN20" s="113">
        <v>0</v>
      </c>
      <c r="CO20" s="111">
        <v>0</v>
      </c>
      <c r="CP20" s="114">
        <v>4440247</v>
      </c>
      <c r="CQ20" s="114">
        <v>9266451</v>
      </c>
      <c r="CR20" s="114">
        <v>5370736</v>
      </c>
      <c r="CS20" s="114">
        <v>1775480</v>
      </c>
      <c r="CT20" s="114">
        <v>1043485</v>
      </c>
      <c r="CU20" s="113">
        <v>21896399</v>
      </c>
      <c r="CV20" s="116">
        <v>21896399</v>
      </c>
      <c r="CW20" s="110">
        <v>23464</v>
      </c>
      <c r="CX20" s="114">
        <v>208545</v>
      </c>
      <c r="CY20" s="113">
        <v>232009</v>
      </c>
      <c r="CZ20" s="110">
        <v>0</v>
      </c>
      <c r="DA20" s="114">
        <v>1668068</v>
      </c>
      <c r="DB20" s="114">
        <v>2757102</v>
      </c>
      <c r="DC20" s="114">
        <v>1169849</v>
      </c>
      <c r="DD20" s="114">
        <v>814239</v>
      </c>
      <c r="DE20" s="114">
        <v>212438</v>
      </c>
      <c r="DF20" s="113">
        <v>6621696</v>
      </c>
      <c r="DG20" s="116">
        <v>6853705</v>
      </c>
      <c r="DH20" s="110">
        <v>0</v>
      </c>
      <c r="DI20" s="114">
        <v>0</v>
      </c>
      <c r="DJ20" s="112">
        <v>0</v>
      </c>
      <c r="DK20" s="111">
        <v>0</v>
      </c>
      <c r="DL20" s="114">
        <v>861705</v>
      </c>
      <c r="DM20" s="114">
        <v>1787732</v>
      </c>
      <c r="DN20" s="114">
        <v>6093990</v>
      </c>
      <c r="DO20" s="114">
        <v>7348103</v>
      </c>
      <c r="DP20" s="114">
        <v>3071991</v>
      </c>
      <c r="DQ20" s="113">
        <v>19163521</v>
      </c>
      <c r="DR20" s="116">
        <v>19163521</v>
      </c>
      <c r="DS20" s="110">
        <v>0</v>
      </c>
      <c r="DT20" s="114">
        <v>0</v>
      </c>
      <c r="DU20" s="113">
        <v>0</v>
      </c>
      <c r="DV20" s="110">
        <v>0</v>
      </c>
      <c r="DW20" s="114">
        <v>734541</v>
      </c>
      <c r="DX20" s="114">
        <v>1787732</v>
      </c>
      <c r="DY20" s="114">
        <v>5931212</v>
      </c>
      <c r="DZ20" s="114">
        <v>7348103</v>
      </c>
      <c r="EA20" s="114">
        <v>3071991</v>
      </c>
      <c r="EB20" s="113">
        <v>18873579</v>
      </c>
      <c r="EC20" s="116">
        <v>18873579</v>
      </c>
      <c r="ED20" s="110">
        <v>0</v>
      </c>
      <c r="EE20" s="112">
        <v>0</v>
      </c>
      <c r="EF20" s="113">
        <v>0</v>
      </c>
      <c r="EG20" s="110">
        <v>0</v>
      </c>
      <c r="EH20" s="114">
        <v>127164</v>
      </c>
      <c r="EI20" s="114">
        <v>0</v>
      </c>
      <c r="EJ20" s="114">
        <v>162778</v>
      </c>
      <c r="EK20" s="114">
        <v>0</v>
      </c>
      <c r="EL20" s="114">
        <v>0</v>
      </c>
      <c r="EM20" s="112">
        <v>289942</v>
      </c>
      <c r="EN20" s="116">
        <v>289942</v>
      </c>
      <c r="EO20" s="110">
        <v>0</v>
      </c>
      <c r="EP20" s="114">
        <v>0</v>
      </c>
      <c r="EQ20" s="112">
        <v>0</v>
      </c>
      <c r="ER20" s="111">
        <v>0</v>
      </c>
      <c r="ES20" s="114">
        <v>0</v>
      </c>
      <c r="ET20" s="114">
        <v>0</v>
      </c>
      <c r="EU20" s="114">
        <v>0</v>
      </c>
      <c r="EV20" s="114">
        <v>0</v>
      </c>
      <c r="EW20" s="114">
        <v>0</v>
      </c>
      <c r="EX20" s="113">
        <v>0</v>
      </c>
      <c r="EY20" s="116">
        <v>0</v>
      </c>
      <c r="EZ20" s="110">
        <v>0</v>
      </c>
      <c r="FA20" s="114">
        <v>0</v>
      </c>
      <c r="FB20" s="112">
        <v>0</v>
      </c>
      <c r="FC20" s="348"/>
      <c r="FD20" s="114">
        <v>0</v>
      </c>
      <c r="FE20" s="114">
        <v>0</v>
      </c>
      <c r="FF20" s="114">
        <v>0</v>
      </c>
      <c r="FG20" s="114">
        <v>0</v>
      </c>
      <c r="FH20" s="114">
        <v>0</v>
      </c>
      <c r="FI20" s="113">
        <v>0</v>
      </c>
      <c r="FJ20" s="116">
        <v>0</v>
      </c>
      <c r="FK20" s="110">
        <v>420514</v>
      </c>
      <c r="FL20" s="114">
        <v>1303720</v>
      </c>
      <c r="FM20" s="113">
        <v>1724234</v>
      </c>
      <c r="FN20" s="110">
        <v>0</v>
      </c>
      <c r="FO20" s="114">
        <v>1678765</v>
      </c>
      <c r="FP20" s="114">
        <v>4778217</v>
      </c>
      <c r="FQ20" s="114">
        <v>2411971</v>
      </c>
      <c r="FR20" s="114">
        <v>2230268</v>
      </c>
      <c r="FS20" s="114">
        <v>1672744</v>
      </c>
      <c r="FT20" s="113">
        <v>12771965</v>
      </c>
      <c r="FU20" s="116">
        <v>14496199</v>
      </c>
      <c r="FV20" s="115">
        <v>279124</v>
      </c>
      <c r="FW20" s="114">
        <v>757390</v>
      </c>
      <c r="FX20" s="112">
        <v>1036514</v>
      </c>
      <c r="FY20" s="111">
        <v>0</v>
      </c>
      <c r="FZ20" s="114">
        <v>1076539</v>
      </c>
      <c r="GA20" s="114">
        <v>4274347</v>
      </c>
      <c r="GB20" s="114">
        <v>2319101</v>
      </c>
      <c r="GC20" s="114">
        <v>2033828</v>
      </c>
      <c r="GD20" s="114">
        <v>1659424</v>
      </c>
      <c r="GE20" s="113">
        <v>11363239</v>
      </c>
      <c r="GF20" s="319">
        <v>12399753</v>
      </c>
      <c r="GG20" s="115">
        <v>14850</v>
      </c>
      <c r="GH20" s="114">
        <v>80640</v>
      </c>
      <c r="GI20" s="112">
        <v>95490</v>
      </c>
      <c r="GJ20" s="111">
        <v>0</v>
      </c>
      <c r="GK20" s="114">
        <v>174726</v>
      </c>
      <c r="GL20" s="114">
        <v>58212</v>
      </c>
      <c r="GM20" s="114">
        <v>23220</v>
      </c>
      <c r="GN20" s="114">
        <v>11840</v>
      </c>
      <c r="GO20" s="114">
        <v>13320</v>
      </c>
      <c r="GP20" s="113">
        <v>281318</v>
      </c>
      <c r="GQ20" s="116">
        <v>376808</v>
      </c>
      <c r="GR20" s="110">
        <v>126540</v>
      </c>
      <c r="GS20" s="114">
        <v>465690</v>
      </c>
      <c r="GT20" s="113">
        <v>592230</v>
      </c>
      <c r="GU20" s="110">
        <v>0</v>
      </c>
      <c r="GV20" s="114">
        <v>427500</v>
      </c>
      <c r="GW20" s="114">
        <v>445658</v>
      </c>
      <c r="GX20" s="114">
        <v>69650</v>
      </c>
      <c r="GY20" s="114">
        <v>184600</v>
      </c>
      <c r="GZ20" s="114">
        <v>0</v>
      </c>
      <c r="HA20" s="112">
        <v>1127408</v>
      </c>
      <c r="HB20" s="116">
        <v>1719638</v>
      </c>
      <c r="HC20" s="110">
        <v>1016607</v>
      </c>
      <c r="HD20" s="114">
        <v>1808198</v>
      </c>
      <c r="HE20" s="112">
        <v>2824805</v>
      </c>
      <c r="HF20" s="111">
        <v>0</v>
      </c>
      <c r="HG20" s="114">
        <v>9105626</v>
      </c>
      <c r="HH20" s="114">
        <v>6841458</v>
      </c>
      <c r="HI20" s="114">
        <v>7124422</v>
      </c>
      <c r="HJ20" s="114">
        <v>9253360</v>
      </c>
      <c r="HK20" s="114">
        <v>4445367</v>
      </c>
      <c r="HL20" s="113">
        <v>36770233</v>
      </c>
      <c r="HM20" s="109">
        <v>39595038</v>
      </c>
      <c r="HN20" s="115">
        <v>276906</v>
      </c>
      <c r="HO20" s="114">
        <v>726619</v>
      </c>
      <c r="HP20" s="113">
        <v>1003525</v>
      </c>
      <c r="HQ20" s="110">
        <v>0</v>
      </c>
      <c r="HR20" s="114">
        <v>5469932</v>
      </c>
      <c r="HS20" s="114">
        <v>6987984</v>
      </c>
      <c r="HT20" s="114">
        <v>3730567</v>
      </c>
      <c r="HU20" s="114">
        <v>2394176</v>
      </c>
      <c r="HV20" s="114">
        <v>1673722</v>
      </c>
      <c r="HW20" s="112">
        <v>20256381</v>
      </c>
      <c r="HX20" s="116">
        <v>21259906</v>
      </c>
      <c r="HY20" s="150">
        <v>228339</v>
      </c>
      <c r="HZ20" s="135">
        <v>1465330</v>
      </c>
      <c r="IA20" s="150">
        <v>1693669</v>
      </c>
      <c r="IB20" s="134">
        <v>0</v>
      </c>
      <c r="IC20" s="135">
        <v>20105797</v>
      </c>
      <c r="ID20" s="136">
        <v>22725663</v>
      </c>
      <c r="IE20" s="137">
        <v>25250056</v>
      </c>
      <c r="IF20" s="135">
        <v>19109473</v>
      </c>
      <c r="IG20" s="137">
        <v>9691395</v>
      </c>
      <c r="IH20" s="138">
        <v>96882384</v>
      </c>
      <c r="II20" s="150">
        <v>98576053</v>
      </c>
      <c r="IJ20" s="232">
        <v>0</v>
      </c>
      <c r="IK20" s="236">
        <v>0</v>
      </c>
      <c r="IL20" s="237">
        <v>0</v>
      </c>
      <c r="IM20" s="140"/>
      <c r="IN20" s="119">
        <v>404902</v>
      </c>
      <c r="IO20" s="119">
        <v>161976</v>
      </c>
      <c r="IP20" s="119">
        <v>463983</v>
      </c>
      <c r="IQ20" s="119">
        <v>923623</v>
      </c>
      <c r="IR20" s="119">
        <v>2328131</v>
      </c>
      <c r="IS20" s="141">
        <v>4282615</v>
      </c>
      <c r="IT20" s="321">
        <v>4282615</v>
      </c>
      <c r="IU20" s="142">
        <v>0</v>
      </c>
      <c r="IV20" s="119">
        <v>0</v>
      </c>
      <c r="IW20" s="120">
        <v>0</v>
      </c>
      <c r="IX20" s="144"/>
      <c r="IY20" s="119">
        <v>0</v>
      </c>
      <c r="IZ20" s="119">
        <v>0</v>
      </c>
      <c r="JA20" s="119">
        <v>0</v>
      </c>
      <c r="JB20" s="119">
        <v>0</v>
      </c>
      <c r="JC20" s="119">
        <v>0</v>
      </c>
      <c r="JD20" s="120">
        <v>0</v>
      </c>
      <c r="JE20" s="121">
        <v>0</v>
      </c>
      <c r="JF20" s="142">
        <v>0</v>
      </c>
      <c r="JG20" s="119">
        <v>0</v>
      </c>
      <c r="JH20" s="141">
        <v>0</v>
      </c>
      <c r="JI20" s="118">
        <v>0</v>
      </c>
      <c r="JJ20" s="119">
        <v>6611745</v>
      </c>
      <c r="JK20" s="119">
        <v>10356010</v>
      </c>
      <c r="JL20" s="119">
        <v>5864577</v>
      </c>
      <c r="JM20" s="119">
        <v>3631670</v>
      </c>
      <c r="JN20" s="119">
        <v>973148</v>
      </c>
      <c r="JO20" s="120">
        <v>27437150</v>
      </c>
      <c r="JP20" s="321">
        <v>27437150</v>
      </c>
      <c r="JQ20" s="142">
        <v>0</v>
      </c>
      <c r="JR20" s="119">
        <v>0</v>
      </c>
      <c r="JS20" s="141">
        <v>0</v>
      </c>
      <c r="JT20" s="118">
        <v>0</v>
      </c>
      <c r="JU20" s="119">
        <v>227271</v>
      </c>
      <c r="JV20" s="119">
        <v>395581</v>
      </c>
      <c r="JW20" s="119">
        <v>661584</v>
      </c>
      <c r="JX20" s="119">
        <v>378200</v>
      </c>
      <c r="JY20" s="119">
        <v>27137</v>
      </c>
      <c r="JZ20" s="120">
        <v>1689773</v>
      </c>
      <c r="KA20" s="321">
        <v>1689773</v>
      </c>
      <c r="KB20" s="234">
        <v>228339</v>
      </c>
      <c r="KC20" s="230">
        <v>977764</v>
      </c>
      <c r="KD20" s="120">
        <v>1206103</v>
      </c>
      <c r="KE20" s="118">
        <v>0</v>
      </c>
      <c r="KF20" s="119">
        <v>2198302</v>
      </c>
      <c r="KG20" s="119">
        <v>3760804</v>
      </c>
      <c r="KH20" s="119">
        <v>3635687</v>
      </c>
      <c r="KI20" s="119">
        <v>3158408</v>
      </c>
      <c r="KJ20" s="119">
        <v>1233142</v>
      </c>
      <c r="KK20" s="120">
        <v>13986343</v>
      </c>
      <c r="KL20" s="143">
        <v>15192446</v>
      </c>
      <c r="KM20" s="232">
        <v>0</v>
      </c>
      <c r="KN20" s="236">
        <v>487566</v>
      </c>
      <c r="KO20" s="237">
        <v>487566</v>
      </c>
      <c r="KP20" s="140"/>
      <c r="KQ20" s="119">
        <v>10663577</v>
      </c>
      <c r="KR20" s="119">
        <v>8051292</v>
      </c>
      <c r="KS20" s="119">
        <v>10583678</v>
      </c>
      <c r="KT20" s="119">
        <v>8512559</v>
      </c>
      <c r="KU20" s="119">
        <v>3598491</v>
      </c>
      <c r="KV20" s="120">
        <v>41409597</v>
      </c>
      <c r="KW20" s="321">
        <v>41897163</v>
      </c>
      <c r="KX20" s="142">
        <v>0</v>
      </c>
      <c r="KY20" s="119">
        <v>0</v>
      </c>
      <c r="KZ20" s="120">
        <v>0</v>
      </c>
      <c r="LA20" s="145"/>
      <c r="LB20" s="119">
        <v>0</v>
      </c>
      <c r="LC20" s="119">
        <v>0</v>
      </c>
      <c r="LD20" s="119">
        <v>0</v>
      </c>
      <c r="LE20" s="119">
        <v>0</v>
      </c>
      <c r="LF20" s="119">
        <v>0</v>
      </c>
      <c r="LG20" s="120">
        <v>0</v>
      </c>
      <c r="LH20" s="121">
        <v>0</v>
      </c>
      <c r="LI20" s="142">
        <v>0</v>
      </c>
      <c r="LJ20" s="119">
        <v>0</v>
      </c>
      <c r="LK20" s="120">
        <v>0</v>
      </c>
      <c r="LL20" s="145"/>
      <c r="LM20" s="119">
        <v>0</v>
      </c>
      <c r="LN20" s="119">
        <v>0</v>
      </c>
      <c r="LO20" s="119">
        <v>4040547</v>
      </c>
      <c r="LP20" s="119">
        <v>2505013</v>
      </c>
      <c r="LQ20" s="119">
        <v>1531346</v>
      </c>
      <c r="LR20" s="120">
        <v>8076906</v>
      </c>
      <c r="LS20" s="321">
        <v>8076906</v>
      </c>
      <c r="LT20" s="142">
        <v>0</v>
      </c>
      <c r="LU20" s="119">
        <v>0</v>
      </c>
      <c r="LV20" s="120">
        <v>0</v>
      </c>
      <c r="LW20" s="145"/>
      <c r="LX20" s="119">
        <v>0</v>
      </c>
      <c r="LY20" s="119">
        <v>0</v>
      </c>
      <c r="LZ20" s="119">
        <v>0</v>
      </c>
      <c r="MA20" s="119">
        <v>0</v>
      </c>
      <c r="MB20" s="119">
        <v>0</v>
      </c>
      <c r="MC20" s="120">
        <v>0</v>
      </c>
      <c r="MD20" s="121">
        <v>0</v>
      </c>
      <c r="ME20" s="142">
        <v>0</v>
      </c>
      <c r="MF20" s="119">
        <v>0</v>
      </c>
      <c r="MG20" s="120">
        <v>0</v>
      </c>
      <c r="MH20" s="145"/>
      <c r="MI20" s="119">
        <v>6954143</v>
      </c>
      <c r="MJ20" s="119">
        <v>9318800</v>
      </c>
      <c r="MK20" s="119">
        <v>33405368</v>
      </c>
      <c r="ML20" s="119">
        <v>47750803</v>
      </c>
      <c r="MM20" s="119">
        <v>30308484</v>
      </c>
      <c r="MN20" s="120">
        <v>127737598</v>
      </c>
      <c r="MO20" s="143">
        <v>127737598</v>
      </c>
      <c r="MP20" s="142">
        <v>0</v>
      </c>
      <c r="MQ20" s="119">
        <v>0</v>
      </c>
      <c r="MR20" s="120">
        <v>0</v>
      </c>
      <c r="MS20" s="145"/>
      <c r="MT20" s="119">
        <v>0</v>
      </c>
      <c r="MU20" s="119">
        <v>425028</v>
      </c>
      <c r="MV20" s="119">
        <v>21883320</v>
      </c>
      <c r="MW20" s="119">
        <v>34147546</v>
      </c>
      <c r="MX20" s="119">
        <v>21466595</v>
      </c>
      <c r="MY20" s="120">
        <v>77922489</v>
      </c>
      <c r="MZ20" s="143">
        <v>77922489</v>
      </c>
      <c r="NA20" s="142">
        <v>0</v>
      </c>
      <c r="NB20" s="119">
        <v>0</v>
      </c>
      <c r="NC20" s="120">
        <v>0</v>
      </c>
      <c r="ND20" s="145"/>
      <c r="NE20" s="119">
        <v>6954143</v>
      </c>
      <c r="NF20" s="119">
        <v>8893772</v>
      </c>
      <c r="NG20" s="119">
        <v>11522048</v>
      </c>
      <c r="NH20" s="119">
        <v>13603257</v>
      </c>
      <c r="NI20" s="119">
        <v>8479801</v>
      </c>
      <c r="NJ20" s="120">
        <v>49453021</v>
      </c>
      <c r="NK20" s="321">
        <v>49453021</v>
      </c>
      <c r="NL20" s="142">
        <v>0</v>
      </c>
      <c r="NM20" s="119">
        <v>0</v>
      </c>
      <c r="NN20" s="120">
        <v>0</v>
      </c>
      <c r="NO20" s="145"/>
      <c r="NP20" s="119">
        <v>0</v>
      </c>
      <c r="NQ20" s="119">
        <v>0</v>
      </c>
      <c r="NR20" s="119">
        <v>0</v>
      </c>
      <c r="NS20" s="119">
        <v>0</v>
      </c>
      <c r="NT20" s="119">
        <v>362088</v>
      </c>
      <c r="NU20" s="120">
        <v>362088</v>
      </c>
      <c r="NV20" s="121">
        <v>362088</v>
      </c>
      <c r="NW20" s="142">
        <v>0</v>
      </c>
      <c r="NX20" s="119">
        <v>0</v>
      </c>
      <c r="NY20" s="120">
        <v>0</v>
      </c>
      <c r="NZ20" s="145"/>
      <c r="OA20" s="119">
        <v>0</v>
      </c>
      <c r="OB20" s="119">
        <v>0</v>
      </c>
      <c r="OC20" s="119">
        <v>0</v>
      </c>
      <c r="OD20" s="119">
        <v>0</v>
      </c>
      <c r="OE20" s="119">
        <v>0</v>
      </c>
      <c r="OF20" s="120">
        <v>0</v>
      </c>
      <c r="OG20" s="121">
        <v>0</v>
      </c>
      <c r="OH20" s="142">
        <v>2143213</v>
      </c>
      <c r="OI20" s="119">
        <v>6030196</v>
      </c>
      <c r="OJ20" s="141">
        <v>8173409</v>
      </c>
      <c r="OK20" s="118">
        <v>0</v>
      </c>
      <c r="OL20" s="119">
        <v>56672946</v>
      </c>
      <c r="OM20" s="119">
        <v>75640852</v>
      </c>
      <c r="ON20" s="119">
        <v>93759737</v>
      </c>
      <c r="OO20" s="119">
        <v>99043760</v>
      </c>
      <c r="OP20" s="119">
        <v>63753736</v>
      </c>
      <c r="OQ20" s="120">
        <v>388871031</v>
      </c>
      <c r="OR20" s="143">
        <v>397044440</v>
      </c>
    </row>
    <row r="21" spans="1:408" ht="18.75" customHeight="1" x14ac:dyDescent="0.2">
      <c r="A21" s="62" t="s">
        <v>16</v>
      </c>
      <c r="B21" s="110">
        <v>5928798</v>
      </c>
      <c r="C21" s="114">
        <v>12205578</v>
      </c>
      <c r="D21" s="113">
        <v>18134376</v>
      </c>
      <c r="E21" s="109">
        <v>0</v>
      </c>
      <c r="F21" s="114">
        <v>76345012</v>
      </c>
      <c r="G21" s="114">
        <v>123901110</v>
      </c>
      <c r="H21" s="114">
        <v>107234871</v>
      </c>
      <c r="I21" s="114">
        <v>96849281</v>
      </c>
      <c r="J21" s="114">
        <v>72713277</v>
      </c>
      <c r="K21" s="109">
        <v>477043551</v>
      </c>
      <c r="L21" s="116">
        <v>495177927</v>
      </c>
      <c r="M21" s="110">
        <v>950174</v>
      </c>
      <c r="N21" s="114">
        <v>2340889</v>
      </c>
      <c r="O21" s="113">
        <v>3291063</v>
      </c>
      <c r="P21" s="110">
        <v>0</v>
      </c>
      <c r="Q21" s="114">
        <v>15752986</v>
      </c>
      <c r="R21" s="114">
        <v>28851042</v>
      </c>
      <c r="S21" s="114">
        <v>27908448</v>
      </c>
      <c r="T21" s="114">
        <v>27910016</v>
      </c>
      <c r="U21" s="114">
        <v>25137676</v>
      </c>
      <c r="V21" s="113">
        <v>125560168</v>
      </c>
      <c r="W21" s="116">
        <v>128851231</v>
      </c>
      <c r="X21" s="110">
        <v>0</v>
      </c>
      <c r="Y21" s="114">
        <v>0</v>
      </c>
      <c r="Z21" s="113">
        <v>0</v>
      </c>
      <c r="AA21" s="110">
        <v>0</v>
      </c>
      <c r="AB21" s="114">
        <v>6818967</v>
      </c>
      <c r="AC21" s="114">
        <v>11619366</v>
      </c>
      <c r="AD21" s="114">
        <v>14847305</v>
      </c>
      <c r="AE21" s="114">
        <v>14537907</v>
      </c>
      <c r="AF21" s="114">
        <v>12626192</v>
      </c>
      <c r="AG21" s="113">
        <v>60449737</v>
      </c>
      <c r="AH21" s="116">
        <v>60449737</v>
      </c>
      <c r="AI21" s="110">
        <v>0</v>
      </c>
      <c r="AJ21" s="114">
        <v>0</v>
      </c>
      <c r="AK21" s="113">
        <v>0</v>
      </c>
      <c r="AL21" s="110">
        <v>0</v>
      </c>
      <c r="AM21" s="114">
        <v>50715</v>
      </c>
      <c r="AN21" s="114">
        <v>591828</v>
      </c>
      <c r="AO21" s="114">
        <v>629353</v>
      </c>
      <c r="AP21" s="114">
        <v>1416829</v>
      </c>
      <c r="AQ21" s="114">
        <v>2703857</v>
      </c>
      <c r="AR21" s="113">
        <v>5392582</v>
      </c>
      <c r="AS21" s="116">
        <v>5392582</v>
      </c>
      <c r="AT21" s="110">
        <v>538589</v>
      </c>
      <c r="AU21" s="114">
        <v>1780818</v>
      </c>
      <c r="AV21" s="113">
        <v>2319407</v>
      </c>
      <c r="AW21" s="110">
        <v>0</v>
      </c>
      <c r="AX21" s="114">
        <v>5940444</v>
      </c>
      <c r="AY21" s="114">
        <v>12513198</v>
      </c>
      <c r="AZ21" s="114">
        <v>8064558</v>
      </c>
      <c r="BA21" s="114">
        <v>7726367</v>
      </c>
      <c r="BB21" s="114">
        <v>6457591</v>
      </c>
      <c r="BC21" s="113">
        <v>40702158</v>
      </c>
      <c r="BD21" s="116">
        <v>43021565</v>
      </c>
      <c r="BE21" s="110">
        <v>0</v>
      </c>
      <c r="BF21" s="114">
        <v>252563</v>
      </c>
      <c r="BG21" s="112">
        <v>252563</v>
      </c>
      <c r="BH21" s="111">
        <v>0</v>
      </c>
      <c r="BI21" s="114">
        <v>285954</v>
      </c>
      <c r="BJ21" s="114">
        <v>799033</v>
      </c>
      <c r="BK21" s="114">
        <v>1017531</v>
      </c>
      <c r="BL21" s="114">
        <v>353227</v>
      </c>
      <c r="BM21" s="114">
        <v>393118</v>
      </c>
      <c r="BN21" s="113">
        <v>2848863</v>
      </c>
      <c r="BO21" s="116">
        <v>3101426</v>
      </c>
      <c r="BP21" s="110">
        <v>411585</v>
      </c>
      <c r="BQ21" s="114">
        <v>307508</v>
      </c>
      <c r="BR21" s="113">
        <v>719093</v>
      </c>
      <c r="BS21" s="110">
        <v>0</v>
      </c>
      <c r="BT21" s="114">
        <v>2656906</v>
      </c>
      <c r="BU21" s="114">
        <v>3327617</v>
      </c>
      <c r="BV21" s="114">
        <v>3349701</v>
      </c>
      <c r="BW21" s="114">
        <v>3875686</v>
      </c>
      <c r="BX21" s="114">
        <v>2956918</v>
      </c>
      <c r="BY21" s="113">
        <v>16166828</v>
      </c>
      <c r="BZ21" s="116">
        <v>16885921</v>
      </c>
      <c r="CA21" s="110">
        <v>1171794</v>
      </c>
      <c r="CB21" s="114">
        <v>3967038</v>
      </c>
      <c r="CC21" s="113">
        <v>5138832</v>
      </c>
      <c r="CD21" s="110">
        <v>0</v>
      </c>
      <c r="CE21" s="114">
        <v>26899493</v>
      </c>
      <c r="CF21" s="114">
        <v>45327446</v>
      </c>
      <c r="CG21" s="114">
        <v>35960407</v>
      </c>
      <c r="CH21" s="114">
        <v>23445145</v>
      </c>
      <c r="CI21" s="114">
        <v>14732914</v>
      </c>
      <c r="CJ21" s="113">
        <v>146365405</v>
      </c>
      <c r="CK21" s="116">
        <v>151504237</v>
      </c>
      <c r="CL21" s="110">
        <v>0</v>
      </c>
      <c r="CM21" s="114">
        <v>0</v>
      </c>
      <c r="CN21" s="113">
        <v>0</v>
      </c>
      <c r="CO21" s="111">
        <v>0</v>
      </c>
      <c r="CP21" s="114">
        <v>16640711</v>
      </c>
      <c r="CQ21" s="114">
        <v>26826367</v>
      </c>
      <c r="CR21" s="114">
        <v>26141280</v>
      </c>
      <c r="CS21" s="114">
        <v>16916623</v>
      </c>
      <c r="CT21" s="114">
        <v>11252797</v>
      </c>
      <c r="CU21" s="113">
        <v>97777778</v>
      </c>
      <c r="CV21" s="116">
        <v>97777778</v>
      </c>
      <c r="CW21" s="110">
        <v>1171794</v>
      </c>
      <c r="CX21" s="114">
        <v>3967038</v>
      </c>
      <c r="CY21" s="113">
        <v>5138832</v>
      </c>
      <c r="CZ21" s="110">
        <v>0</v>
      </c>
      <c r="DA21" s="114">
        <v>10258782</v>
      </c>
      <c r="DB21" s="114">
        <v>18501079</v>
      </c>
      <c r="DC21" s="114">
        <v>9819127</v>
      </c>
      <c r="DD21" s="114">
        <v>6528522</v>
      </c>
      <c r="DE21" s="114">
        <v>3480117</v>
      </c>
      <c r="DF21" s="113">
        <v>48587627</v>
      </c>
      <c r="DG21" s="116">
        <v>53726459</v>
      </c>
      <c r="DH21" s="110">
        <v>0</v>
      </c>
      <c r="DI21" s="114">
        <v>50082</v>
      </c>
      <c r="DJ21" s="112">
        <v>50082</v>
      </c>
      <c r="DK21" s="111">
        <v>0</v>
      </c>
      <c r="DL21" s="114">
        <v>2360174</v>
      </c>
      <c r="DM21" s="114">
        <v>4255507</v>
      </c>
      <c r="DN21" s="114">
        <v>8777658</v>
      </c>
      <c r="DO21" s="114">
        <v>4949202</v>
      </c>
      <c r="DP21" s="114">
        <v>3398876</v>
      </c>
      <c r="DQ21" s="113">
        <v>23741417</v>
      </c>
      <c r="DR21" s="116">
        <v>23791499</v>
      </c>
      <c r="DS21" s="110">
        <v>0</v>
      </c>
      <c r="DT21" s="114">
        <v>50082</v>
      </c>
      <c r="DU21" s="113">
        <v>50082</v>
      </c>
      <c r="DV21" s="110">
        <v>0</v>
      </c>
      <c r="DW21" s="114">
        <v>2193711</v>
      </c>
      <c r="DX21" s="114">
        <v>3982957</v>
      </c>
      <c r="DY21" s="114">
        <v>7834170</v>
      </c>
      <c r="DZ21" s="114">
        <v>4172816</v>
      </c>
      <c r="EA21" s="114">
        <v>3092511</v>
      </c>
      <c r="EB21" s="113">
        <v>21276165</v>
      </c>
      <c r="EC21" s="116">
        <v>21326247</v>
      </c>
      <c r="ED21" s="110">
        <v>0</v>
      </c>
      <c r="EE21" s="112">
        <v>0</v>
      </c>
      <c r="EF21" s="113">
        <v>0</v>
      </c>
      <c r="EG21" s="110">
        <v>0</v>
      </c>
      <c r="EH21" s="114">
        <v>166463</v>
      </c>
      <c r="EI21" s="114">
        <v>272550</v>
      </c>
      <c r="EJ21" s="114">
        <v>943488</v>
      </c>
      <c r="EK21" s="114">
        <v>776386</v>
      </c>
      <c r="EL21" s="114">
        <v>306365</v>
      </c>
      <c r="EM21" s="112">
        <v>2465252</v>
      </c>
      <c r="EN21" s="116">
        <v>2465252</v>
      </c>
      <c r="EO21" s="110">
        <v>0</v>
      </c>
      <c r="EP21" s="114">
        <v>0</v>
      </c>
      <c r="EQ21" s="112">
        <v>0</v>
      </c>
      <c r="ER21" s="111">
        <v>0</v>
      </c>
      <c r="ES21" s="114">
        <v>0</v>
      </c>
      <c r="ET21" s="114">
        <v>0</v>
      </c>
      <c r="EU21" s="114">
        <v>0</v>
      </c>
      <c r="EV21" s="114">
        <v>0</v>
      </c>
      <c r="EW21" s="114">
        <v>0</v>
      </c>
      <c r="EX21" s="113">
        <v>0</v>
      </c>
      <c r="EY21" s="116">
        <v>0</v>
      </c>
      <c r="EZ21" s="110">
        <v>0</v>
      </c>
      <c r="FA21" s="114">
        <v>0</v>
      </c>
      <c r="FB21" s="112">
        <v>0</v>
      </c>
      <c r="FC21" s="348"/>
      <c r="FD21" s="114">
        <v>0</v>
      </c>
      <c r="FE21" s="114">
        <v>0</v>
      </c>
      <c r="FF21" s="114">
        <v>0</v>
      </c>
      <c r="FG21" s="114">
        <v>0</v>
      </c>
      <c r="FH21" s="114">
        <v>0</v>
      </c>
      <c r="FI21" s="113">
        <v>0</v>
      </c>
      <c r="FJ21" s="116">
        <v>0</v>
      </c>
      <c r="FK21" s="110">
        <v>1223693</v>
      </c>
      <c r="FL21" s="114">
        <v>2634852</v>
      </c>
      <c r="FM21" s="113">
        <v>3858545</v>
      </c>
      <c r="FN21" s="110">
        <v>0</v>
      </c>
      <c r="FO21" s="114">
        <v>3004820</v>
      </c>
      <c r="FP21" s="114">
        <v>11503196</v>
      </c>
      <c r="FQ21" s="114">
        <v>7993748</v>
      </c>
      <c r="FR21" s="114">
        <v>7241356</v>
      </c>
      <c r="FS21" s="114">
        <v>5303336</v>
      </c>
      <c r="FT21" s="113">
        <v>35046456</v>
      </c>
      <c r="FU21" s="116">
        <v>38905001</v>
      </c>
      <c r="FV21" s="115">
        <v>841551</v>
      </c>
      <c r="FW21" s="114">
        <v>1855366</v>
      </c>
      <c r="FX21" s="112">
        <v>2696917</v>
      </c>
      <c r="FY21" s="111">
        <v>0</v>
      </c>
      <c r="FZ21" s="114">
        <v>2661476</v>
      </c>
      <c r="GA21" s="114">
        <v>10841027</v>
      </c>
      <c r="GB21" s="114">
        <v>7573120</v>
      </c>
      <c r="GC21" s="114">
        <v>6506031</v>
      </c>
      <c r="GD21" s="114">
        <v>5287496</v>
      </c>
      <c r="GE21" s="113">
        <v>32869150</v>
      </c>
      <c r="GF21" s="319">
        <v>35566067</v>
      </c>
      <c r="GG21" s="115">
        <v>201663</v>
      </c>
      <c r="GH21" s="114">
        <v>331925</v>
      </c>
      <c r="GI21" s="112">
        <v>533588</v>
      </c>
      <c r="GJ21" s="111">
        <v>0</v>
      </c>
      <c r="GK21" s="114">
        <v>81279</v>
      </c>
      <c r="GL21" s="114">
        <v>222799</v>
      </c>
      <c r="GM21" s="114">
        <v>212008</v>
      </c>
      <c r="GN21" s="114">
        <v>190818</v>
      </c>
      <c r="GO21" s="114">
        <v>15840</v>
      </c>
      <c r="GP21" s="113">
        <v>722744</v>
      </c>
      <c r="GQ21" s="116">
        <v>1256332</v>
      </c>
      <c r="GR21" s="110">
        <v>180479</v>
      </c>
      <c r="GS21" s="114">
        <v>447561</v>
      </c>
      <c r="GT21" s="113">
        <v>628040</v>
      </c>
      <c r="GU21" s="110">
        <v>0</v>
      </c>
      <c r="GV21" s="114">
        <v>262065</v>
      </c>
      <c r="GW21" s="114">
        <v>439370</v>
      </c>
      <c r="GX21" s="114">
        <v>208620</v>
      </c>
      <c r="GY21" s="114">
        <v>544507</v>
      </c>
      <c r="GZ21" s="114">
        <v>0</v>
      </c>
      <c r="HA21" s="112">
        <v>1454562</v>
      </c>
      <c r="HB21" s="116">
        <v>2082602</v>
      </c>
      <c r="HC21" s="110">
        <v>1635918</v>
      </c>
      <c r="HD21" s="114">
        <v>1441241</v>
      </c>
      <c r="HE21" s="112">
        <v>3077159</v>
      </c>
      <c r="HF21" s="111">
        <v>0</v>
      </c>
      <c r="HG21" s="114">
        <v>16443901</v>
      </c>
      <c r="HH21" s="114">
        <v>18142086</v>
      </c>
      <c r="HI21" s="114">
        <v>15917995</v>
      </c>
      <c r="HJ21" s="114">
        <v>26728292</v>
      </c>
      <c r="HK21" s="114">
        <v>20232784</v>
      </c>
      <c r="HL21" s="113">
        <v>97465058</v>
      </c>
      <c r="HM21" s="109">
        <v>100542217</v>
      </c>
      <c r="HN21" s="115">
        <v>947219</v>
      </c>
      <c r="HO21" s="114">
        <v>1771476</v>
      </c>
      <c r="HP21" s="113">
        <v>2718695</v>
      </c>
      <c r="HQ21" s="110">
        <v>0</v>
      </c>
      <c r="HR21" s="114">
        <v>11883638</v>
      </c>
      <c r="HS21" s="114">
        <v>15821833</v>
      </c>
      <c r="HT21" s="114">
        <v>10676615</v>
      </c>
      <c r="HU21" s="114">
        <v>6575270</v>
      </c>
      <c r="HV21" s="114">
        <v>3907691</v>
      </c>
      <c r="HW21" s="112">
        <v>48865047</v>
      </c>
      <c r="HX21" s="116">
        <v>51583742</v>
      </c>
      <c r="HY21" s="131">
        <v>87197</v>
      </c>
      <c r="HZ21" s="132">
        <v>85011</v>
      </c>
      <c r="IA21" s="133">
        <v>172208</v>
      </c>
      <c r="IB21" s="146">
        <v>0</v>
      </c>
      <c r="IC21" s="132">
        <v>14864124</v>
      </c>
      <c r="ID21" s="147">
        <v>30256280</v>
      </c>
      <c r="IE21" s="133">
        <v>36927266</v>
      </c>
      <c r="IF21" s="132">
        <v>23770930</v>
      </c>
      <c r="IG21" s="133">
        <v>19577030</v>
      </c>
      <c r="IH21" s="148">
        <v>125395630</v>
      </c>
      <c r="II21" s="139">
        <v>125567838</v>
      </c>
      <c r="IJ21" s="232">
        <v>0</v>
      </c>
      <c r="IK21" s="236">
        <v>0</v>
      </c>
      <c r="IL21" s="237">
        <v>0</v>
      </c>
      <c r="IM21" s="140"/>
      <c r="IN21" s="119">
        <v>540456</v>
      </c>
      <c r="IO21" s="119">
        <v>1807923</v>
      </c>
      <c r="IP21" s="119">
        <v>1634575</v>
      </c>
      <c r="IQ21" s="119">
        <v>2840975</v>
      </c>
      <c r="IR21" s="119">
        <v>1751953</v>
      </c>
      <c r="IS21" s="141">
        <v>8575882</v>
      </c>
      <c r="IT21" s="321">
        <v>8575882</v>
      </c>
      <c r="IU21" s="142">
        <v>0</v>
      </c>
      <c r="IV21" s="119">
        <v>0</v>
      </c>
      <c r="IW21" s="120">
        <v>0</v>
      </c>
      <c r="IX21" s="144"/>
      <c r="IY21" s="119">
        <v>0</v>
      </c>
      <c r="IZ21" s="119">
        <v>0</v>
      </c>
      <c r="JA21" s="119">
        <v>89213</v>
      </c>
      <c r="JB21" s="119">
        <v>36160</v>
      </c>
      <c r="JC21" s="119">
        <v>0</v>
      </c>
      <c r="JD21" s="120">
        <v>125373</v>
      </c>
      <c r="JE21" s="121">
        <v>125373</v>
      </c>
      <c r="JF21" s="142">
        <v>0</v>
      </c>
      <c r="JG21" s="119">
        <v>0</v>
      </c>
      <c r="JH21" s="141">
        <v>0</v>
      </c>
      <c r="JI21" s="118">
        <v>0</v>
      </c>
      <c r="JJ21" s="119">
        <v>7910539</v>
      </c>
      <c r="JK21" s="119">
        <v>10615338</v>
      </c>
      <c r="JL21" s="119">
        <v>9386354</v>
      </c>
      <c r="JM21" s="119">
        <v>4365563</v>
      </c>
      <c r="JN21" s="119">
        <v>2114615</v>
      </c>
      <c r="JO21" s="120">
        <v>34392409</v>
      </c>
      <c r="JP21" s="321">
        <v>34392409</v>
      </c>
      <c r="JQ21" s="142">
        <v>0</v>
      </c>
      <c r="JR21" s="119">
        <v>0</v>
      </c>
      <c r="JS21" s="141">
        <v>0</v>
      </c>
      <c r="JT21" s="118">
        <v>0</v>
      </c>
      <c r="JU21" s="119">
        <v>528457</v>
      </c>
      <c r="JV21" s="119">
        <v>1154409</v>
      </c>
      <c r="JW21" s="119">
        <v>1218295</v>
      </c>
      <c r="JX21" s="119">
        <v>432271</v>
      </c>
      <c r="JY21" s="119">
        <v>811064</v>
      </c>
      <c r="JZ21" s="120">
        <v>4144496</v>
      </c>
      <c r="KA21" s="321">
        <v>4144496</v>
      </c>
      <c r="KB21" s="234">
        <v>87197</v>
      </c>
      <c r="KC21" s="230">
        <v>85011</v>
      </c>
      <c r="KD21" s="120">
        <v>172208</v>
      </c>
      <c r="KE21" s="118">
        <v>0</v>
      </c>
      <c r="KF21" s="119">
        <v>1168744</v>
      </c>
      <c r="KG21" s="119">
        <v>3161870</v>
      </c>
      <c r="KH21" s="119">
        <v>4607355</v>
      </c>
      <c r="KI21" s="119">
        <v>4226910</v>
      </c>
      <c r="KJ21" s="119">
        <v>3595173</v>
      </c>
      <c r="KK21" s="120">
        <v>16760052</v>
      </c>
      <c r="KL21" s="143">
        <v>16932260</v>
      </c>
      <c r="KM21" s="232">
        <v>0</v>
      </c>
      <c r="KN21" s="236">
        <v>0</v>
      </c>
      <c r="KO21" s="237">
        <v>0</v>
      </c>
      <c r="KP21" s="140"/>
      <c r="KQ21" s="119">
        <v>4343214</v>
      </c>
      <c r="KR21" s="119">
        <v>12101335</v>
      </c>
      <c r="KS21" s="119">
        <v>16277975</v>
      </c>
      <c r="KT21" s="119">
        <v>9389170</v>
      </c>
      <c r="KU21" s="119">
        <v>7429065</v>
      </c>
      <c r="KV21" s="120">
        <v>49540759</v>
      </c>
      <c r="KW21" s="321">
        <v>49540759</v>
      </c>
      <c r="KX21" s="142">
        <v>0</v>
      </c>
      <c r="KY21" s="119">
        <v>0</v>
      </c>
      <c r="KZ21" s="120">
        <v>0</v>
      </c>
      <c r="LA21" s="145"/>
      <c r="LB21" s="119">
        <v>0</v>
      </c>
      <c r="LC21" s="119">
        <v>0</v>
      </c>
      <c r="LD21" s="119">
        <v>0</v>
      </c>
      <c r="LE21" s="119">
        <v>0</v>
      </c>
      <c r="LF21" s="119">
        <v>0</v>
      </c>
      <c r="LG21" s="120">
        <v>0</v>
      </c>
      <c r="LH21" s="121">
        <v>0</v>
      </c>
      <c r="LI21" s="142">
        <v>0</v>
      </c>
      <c r="LJ21" s="119">
        <v>0</v>
      </c>
      <c r="LK21" s="120">
        <v>0</v>
      </c>
      <c r="LL21" s="145"/>
      <c r="LM21" s="119">
        <v>230908</v>
      </c>
      <c r="LN21" s="119">
        <v>493576</v>
      </c>
      <c r="LO21" s="119">
        <v>2428838</v>
      </c>
      <c r="LP21" s="119">
        <v>2189621</v>
      </c>
      <c r="LQ21" s="119">
        <v>2866697</v>
      </c>
      <c r="LR21" s="120">
        <v>8209640</v>
      </c>
      <c r="LS21" s="321">
        <v>8209640</v>
      </c>
      <c r="LT21" s="142">
        <v>0</v>
      </c>
      <c r="LU21" s="119">
        <v>0</v>
      </c>
      <c r="LV21" s="120">
        <v>0</v>
      </c>
      <c r="LW21" s="145"/>
      <c r="LX21" s="119">
        <v>141806</v>
      </c>
      <c r="LY21" s="119">
        <v>921829</v>
      </c>
      <c r="LZ21" s="119">
        <v>1284661</v>
      </c>
      <c r="MA21" s="119">
        <v>290260</v>
      </c>
      <c r="MB21" s="119">
        <v>1008463</v>
      </c>
      <c r="MC21" s="120">
        <v>3647019</v>
      </c>
      <c r="MD21" s="121">
        <v>3647019</v>
      </c>
      <c r="ME21" s="142">
        <v>0</v>
      </c>
      <c r="MF21" s="119">
        <v>0</v>
      </c>
      <c r="MG21" s="120">
        <v>0</v>
      </c>
      <c r="MH21" s="145"/>
      <c r="MI21" s="119">
        <v>20516931</v>
      </c>
      <c r="MJ21" s="119">
        <v>32338909</v>
      </c>
      <c r="MK21" s="119">
        <v>89323620</v>
      </c>
      <c r="ML21" s="119">
        <v>120232048</v>
      </c>
      <c r="MM21" s="119">
        <v>81925135</v>
      </c>
      <c r="MN21" s="120">
        <v>344336643</v>
      </c>
      <c r="MO21" s="143">
        <v>344336643</v>
      </c>
      <c r="MP21" s="142">
        <v>0</v>
      </c>
      <c r="MQ21" s="119">
        <v>0</v>
      </c>
      <c r="MR21" s="120">
        <v>0</v>
      </c>
      <c r="MS21" s="145"/>
      <c r="MT21" s="119">
        <v>1537497</v>
      </c>
      <c r="MU21" s="119">
        <v>5970687</v>
      </c>
      <c r="MV21" s="119">
        <v>47373003</v>
      </c>
      <c r="MW21" s="119">
        <v>74583346</v>
      </c>
      <c r="MX21" s="119">
        <v>59140272</v>
      </c>
      <c r="MY21" s="120">
        <v>188604805</v>
      </c>
      <c r="MZ21" s="143">
        <v>188604805</v>
      </c>
      <c r="NA21" s="142">
        <v>0</v>
      </c>
      <c r="NB21" s="119">
        <v>0</v>
      </c>
      <c r="NC21" s="120">
        <v>0</v>
      </c>
      <c r="ND21" s="145"/>
      <c r="NE21" s="119">
        <v>18979779</v>
      </c>
      <c r="NF21" s="119">
        <v>26368222</v>
      </c>
      <c r="NG21" s="119">
        <v>39469315</v>
      </c>
      <c r="NH21" s="119">
        <v>40465801</v>
      </c>
      <c r="NI21" s="119">
        <v>18874905</v>
      </c>
      <c r="NJ21" s="120">
        <v>144158022</v>
      </c>
      <c r="NK21" s="321">
        <v>144158022</v>
      </c>
      <c r="NL21" s="142">
        <v>0</v>
      </c>
      <c r="NM21" s="119">
        <v>0</v>
      </c>
      <c r="NN21" s="120">
        <v>0</v>
      </c>
      <c r="NO21" s="145"/>
      <c r="NP21" s="119">
        <v>0</v>
      </c>
      <c r="NQ21" s="119">
        <v>0</v>
      </c>
      <c r="NR21" s="119">
        <v>0</v>
      </c>
      <c r="NS21" s="119">
        <v>0</v>
      </c>
      <c r="NT21" s="119">
        <v>712950</v>
      </c>
      <c r="NU21" s="120">
        <v>712950</v>
      </c>
      <c r="NV21" s="121">
        <v>712950</v>
      </c>
      <c r="NW21" s="142">
        <v>0</v>
      </c>
      <c r="NX21" s="119">
        <v>0</v>
      </c>
      <c r="NY21" s="120">
        <v>0</v>
      </c>
      <c r="NZ21" s="145"/>
      <c r="OA21" s="119">
        <v>-345</v>
      </c>
      <c r="OB21" s="119">
        <v>0</v>
      </c>
      <c r="OC21" s="119">
        <v>2481302</v>
      </c>
      <c r="OD21" s="119">
        <v>5182901</v>
      </c>
      <c r="OE21" s="119">
        <v>3197008</v>
      </c>
      <c r="OF21" s="120">
        <v>10860866</v>
      </c>
      <c r="OG21" s="121">
        <v>10860866</v>
      </c>
      <c r="OH21" s="142">
        <v>6015995</v>
      </c>
      <c r="OI21" s="119">
        <v>12290589</v>
      </c>
      <c r="OJ21" s="141">
        <v>18306584</v>
      </c>
      <c r="OK21" s="118">
        <v>0</v>
      </c>
      <c r="OL21" s="119">
        <v>111726067</v>
      </c>
      <c r="OM21" s="119">
        <v>186496299</v>
      </c>
      <c r="ON21" s="119">
        <v>233485757</v>
      </c>
      <c r="OO21" s="119">
        <v>240852259</v>
      </c>
      <c r="OP21" s="119">
        <v>174215442</v>
      </c>
      <c r="OQ21" s="120">
        <v>946775824</v>
      </c>
      <c r="OR21" s="143">
        <v>965082408</v>
      </c>
    </row>
    <row r="22" spans="1:408" ht="18.75" customHeight="1" x14ac:dyDescent="0.2">
      <c r="A22" s="62" t="s">
        <v>17</v>
      </c>
      <c r="B22" s="110">
        <v>6042749</v>
      </c>
      <c r="C22" s="114">
        <v>15899960</v>
      </c>
      <c r="D22" s="113">
        <v>21942709</v>
      </c>
      <c r="E22" s="109">
        <v>0</v>
      </c>
      <c r="F22" s="114">
        <v>80639010</v>
      </c>
      <c r="G22" s="114">
        <v>157720612</v>
      </c>
      <c r="H22" s="114">
        <v>130934339</v>
      </c>
      <c r="I22" s="114">
        <v>118239544</v>
      </c>
      <c r="J22" s="114">
        <v>93678466</v>
      </c>
      <c r="K22" s="109">
        <v>581211971</v>
      </c>
      <c r="L22" s="116">
        <v>603154680</v>
      </c>
      <c r="M22" s="110">
        <v>1272951</v>
      </c>
      <c r="N22" s="114">
        <v>3959720</v>
      </c>
      <c r="O22" s="113">
        <v>5232671</v>
      </c>
      <c r="P22" s="110">
        <v>0</v>
      </c>
      <c r="Q22" s="114">
        <v>18415678</v>
      </c>
      <c r="R22" s="114">
        <v>42464854</v>
      </c>
      <c r="S22" s="114">
        <v>36739442</v>
      </c>
      <c r="T22" s="114">
        <v>42894561</v>
      </c>
      <c r="U22" s="114">
        <v>48921977</v>
      </c>
      <c r="V22" s="113">
        <v>189436512</v>
      </c>
      <c r="W22" s="116">
        <v>194669183</v>
      </c>
      <c r="X22" s="110">
        <v>0</v>
      </c>
      <c r="Y22" s="114">
        <v>0</v>
      </c>
      <c r="Z22" s="113">
        <v>0</v>
      </c>
      <c r="AA22" s="110">
        <v>0</v>
      </c>
      <c r="AB22" s="114">
        <v>8800325</v>
      </c>
      <c r="AC22" s="114">
        <v>21750883</v>
      </c>
      <c r="AD22" s="114">
        <v>21817308</v>
      </c>
      <c r="AE22" s="114">
        <v>25989941</v>
      </c>
      <c r="AF22" s="114">
        <v>31504060</v>
      </c>
      <c r="AG22" s="113">
        <v>109862517</v>
      </c>
      <c r="AH22" s="116">
        <v>109862517</v>
      </c>
      <c r="AI22" s="110">
        <v>0</v>
      </c>
      <c r="AJ22" s="114">
        <v>115313</v>
      </c>
      <c r="AK22" s="113">
        <v>115313</v>
      </c>
      <c r="AL22" s="110">
        <v>0</v>
      </c>
      <c r="AM22" s="114">
        <v>15287</v>
      </c>
      <c r="AN22" s="114">
        <v>842904</v>
      </c>
      <c r="AO22" s="114">
        <v>1431819</v>
      </c>
      <c r="AP22" s="114">
        <v>2263230</v>
      </c>
      <c r="AQ22" s="114">
        <v>5321490</v>
      </c>
      <c r="AR22" s="113">
        <v>9874730</v>
      </c>
      <c r="AS22" s="116">
        <v>9990043</v>
      </c>
      <c r="AT22" s="110">
        <v>695031</v>
      </c>
      <c r="AU22" s="114">
        <v>3044928</v>
      </c>
      <c r="AV22" s="113">
        <v>3739959</v>
      </c>
      <c r="AW22" s="110">
        <v>0</v>
      </c>
      <c r="AX22" s="114">
        <v>5763832</v>
      </c>
      <c r="AY22" s="114">
        <v>13163626</v>
      </c>
      <c r="AZ22" s="114">
        <v>7925133</v>
      </c>
      <c r="BA22" s="114">
        <v>9041641</v>
      </c>
      <c r="BB22" s="114">
        <v>7727759</v>
      </c>
      <c r="BC22" s="113">
        <v>43621991</v>
      </c>
      <c r="BD22" s="116">
        <v>47361950</v>
      </c>
      <c r="BE22" s="110">
        <v>67557</v>
      </c>
      <c r="BF22" s="114">
        <v>103775</v>
      </c>
      <c r="BG22" s="112">
        <v>171332</v>
      </c>
      <c r="BH22" s="111">
        <v>0</v>
      </c>
      <c r="BI22" s="114">
        <v>212097</v>
      </c>
      <c r="BJ22" s="114">
        <v>945672</v>
      </c>
      <c r="BK22" s="114">
        <v>352827</v>
      </c>
      <c r="BL22" s="114">
        <v>437565</v>
      </c>
      <c r="BM22" s="114">
        <v>191525</v>
      </c>
      <c r="BN22" s="113">
        <v>2139686</v>
      </c>
      <c r="BO22" s="116">
        <v>2311018</v>
      </c>
      <c r="BP22" s="110">
        <v>510363</v>
      </c>
      <c r="BQ22" s="114">
        <v>695704</v>
      </c>
      <c r="BR22" s="113">
        <v>1206067</v>
      </c>
      <c r="BS22" s="110">
        <v>0</v>
      </c>
      <c r="BT22" s="114">
        <v>3624137</v>
      </c>
      <c r="BU22" s="114">
        <v>5761769</v>
      </c>
      <c r="BV22" s="114">
        <v>5212355</v>
      </c>
      <c r="BW22" s="114">
        <v>5162184</v>
      </c>
      <c r="BX22" s="114">
        <v>4177143</v>
      </c>
      <c r="BY22" s="113">
        <v>23937588</v>
      </c>
      <c r="BZ22" s="116">
        <v>25143655</v>
      </c>
      <c r="CA22" s="110">
        <v>304369</v>
      </c>
      <c r="CB22" s="114">
        <v>1652271</v>
      </c>
      <c r="CC22" s="113">
        <v>1956640</v>
      </c>
      <c r="CD22" s="110">
        <v>0</v>
      </c>
      <c r="CE22" s="114">
        <v>25973902</v>
      </c>
      <c r="CF22" s="114">
        <v>54498101</v>
      </c>
      <c r="CG22" s="114">
        <v>40115274</v>
      </c>
      <c r="CH22" s="114">
        <v>25772635</v>
      </c>
      <c r="CI22" s="114">
        <v>11958777</v>
      </c>
      <c r="CJ22" s="113">
        <v>158318689</v>
      </c>
      <c r="CK22" s="116">
        <v>160275329</v>
      </c>
      <c r="CL22" s="110">
        <v>0</v>
      </c>
      <c r="CM22" s="114">
        <v>0</v>
      </c>
      <c r="CN22" s="113">
        <v>0</v>
      </c>
      <c r="CO22" s="111">
        <v>0</v>
      </c>
      <c r="CP22" s="114">
        <v>22204749</v>
      </c>
      <c r="CQ22" s="114">
        <v>43823700</v>
      </c>
      <c r="CR22" s="114">
        <v>33035474</v>
      </c>
      <c r="CS22" s="114">
        <v>21373146</v>
      </c>
      <c r="CT22" s="114">
        <v>10661505</v>
      </c>
      <c r="CU22" s="113">
        <v>131098574</v>
      </c>
      <c r="CV22" s="116">
        <v>131098574</v>
      </c>
      <c r="CW22" s="110">
        <v>304369</v>
      </c>
      <c r="CX22" s="114">
        <v>1652271</v>
      </c>
      <c r="CY22" s="113">
        <v>1956640</v>
      </c>
      <c r="CZ22" s="110">
        <v>0</v>
      </c>
      <c r="DA22" s="114">
        <v>3769153</v>
      </c>
      <c r="DB22" s="114">
        <v>10674401</v>
      </c>
      <c r="DC22" s="114">
        <v>7079800</v>
      </c>
      <c r="DD22" s="114">
        <v>4399489</v>
      </c>
      <c r="DE22" s="114">
        <v>1297272</v>
      </c>
      <c r="DF22" s="113">
        <v>27220115</v>
      </c>
      <c r="DG22" s="116">
        <v>29176755</v>
      </c>
      <c r="DH22" s="110">
        <v>56420</v>
      </c>
      <c r="DI22" s="114">
        <v>160745</v>
      </c>
      <c r="DJ22" s="112">
        <v>217165</v>
      </c>
      <c r="DK22" s="111">
        <v>0</v>
      </c>
      <c r="DL22" s="114">
        <v>2444055</v>
      </c>
      <c r="DM22" s="114">
        <v>6777729</v>
      </c>
      <c r="DN22" s="114">
        <v>11466616</v>
      </c>
      <c r="DO22" s="114">
        <v>10384747</v>
      </c>
      <c r="DP22" s="114">
        <v>6096944</v>
      </c>
      <c r="DQ22" s="113">
        <v>37170091</v>
      </c>
      <c r="DR22" s="116">
        <v>37387256</v>
      </c>
      <c r="DS22" s="110">
        <v>56420</v>
      </c>
      <c r="DT22" s="114">
        <v>160745</v>
      </c>
      <c r="DU22" s="113">
        <v>217165</v>
      </c>
      <c r="DV22" s="110">
        <v>0</v>
      </c>
      <c r="DW22" s="114">
        <v>2060443</v>
      </c>
      <c r="DX22" s="114">
        <v>6145126</v>
      </c>
      <c r="DY22" s="114">
        <v>10928080</v>
      </c>
      <c r="DZ22" s="114">
        <v>9763345</v>
      </c>
      <c r="EA22" s="114">
        <v>5245062</v>
      </c>
      <c r="EB22" s="113">
        <v>34142056</v>
      </c>
      <c r="EC22" s="116">
        <v>34359221</v>
      </c>
      <c r="ED22" s="110">
        <v>0</v>
      </c>
      <c r="EE22" s="112">
        <v>0</v>
      </c>
      <c r="EF22" s="113">
        <v>0</v>
      </c>
      <c r="EG22" s="110">
        <v>0</v>
      </c>
      <c r="EH22" s="114">
        <v>383612</v>
      </c>
      <c r="EI22" s="114">
        <v>632603</v>
      </c>
      <c r="EJ22" s="114">
        <v>538536</v>
      </c>
      <c r="EK22" s="114">
        <v>621402</v>
      </c>
      <c r="EL22" s="114">
        <v>851882</v>
      </c>
      <c r="EM22" s="112">
        <v>3028035</v>
      </c>
      <c r="EN22" s="116">
        <v>3028035</v>
      </c>
      <c r="EO22" s="110">
        <v>0</v>
      </c>
      <c r="EP22" s="114">
        <v>0</v>
      </c>
      <c r="EQ22" s="112">
        <v>0</v>
      </c>
      <c r="ER22" s="111">
        <v>0</v>
      </c>
      <c r="ES22" s="114">
        <v>0</v>
      </c>
      <c r="ET22" s="114">
        <v>0</v>
      </c>
      <c r="EU22" s="114">
        <v>0</v>
      </c>
      <c r="EV22" s="114">
        <v>0</v>
      </c>
      <c r="EW22" s="114">
        <v>0</v>
      </c>
      <c r="EX22" s="113">
        <v>0</v>
      </c>
      <c r="EY22" s="116">
        <v>0</v>
      </c>
      <c r="EZ22" s="110">
        <v>0</v>
      </c>
      <c r="FA22" s="114">
        <v>0</v>
      </c>
      <c r="FB22" s="112">
        <v>0</v>
      </c>
      <c r="FC22" s="348"/>
      <c r="FD22" s="114">
        <v>0</v>
      </c>
      <c r="FE22" s="114">
        <v>0</v>
      </c>
      <c r="FF22" s="114">
        <v>0</v>
      </c>
      <c r="FG22" s="114">
        <v>0</v>
      </c>
      <c r="FH22" s="114">
        <v>0</v>
      </c>
      <c r="FI22" s="113">
        <v>0</v>
      </c>
      <c r="FJ22" s="116">
        <v>0</v>
      </c>
      <c r="FK22" s="110">
        <v>1518431</v>
      </c>
      <c r="FL22" s="114">
        <v>3958166</v>
      </c>
      <c r="FM22" s="113">
        <v>5476597</v>
      </c>
      <c r="FN22" s="110">
        <v>0</v>
      </c>
      <c r="FO22" s="114">
        <v>3788579</v>
      </c>
      <c r="FP22" s="114">
        <v>16358434</v>
      </c>
      <c r="FQ22" s="114">
        <v>10711273</v>
      </c>
      <c r="FR22" s="114">
        <v>10513982</v>
      </c>
      <c r="FS22" s="114">
        <v>8073345</v>
      </c>
      <c r="FT22" s="113">
        <v>49445613</v>
      </c>
      <c r="FU22" s="116">
        <v>54922210</v>
      </c>
      <c r="FV22" s="115">
        <v>1000462</v>
      </c>
      <c r="FW22" s="114">
        <v>3310214</v>
      </c>
      <c r="FX22" s="112">
        <v>4310676</v>
      </c>
      <c r="FY22" s="111">
        <v>0</v>
      </c>
      <c r="FZ22" s="114">
        <v>2948843</v>
      </c>
      <c r="GA22" s="114">
        <v>14717500</v>
      </c>
      <c r="GB22" s="114">
        <v>9499120</v>
      </c>
      <c r="GC22" s="114">
        <v>9941180</v>
      </c>
      <c r="GD22" s="114">
        <v>7732931</v>
      </c>
      <c r="GE22" s="113">
        <v>44839574</v>
      </c>
      <c r="GF22" s="319">
        <v>49150250</v>
      </c>
      <c r="GG22" s="115">
        <v>37872</v>
      </c>
      <c r="GH22" s="114">
        <v>169902</v>
      </c>
      <c r="GI22" s="112">
        <v>207774</v>
      </c>
      <c r="GJ22" s="111">
        <v>0</v>
      </c>
      <c r="GK22" s="114">
        <v>284995</v>
      </c>
      <c r="GL22" s="114">
        <v>521414</v>
      </c>
      <c r="GM22" s="114">
        <v>396036</v>
      </c>
      <c r="GN22" s="114">
        <v>157002</v>
      </c>
      <c r="GO22" s="114">
        <v>72214</v>
      </c>
      <c r="GP22" s="113">
        <v>1431661</v>
      </c>
      <c r="GQ22" s="116">
        <v>1639435</v>
      </c>
      <c r="GR22" s="110">
        <v>480097</v>
      </c>
      <c r="GS22" s="114">
        <v>478050</v>
      </c>
      <c r="GT22" s="113">
        <v>958147</v>
      </c>
      <c r="GU22" s="110">
        <v>0</v>
      </c>
      <c r="GV22" s="114">
        <v>554741</v>
      </c>
      <c r="GW22" s="114">
        <v>1119520</v>
      </c>
      <c r="GX22" s="114">
        <v>816117</v>
      </c>
      <c r="GY22" s="114">
        <v>415800</v>
      </c>
      <c r="GZ22" s="114">
        <v>268200</v>
      </c>
      <c r="HA22" s="112">
        <v>3174378</v>
      </c>
      <c r="HB22" s="116">
        <v>4132525</v>
      </c>
      <c r="HC22" s="110">
        <v>1761173</v>
      </c>
      <c r="HD22" s="114">
        <v>3477798</v>
      </c>
      <c r="HE22" s="112">
        <v>5238971</v>
      </c>
      <c r="HF22" s="111">
        <v>0</v>
      </c>
      <c r="HG22" s="114">
        <v>16835445</v>
      </c>
      <c r="HH22" s="114">
        <v>17188076</v>
      </c>
      <c r="HI22" s="114">
        <v>18086123</v>
      </c>
      <c r="HJ22" s="114">
        <v>18694859</v>
      </c>
      <c r="HK22" s="114">
        <v>12481987</v>
      </c>
      <c r="HL22" s="113">
        <v>83286490</v>
      </c>
      <c r="HM22" s="109">
        <v>88525461</v>
      </c>
      <c r="HN22" s="115">
        <v>1129405</v>
      </c>
      <c r="HO22" s="114">
        <v>2691260</v>
      </c>
      <c r="HP22" s="113">
        <v>3820665</v>
      </c>
      <c r="HQ22" s="110">
        <v>0</v>
      </c>
      <c r="HR22" s="114">
        <v>13181351</v>
      </c>
      <c r="HS22" s="114">
        <v>20433418</v>
      </c>
      <c r="HT22" s="114">
        <v>13815611</v>
      </c>
      <c r="HU22" s="114">
        <v>9978760</v>
      </c>
      <c r="HV22" s="114">
        <v>6145436</v>
      </c>
      <c r="HW22" s="112">
        <v>63554576</v>
      </c>
      <c r="HX22" s="116">
        <v>67375241</v>
      </c>
      <c r="HY22" s="150">
        <v>46544</v>
      </c>
      <c r="HZ22" s="135">
        <v>110253</v>
      </c>
      <c r="IA22" s="150">
        <v>156797</v>
      </c>
      <c r="IB22" s="134">
        <v>0</v>
      </c>
      <c r="IC22" s="135">
        <v>30149133</v>
      </c>
      <c r="ID22" s="136">
        <v>47760250</v>
      </c>
      <c r="IE22" s="137">
        <v>48151124</v>
      </c>
      <c r="IF22" s="135">
        <v>42125332</v>
      </c>
      <c r="IG22" s="137">
        <v>36578729</v>
      </c>
      <c r="IH22" s="138">
        <v>204764568</v>
      </c>
      <c r="II22" s="150">
        <v>204921365</v>
      </c>
      <c r="IJ22" s="232">
        <v>0</v>
      </c>
      <c r="IK22" s="236">
        <v>0</v>
      </c>
      <c r="IL22" s="237">
        <v>0</v>
      </c>
      <c r="IM22" s="140"/>
      <c r="IN22" s="119">
        <v>92579</v>
      </c>
      <c r="IO22" s="119">
        <v>328968</v>
      </c>
      <c r="IP22" s="119">
        <v>183325</v>
      </c>
      <c r="IQ22" s="119">
        <v>901114</v>
      </c>
      <c r="IR22" s="119">
        <v>0</v>
      </c>
      <c r="IS22" s="141">
        <v>1505986</v>
      </c>
      <c r="IT22" s="321">
        <v>1505986</v>
      </c>
      <c r="IU22" s="142">
        <v>0</v>
      </c>
      <c r="IV22" s="119">
        <v>0</v>
      </c>
      <c r="IW22" s="120">
        <v>0</v>
      </c>
      <c r="IX22" s="144"/>
      <c r="IY22" s="119">
        <v>0</v>
      </c>
      <c r="IZ22" s="119">
        <v>0</v>
      </c>
      <c r="JA22" s="119">
        <v>0</v>
      </c>
      <c r="JB22" s="119">
        <v>0</v>
      </c>
      <c r="JC22" s="119">
        <v>0</v>
      </c>
      <c r="JD22" s="120">
        <v>0</v>
      </c>
      <c r="JE22" s="121">
        <v>0</v>
      </c>
      <c r="JF22" s="142">
        <v>0</v>
      </c>
      <c r="JG22" s="119">
        <v>0</v>
      </c>
      <c r="JH22" s="141">
        <v>0</v>
      </c>
      <c r="JI22" s="118">
        <v>0</v>
      </c>
      <c r="JJ22" s="119">
        <v>13903228</v>
      </c>
      <c r="JK22" s="119">
        <v>19445405</v>
      </c>
      <c r="JL22" s="119">
        <v>13118712</v>
      </c>
      <c r="JM22" s="119">
        <v>11909015</v>
      </c>
      <c r="JN22" s="119">
        <v>9777884</v>
      </c>
      <c r="JO22" s="120">
        <v>68154244</v>
      </c>
      <c r="JP22" s="321">
        <v>68154244</v>
      </c>
      <c r="JQ22" s="142">
        <v>0</v>
      </c>
      <c r="JR22" s="119">
        <v>110253</v>
      </c>
      <c r="JS22" s="141">
        <v>110253</v>
      </c>
      <c r="JT22" s="118">
        <v>0</v>
      </c>
      <c r="JU22" s="119">
        <v>1559489</v>
      </c>
      <c r="JV22" s="119">
        <v>2651457</v>
      </c>
      <c r="JW22" s="119">
        <v>2769974</v>
      </c>
      <c r="JX22" s="119">
        <v>1574480</v>
      </c>
      <c r="JY22" s="119">
        <v>692382</v>
      </c>
      <c r="JZ22" s="120">
        <v>9247782</v>
      </c>
      <c r="KA22" s="321">
        <v>9358035</v>
      </c>
      <c r="KB22" s="234">
        <v>46544</v>
      </c>
      <c r="KC22" s="230">
        <v>0</v>
      </c>
      <c r="KD22" s="120">
        <v>46544</v>
      </c>
      <c r="KE22" s="118">
        <v>0</v>
      </c>
      <c r="KF22" s="119">
        <v>1690497</v>
      </c>
      <c r="KG22" s="119">
        <v>6197974</v>
      </c>
      <c r="KH22" s="119">
        <v>7353370</v>
      </c>
      <c r="KI22" s="119">
        <v>8278795</v>
      </c>
      <c r="KJ22" s="119">
        <v>4008341</v>
      </c>
      <c r="KK22" s="120">
        <v>27528977</v>
      </c>
      <c r="KL22" s="143">
        <v>27575521</v>
      </c>
      <c r="KM22" s="232">
        <v>0</v>
      </c>
      <c r="KN22" s="236">
        <v>0</v>
      </c>
      <c r="KO22" s="237">
        <v>0</v>
      </c>
      <c r="KP22" s="140"/>
      <c r="KQ22" s="119">
        <v>11878357</v>
      </c>
      <c r="KR22" s="119">
        <v>18380765</v>
      </c>
      <c r="KS22" s="119">
        <v>15174491</v>
      </c>
      <c r="KT22" s="119">
        <v>9906108</v>
      </c>
      <c r="KU22" s="119">
        <v>6147303</v>
      </c>
      <c r="KV22" s="120">
        <v>61487024</v>
      </c>
      <c r="KW22" s="321">
        <v>61487024</v>
      </c>
      <c r="KX22" s="142">
        <v>0</v>
      </c>
      <c r="KY22" s="119">
        <v>0</v>
      </c>
      <c r="KZ22" s="120">
        <v>0</v>
      </c>
      <c r="LA22" s="145"/>
      <c r="LB22" s="119">
        <v>0</v>
      </c>
      <c r="LC22" s="119">
        <v>0</v>
      </c>
      <c r="LD22" s="119">
        <v>0</v>
      </c>
      <c r="LE22" s="119">
        <v>0</v>
      </c>
      <c r="LF22" s="119">
        <v>0</v>
      </c>
      <c r="LG22" s="120">
        <v>0</v>
      </c>
      <c r="LH22" s="121">
        <v>0</v>
      </c>
      <c r="LI22" s="142">
        <v>0</v>
      </c>
      <c r="LJ22" s="119">
        <v>0</v>
      </c>
      <c r="LK22" s="120">
        <v>0</v>
      </c>
      <c r="LL22" s="145"/>
      <c r="LM22" s="119">
        <v>213776</v>
      </c>
      <c r="LN22" s="119">
        <v>755681</v>
      </c>
      <c r="LO22" s="119">
        <v>9219272</v>
      </c>
      <c r="LP22" s="119">
        <v>8231230</v>
      </c>
      <c r="LQ22" s="119">
        <v>13022617</v>
      </c>
      <c r="LR22" s="120">
        <v>31442576</v>
      </c>
      <c r="LS22" s="321">
        <v>31442576</v>
      </c>
      <c r="LT22" s="142">
        <v>0</v>
      </c>
      <c r="LU22" s="119">
        <v>0</v>
      </c>
      <c r="LV22" s="120">
        <v>0</v>
      </c>
      <c r="LW22" s="145"/>
      <c r="LX22" s="119">
        <v>811207</v>
      </c>
      <c r="LY22" s="119">
        <v>0</v>
      </c>
      <c r="LZ22" s="119">
        <v>331980</v>
      </c>
      <c r="MA22" s="119">
        <v>1324590</v>
      </c>
      <c r="MB22" s="119">
        <v>2930202</v>
      </c>
      <c r="MC22" s="120">
        <v>5397979</v>
      </c>
      <c r="MD22" s="121">
        <v>5397979</v>
      </c>
      <c r="ME22" s="142">
        <v>0</v>
      </c>
      <c r="MF22" s="119">
        <v>0</v>
      </c>
      <c r="MG22" s="120">
        <v>0</v>
      </c>
      <c r="MH22" s="145"/>
      <c r="MI22" s="119">
        <v>11084324</v>
      </c>
      <c r="MJ22" s="119">
        <v>31486941</v>
      </c>
      <c r="MK22" s="119">
        <v>91711462</v>
      </c>
      <c r="ML22" s="119">
        <v>110744578</v>
      </c>
      <c r="MM22" s="119">
        <v>82626724</v>
      </c>
      <c r="MN22" s="120">
        <v>327654029</v>
      </c>
      <c r="MO22" s="143">
        <v>327654029</v>
      </c>
      <c r="MP22" s="142">
        <v>0</v>
      </c>
      <c r="MQ22" s="119">
        <v>0</v>
      </c>
      <c r="MR22" s="120">
        <v>0</v>
      </c>
      <c r="MS22" s="145"/>
      <c r="MT22" s="119">
        <v>1066861</v>
      </c>
      <c r="MU22" s="119">
        <v>5132141</v>
      </c>
      <c r="MV22" s="119">
        <v>49767950</v>
      </c>
      <c r="MW22" s="119">
        <v>75075909</v>
      </c>
      <c r="MX22" s="119">
        <v>56102655</v>
      </c>
      <c r="MY22" s="120">
        <v>187145516</v>
      </c>
      <c r="MZ22" s="143">
        <v>187145516</v>
      </c>
      <c r="NA22" s="142">
        <v>0</v>
      </c>
      <c r="NB22" s="119">
        <v>0</v>
      </c>
      <c r="NC22" s="120">
        <v>0</v>
      </c>
      <c r="ND22" s="145"/>
      <c r="NE22" s="119">
        <v>10017463</v>
      </c>
      <c r="NF22" s="119">
        <v>26354800</v>
      </c>
      <c r="NG22" s="119">
        <v>41591514</v>
      </c>
      <c r="NH22" s="119">
        <v>34552841</v>
      </c>
      <c r="NI22" s="119">
        <v>20552708</v>
      </c>
      <c r="NJ22" s="120">
        <v>133069326</v>
      </c>
      <c r="NK22" s="321">
        <v>133069326</v>
      </c>
      <c r="NL22" s="142">
        <v>0</v>
      </c>
      <c r="NM22" s="119">
        <v>0</v>
      </c>
      <c r="NN22" s="120">
        <v>0</v>
      </c>
      <c r="NO22" s="145"/>
      <c r="NP22" s="119">
        <v>0</v>
      </c>
      <c r="NQ22" s="119">
        <v>0</v>
      </c>
      <c r="NR22" s="119">
        <v>351998</v>
      </c>
      <c r="NS22" s="119">
        <v>0</v>
      </c>
      <c r="NT22" s="119">
        <v>1050153</v>
      </c>
      <c r="NU22" s="120">
        <v>1402151</v>
      </c>
      <c r="NV22" s="121">
        <v>1402151</v>
      </c>
      <c r="NW22" s="142">
        <v>0</v>
      </c>
      <c r="NX22" s="119">
        <v>0</v>
      </c>
      <c r="NY22" s="120">
        <v>0</v>
      </c>
      <c r="NZ22" s="145"/>
      <c r="OA22" s="119">
        <v>0</v>
      </c>
      <c r="OB22" s="119">
        <v>0</v>
      </c>
      <c r="OC22" s="119">
        <v>0</v>
      </c>
      <c r="OD22" s="119">
        <v>1115828</v>
      </c>
      <c r="OE22" s="119">
        <v>4921208</v>
      </c>
      <c r="OF22" s="120">
        <v>6037036</v>
      </c>
      <c r="OG22" s="121">
        <v>6037036</v>
      </c>
      <c r="OH22" s="142">
        <v>6089293</v>
      </c>
      <c r="OI22" s="119">
        <v>16010213</v>
      </c>
      <c r="OJ22" s="141">
        <v>22099506</v>
      </c>
      <c r="OK22" s="118">
        <v>0</v>
      </c>
      <c r="OL22" s="119">
        <v>121872467</v>
      </c>
      <c r="OM22" s="119">
        <v>236967803</v>
      </c>
      <c r="ON22" s="119">
        <v>270796925</v>
      </c>
      <c r="OO22" s="119">
        <v>271109454</v>
      </c>
      <c r="OP22" s="119">
        <v>212883919</v>
      </c>
      <c r="OQ22" s="120">
        <v>1113630568</v>
      </c>
      <c r="OR22" s="143">
        <v>1135730074</v>
      </c>
    </row>
    <row r="23" spans="1:408" ht="18.75" customHeight="1" x14ac:dyDescent="0.2">
      <c r="A23" s="62" t="s">
        <v>18</v>
      </c>
      <c r="B23" s="110">
        <v>8419925</v>
      </c>
      <c r="C23" s="114">
        <v>16667009</v>
      </c>
      <c r="D23" s="113">
        <v>25086934</v>
      </c>
      <c r="E23" s="109">
        <v>0</v>
      </c>
      <c r="F23" s="114">
        <v>137250426</v>
      </c>
      <c r="G23" s="114">
        <v>160785361</v>
      </c>
      <c r="H23" s="114">
        <v>147077727</v>
      </c>
      <c r="I23" s="114">
        <v>144840457</v>
      </c>
      <c r="J23" s="114">
        <v>93831457</v>
      </c>
      <c r="K23" s="109">
        <v>683785428</v>
      </c>
      <c r="L23" s="116">
        <v>708872362</v>
      </c>
      <c r="M23" s="110">
        <v>2207789</v>
      </c>
      <c r="N23" s="114">
        <v>4188041</v>
      </c>
      <c r="O23" s="113">
        <v>6395830</v>
      </c>
      <c r="P23" s="110">
        <v>0</v>
      </c>
      <c r="Q23" s="114">
        <v>39836961</v>
      </c>
      <c r="R23" s="114">
        <v>46575241</v>
      </c>
      <c r="S23" s="114">
        <v>44968986</v>
      </c>
      <c r="T23" s="114">
        <v>57276413</v>
      </c>
      <c r="U23" s="114">
        <v>45460291</v>
      </c>
      <c r="V23" s="113">
        <v>234117892</v>
      </c>
      <c r="W23" s="116">
        <v>240513722</v>
      </c>
      <c r="X23" s="110">
        <v>0</v>
      </c>
      <c r="Y23" s="114">
        <v>0</v>
      </c>
      <c r="Z23" s="113">
        <v>0</v>
      </c>
      <c r="AA23" s="110">
        <v>0</v>
      </c>
      <c r="AB23" s="114">
        <v>19239727</v>
      </c>
      <c r="AC23" s="114">
        <v>24586931</v>
      </c>
      <c r="AD23" s="114">
        <v>24144898</v>
      </c>
      <c r="AE23" s="114">
        <v>38863894</v>
      </c>
      <c r="AF23" s="114">
        <v>26589059</v>
      </c>
      <c r="AG23" s="113">
        <v>133424509</v>
      </c>
      <c r="AH23" s="116">
        <v>133424509</v>
      </c>
      <c r="AI23" s="110">
        <v>0</v>
      </c>
      <c r="AJ23" s="114">
        <v>0</v>
      </c>
      <c r="AK23" s="113">
        <v>0</v>
      </c>
      <c r="AL23" s="110">
        <v>0</v>
      </c>
      <c r="AM23" s="114">
        <v>235574</v>
      </c>
      <c r="AN23" s="114">
        <v>884418</v>
      </c>
      <c r="AO23" s="114">
        <v>1412907</v>
      </c>
      <c r="AP23" s="114">
        <v>2020486</v>
      </c>
      <c r="AQ23" s="114">
        <v>5209767</v>
      </c>
      <c r="AR23" s="113">
        <v>9763152</v>
      </c>
      <c r="AS23" s="116">
        <v>9763152</v>
      </c>
      <c r="AT23" s="110">
        <v>1311048</v>
      </c>
      <c r="AU23" s="114">
        <v>3245643</v>
      </c>
      <c r="AV23" s="113">
        <v>4556691</v>
      </c>
      <c r="AW23" s="110">
        <v>0</v>
      </c>
      <c r="AX23" s="114">
        <v>12559891</v>
      </c>
      <c r="AY23" s="114">
        <v>12896392</v>
      </c>
      <c r="AZ23" s="114">
        <v>10695560</v>
      </c>
      <c r="BA23" s="114">
        <v>8588351</v>
      </c>
      <c r="BB23" s="114">
        <v>8198387</v>
      </c>
      <c r="BC23" s="113">
        <v>52938581</v>
      </c>
      <c r="BD23" s="116">
        <v>57495272</v>
      </c>
      <c r="BE23" s="110">
        <v>180239</v>
      </c>
      <c r="BF23" s="114">
        <v>226695</v>
      </c>
      <c r="BG23" s="112">
        <v>406934</v>
      </c>
      <c r="BH23" s="111">
        <v>0</v>
      </c>
      <c r="BI23" s="114">
        <v>1938800</v>
      </c>
      <c r="BJ23" s="114">
        <v>1747957</v>
      </c>
      <c r="BK23" s="114">
        <v>1826171</v>
      </c>
      <c r="BL23" s="114">
        <v>1617167</v>
      </c>
      <c r="BM23" s="114">
        <v>533777</v>
      </c>
      <c r="BN23" s="113">
        <v>7663872</v>
      </c>
      <c r="BO23" s="116">
        <v>8070806</v>
      </c>
      <c r="BP23" s="110">
        <v>716502</v>
      </c>
      <c r="BQ23" s="114">
        <v>715703</v>
      </c>
      <c r="BR23" s="113">
        <v>1432205</v>
      </c>
      <c r="BS23" s="110">
        <v>0</v>
      </c>
      <c r="BT23" s="114">
        <v>5862969</v>
      </c>
      <c r="BU23" s="114">
        <v>6459543</v>
      </c>
      <c r="BV23" s="114">
        <v>6889450</v>
      </c>
      <c r="BW23" s="114">
        <v>6186515</v>
      </c>
      <c r="BX23" s="114">
        <v>4929301</v>
      </c>
      <c r="BY23" s="113">
        <v>30327778</v>
      </c>
      <c r="BZ23" s="116">
        <v>31759983</v>
      </c>
      <c r="CA23" s="110">
        <v>1050165</v>
      </c>
      <c r="CB23" s="114">
        <v>3444685</v>
      </c>
      <c r="CC23" s="113">
        <v>4494850</v>
      </c>
      <c r="CD23" s="110">
        <v>0</v>
      </c>
      <c r="CE23" s="114">
        <v>41785639</v>
      </c>
      <c r="CF23" s="114">
        <v>51434505</v>
      </c>
      <c r="CG23" s="114">
        <v>41027411</v>
      </c>
      <c r="CH23" s="114">
        <v>28973610</v>
      </c>
      <c r="CI23" s="114">
        <v>11411877</v>
      </c>
      <c r="CJ23" s="113">
        <v>174633042</v>
      </c>
      <c r="CK23" s="116">
        <v>179127892</v>
      </c>
      <c r="CL23" s="110">
        <v>0</v>
      </c>
      <c r="CM23" s="114">
        <v>0</v>
      </c>
      <c r="CN23" s="113">
        <v>0</v>
      </c>
      <c r="CO23" s="111">
        <v>0</v>
      </c>
      <c r="CP23" s="114">
        <v>34691506</v>
      </c>
      <c r="CQ23" s="114">
        <v>42830253</v>
      </c>
      <c r="CR23" s="114">
        <v>33969183</v>
      </c>
      <c r="CS23" s="114">
        <v>23496994</v>
      </c>
      <c r="CT23" s="114">
        <v>10226250</v>
      </c>
      <c r="CU23" s="113">
        <v>145214186</v>
      </c>
      <c r="CV23" s="116">
        <v>145214186</v>
      </c>
      <c r="CW23" s="110">
        <v>1050165</v>
      </c>
      <c r="CX23" s="114">
        <v>3444685</v>
      </c>
      <c r="CY23" s="113">
        <v>4494850</v>
      </c>
      <c r="CZ23" s="110">
        <v>0</v>
      </c>
      <c r="DA23" s="114">
        <v>7094133</v>
      </c>
      <c r="DB23" s="114">
        <v>8604252</v>
      </c>
      <c r="DC23" s="114">
        <v>7058228</v>
      </c>
      <c r="DD23" s="114">
        <v>5476616</v>
      </c>
      <c r="DE23" s="114">
        <v>1185627</v>
      </c>
      <c r="DF23" s="113">
        <v>29418856</v>
      </c>
      <c r="DG23" s="116">
        <v>33913706</v>
      </c>
      <c r="DH23" s="110">
        <v>23604</v>
      </c>
      <c r="DI23" s="114">
        <v>66957</v>
      </c>
      <c r="DJ23" s="112">
        <v>90561</v>
      </c>
      <c r="DK23" s="111">
        <v>0</v>
      </c>
      <c r="DL23" s="114">
        <v>3629563</v>
      </c>
      <c r="DM23" s="114">
        <v>9061162</v>
      </c>
      <c r="DN23" s="114">
        <v>15957014</v>
      </c>
      <c r="DO23" s="114">
        <v>17473544</v>
      </c>
      <c r="DP23" s="114">
        <v>7821584</v>
      </c>
      <c r="DQ23" s="113">
        <v>53942867</v>
      </c>
      <c r="DR23" s="116">
        <v>54033428</v>
      </c>
      <c r="DS23" s="110">
        <v>23604</v>
      </c>
      <c r="DT23" s="114">
        <v>66957</v>
      </c>
      <c r="DU23" s="113">
        <v>90561</v>
      </c>
      <c r="DV23" s="110">
        <v>0</v>
      </c>
      <c r="DW23" s="114">
        <v>3351721</v>
      </c>
      <c r="DX23" s="114">
        <v>8962242</v>
      </c>
      <c r="DY23" s="114">
        <v>15779223</v>
      </c>
      <c r="DZ23" s="114">
        <v>17229691</v>
      </c>
      <c r="EA23" s="114">
        <v>7762304</v>
      </c>
      <c r="EB23" s="113">
        <v>53085181</v>
      </c>
      <c r="EC23" s="116">
        <v>53175742</v>
      </c>
      <c r="ED23" s="110">
        <v>0</v>
      </c>
      <c r="EE23" s="112">
        <v>0</v>
      </c>
      <c r="EF23" s="113">
        <v>0</v>
      </c>
      <c r="EG23" s="110">
        <v>0</v>
      </c>
      <c r="EH23" s="114">
        <v>277842</v>
      </c>
      <c r="EI23" s="114">
        <v>98920</v>
      </c>
      <c r="EJ23" s="114">
        <v>177791</v>
      </c>
      <c r="EK23" s="114">
        <v>243853</v>
      </c>
      <c r="EL23" s="114">
        <v>59280</v>
      </c>
      <c r="EM23" s="112">
        <v>857686</v>
      </c>
      <c r="EN23" s="116">
        <v>857686</v>
      </c>
      <c r="EO23" s="110">
        <v>0</v>
      </c>
      <c r="EP23" s="114">
        <v>0</v>
      </c>
      <c r="EQ23" s="112">
        <v>0</v>
      </c>
      <c r="ER23" s="111">
        <v>0</v>
      </c>
      <c r="ES23" s="114">
        <v>0</v>
      </c>
      <c r="ET23" s="114">
        <v>0</v>
      </c>
      <c r="EU23" s="114">
        <v>0</v>
      </c>
      <c r="EV23" s="114">
        <v>0</v>
      </c>
      <c r="EW23" s="114">
        <v>0</v>
      </c>
      <c r="EX23" s="113">
        <v>0</v>
      </c>
      <c r="EY23" s="116">
        <v>0</v>
      </c>
      <c r="EZ23" s="110">
        <v>0</v>
      </c>
      <c r="FA23" s="114">
        <v>0</v>
      </c>
      <c r="FB23" s="112">
        <v>0</v>
      </c>
      <c r="FC23" s="348"/>
      <c r="FD23" s="114">
        <v>0</v>
      </c>
      <c r="FE23" s="114">
        <v>0</v>
      </c>
      <c r="FF23" s="114">
        <v>0</v>
      </c>
      <c r="FG23" s="114">
        <v>0</v>
      </c>
      <c r="FH23" s="114">
        <v>0</v>
      </c>
      <c r="FI23" s="113">
        <v>0</v>
      </c>
      <c r="FJ23" s="116">
        <v>0</v>
      </c>
      <c r="FK23" s="110">
        <v>2204852</v>
      </c>
      <c r="FL23" s="114">
        <v>4056978</v>
      </c>
      <c r="FM23" s="113">
        <v>6261830</v>
      </c>
      <c r="FN23" s="110">
        <v>0</v>
      </c>
      <c r="FO23" s="114">
        <v>7232351</v>
      </c>
      <c r="FP23" s="114">
        <v>13796987</v>
      </c>
      <c r="FQ23" s="114">
        <v>11071937</v>
      </c>
      <c r="FR23" s="114">
        <v>10625338</v>
      </c>
      <c r="FS23" s="114">
        <v>6892182</v>
      </c>
      <c r="FT23" s="113">
        <v>49618795</v>
      </c>
      <c r="FU23" s="116">
        <v>55880625</v>
      </c>
      <c r="FV23" s="115">
        <v>1052621</v>
      </c>
      <c r="FW23" s="114">
        <v>2579634</v>
      </c>
      <c r="FX23" s="112">
        <v>3632255</v>
      </c>
      <c r="FY23" s="111">
        <v>0</v>
      </c>
      <c r="FZ23" s="114">
        <v>6000141</v>
      </c>
      <c r="GA23" s="114">
        <v>13008136</v>
      </c>
      <c r="GB23" s="114">
        <v>10274076</v>
      </c>
      <c r="GC23" s="114">
        <v>10152985</v>
      </c>
      <c r="GD23" s="114">
        <v>6680187</v>
      </c>
      <c r="GE23" s="113">
        <v>46115525</v>
      </c>
      <c r="GF23" s="319">
        <v>49747780</v>
      </c>
      <c r="GG23" s="115">
        <v>73875</v>
      </c>
      <c r="GH23" s="114">
        <v>184151</v>
      </c>
      <c r="GI23" s="112">
        <v>258026</v>
      </c>
      <c r="GJ23" s="111">
        <v>0</v>
      </c>
      <c r="GK23" s="114">
        <v>260771</v>
      </c>
      <c r="GL23" s="114">
        <v>342751</v>
      </c>
      <c r="GM23" s="114">
        <v>428861</v>
      </c>
      <c r="GN23" s="114">
        <v>259053</v>
      </c>
      <c r="GO23" s="114">
        <v>139095</v>
      </c>
      <c r="GP23" s="113">
        <v>1430531</v>
      </c>
      <c r="GQ23" s="116">
        <v>1688557</v>
      </c>
      <c r="GR23" s="110">
        <v>1078356</v>
      </c>
      <c r="GS23" s="114">
        <v>1293193</v>
      </c>
      <c r="GT23" s="113">
        <v>2371549</v>
      </c>
      <c r="GU23" s="110">
        <v>0</v>
      </c>
      <c r="GV23" s="114">
        <v>971439</v>
      </c>
      <c r="GW23" s="114">
        <v>446100</v>
      </c>
      <c r="GX23" s="114">
        <v>369000</v>
      </c>
      <c r="GY23" s="114">
        <v>213300</v>
      </c>
      <c r="GZ23" s="114">
        <v>72900</v>
      </c>
      <c r="HA23" s="112">
        <v>2072739</v>
      </c>
      <c r="HB23" s="116">
        <v>4444288</v>
      </c>
      <c r="HC23" s="110">
        <v>1516519</v>
      </c>
      <c r="HD23" s="114">
        <v>1967071</v>
      </c>
      <c r="HE23" s="112">
        <v>3483590</v>
      </c>
      <c r="HF23" s="111">
        <v>0</v>
      </c>
      <c r="HG23" s="114">
        <v>21790074</v>
      </c>
      <c r="HH23" s="114">
        <v>19025183</v>
      </c>
      <c r="HI23" s="114">
        <v>19072910</v>
      </c>
      <c r="HJ23" s="114">
        <v>19783747</v>
      </c>
      <c r="HK23" s="114">
        <v>16685327</v>
      </c>
      <c r="HL23" s="113">
        <v>96357241</v>
      </c>
      <c r="HM23" s="109">
        <v>99840831</v>
      </c>
      <c r="HN23" s="115">
        <v>1416996</v>
      </c>
      <c r="HO23" s="114">
        <v>2943277</v>
      </c>
      <c r="HP23" s="113">
        <v>4360273</v>
      </c>
      <c r="HQ23" s="110">
        <v>0</v>
      </c>
      <c r="HR23" s="114">
        <v>22975838</v>
      </c>
      <c r="HS23" s="114">
        <v>20892283</v>
      </c>
      <c r="HT23" s="114">
        <v>14979469</v>
      </c>
      <c r="HU23" s="114">
        <v>10707805</v>
      </c>
      <c r="HV23" s="114">
        <v>5560196</v>
      </c>
      <c r="HW23" s="112">
        <v>75115591</v>
      </c>
      <c r="HX23" s="116">
        <v>79475864</v>
      </c>
      <c r="HY23" s="131">
        <v>387681</v>
      </c>
      <c r="HZ23" s="132">
        <v>1361836</v>
      </c>
      <c r="IA23" s="133">
        <v>1749517</v>
      </c>
      <c r="IB23" s="146">
        <v>0</v>
      </c>
      <c r="IC23" s="132">
        <v>35639716</v>
      </c>
      <c r="ID23" s="147">
        <v>53640914</v>
      </c>
      <c r="IE23" s="133">
        <v>54762922</v>
      </c>
      <c r="IF23" s="132">
        <v>36383173</v>
      </c>
      <c r="IG23" s="133">
        <v>20769233</v>
      </c>
      <c r="IH23" s="148">
        <v>201195958</v>
      </c>
      <c r="II23" s="139">
        <v>202945475</v>
      </c>
      <c r="IJ23" s="232">
        <v>0</v>
      </c>
      <c r="IK23" s="236">
        <v>0</v>
      </c>
      <c r="IL23" s="237">
        <v>0</v>
      </c>
      <c r="IM23" s="140"/>
      <c r="IN23" s="119">
        <v>162263</v>
      </c>
      <c r="IO23" s="119">
        <v>115443</v>
      </c>
      <c r="IP23" s="119">
        <v>441888</v>
      </c>
      <c r="IQ23" s="119">
        <v>115978</v>
      </c>
      <c r="IR23" s="119">
        <v>511567</v>
      </c>
      <c r="IS23" s="141">
        <v>1347139</v>
      </c>
      <c r="IT23" s="321">
        <v>1347139</v>
      </c>
      <c r="IU23" s="142">
        <v>0</v>
      </c>
      <c r="IV23" s="119">
        <v>0</v>
      </c>
      <c r="IW23" s="120">
        <v>0</v>
      </c>
      <c r="IX23" s="144"/>
      <c r="IY23" s="119">
        <v>0</v>
      </c>
      <c r="IZ23" s="119">
        <v>0</v>
      </c>
      <c r="JA23" s="119">
        <v>0</v>
      </c>
      <c r="JB23" s="119">
        <v>0</v>
      </c>
      <c r="JC23" s="119">
        <v>0</v>
      </c>
      <c r="JD23" s="120">
        <v>0</v>
      </c>
      <c r="JE23" s="121">
        <v>0</v>
      </c>
      <c r="JF23" s="142">
        <v>0</v>
      </c>
      <c r="JG23" s="119">
        <v>0</v>
      </c>
      <c r="JH23" s="141">
        <v>0</v>
      </c>
      <c r="JI23" s="118">
        <v>0</v>
      </c>
      <c r="JJ23" s="119">
        <v>13935132</v>
      </c>
      <c r="JK23" s="119">
        <v>15039736</v>
      </c>
      <c r="JL23" s="119">
        <v>10061833</v>
      </c>
      <c r="JM23" s="119">
        <v>5103210</v>
      </c>
      <c r="JN23" s="119">
        <v>1632677</v>
      </c>
      <c r="JO23" s="120">
        <v>45772588</v>
      </c>
      <c r="JP23" s="321">
        <v>45772588</v>
      </c>
      <c r="JQ23" s="142">
        <v>0</v>
      </c>
      <c r="JR23" s="119">
        <v>0</v>
      </c>
      <c r="JS23" s="141">
        <v>0</v>
      </c>
      <c r="JT23" s="118">
        <v>0</v>
      </c>
      <c r="JU23" s="119">
        <v>767100</v>
      </c>
      <c r="JV23" s="119">
        <v>812224</v>
      </c>
      <c r="JW23" s="119">
        <v>1638817</v>
      </c>
      <c r="JX23" s="119">
        <v>2156222</v>
      </c>
      <c r="JY23" s="119">
        <v>2192812</v>
      </c>
      <c r="JZ23" s="120">
        <v>7567175</v>
      </c>
      <c r="KA23" s="321">
        <v>7567175</v>
      </c>
      <c r="KB23" s="234">
        <v>387681</v>
      </c>
      <c r="KC23" s="230">
        <v>608254</v>
      </c>
      <c r="KD23" s="120">
        <v>995935</v>
      </c>
      <c r="KE23" s="118">
        <v>0</v>
      </c>
      <c r="KF23" s="119">
        <v>6098603</v>
      </c>
      <c r="KG23" s="119">
        <v>11471625</v>
      </c>
      <c r="KH23" s="119">
        <v>7706995</v>
      </c>
      <c r="KI23" s="119">
        <v>5542367</v>
      </c>
      <c r="KJ23" s="119">
        <v>2354759</v>
      </c>
      <c r="KK23" s="120">
        <v>33174349</v>
      </c>
      <c r="KL23" s="143">
        <v>34170284</v>
      </c>
      <c r="KM23" s="232">
        <v>0</v>
      </c>
      <c r="KN23" s="236">
        <v>753582</v>
      </c>
      <c r="KO23" s="237">
        <v>753582</v>
      </c>
      <c r="KP23" s="140"/>
      <c r="KQ23" s="119">
        <v>13231685</v>
      </c>
      <c r="KR23" s="119">
        <v>23775209</v>
      </c>
      <c r="KS23" s="119">
        <v>28696258</v>
      </c>
      <c r="KT23" s="119">
        <v>11292709</v>
      </c>
      <c r="KU23" s="119">
        <v>7102314</v>
      </c>
      <c r="KV23" s="120">
        <v>84098175</v>
      </c>
      <c r="KW23" s="321">
        <v>84851757</v>
      </c>
      <c r="KX23" s="142">
        <v>0</v>
      </c>
      <c r="KY23" s="119">
        <v>0</v>
      </c>
      <c r="KZ23" s="120">
        <v>0</v>
      </c>
      <c r="LA23" s="145"/>
      <c r="LB23" s="119">
        <v>0</v>
      </c>
      <c r="LC23" s="119">
        <v>0</v>
      </c>
      <c r="LD23" s="119">
        <v>0</v>
      </c>
      <c r="LE23" s="119">
        <v>0</v>
      </c>
      <c r="LF23" s="119">
        <v>0</v>
      </c>
      <c r="LG23" s="120">
        <v>0</v>
      </c>
      <c r="LH23" s="121">
        <v>0</v>
      </c>
      <c r="LI23" s="142">
        <v>0</v>
      </c>
      <c r="LJ23" s="119">
        <v>0</v>
      </c>
      <c r="LK23" s="120">
        <v>0</v>
      </c>
      <c r="LL23" s="145"/>
      <c r="LM23" s="119">
        <v>0</v>
      </c>
      <c r="LN23" s="119">
        <v>540842</v>
      </c>
      <c r="LO23" s="119">
        <v>1783794</v>
      </c>
      <c r="LP23" s="119">
        <v>5043025</v>
      </c>
      <c r="LQ23" s="119">
        <v>678080</v>
      </c>
      <c r="LR23" s="120">
        <v>8045741</v>
      </c>
      <c r="LS23" s="321">
        <v>8045741</v>
      </c>
      <c r="LT23" s="142">
        <v>0</v>
      </c>
      <c r="LU23" s="119">
        <v>0</v>
      </c>
      <c r="LV23" s="120">
        <v>0</v>
      </c>
      <c r="LW23" s="145"/>
      <c r="LX23" s="119">
        <v>1444933</v>
      </c>
      <c r="LY23" s="119">
        <v>1885835</v>
      </c>
      <c r="LZ23" s="119">
        <v>4433337</v>
      </c>
      <c r="MA23" s="119">
        <v>7129662</v>
      </c>
      <c r="MB23" s="119">
        <v>6297024</v>
      </c>
      <c r="MC23" s="120">
        <v>21190791</v>
      </c>
      <c r="MD23" s="121">
        <v>21190791</v>
      </c>
      <c r="ME23" s="142">
        <v>0</v>
      </c>
      <c r="MF23" s="119">
        <v>0</v>
      </c>
      <c r="MG23" s="120">
        <v>0</v>
      </c>
      <c r="MH23" s="145"/>
      <c r="MI23" s="119">
        <v>11079529</v>
      </c>
      <c r="MJ23" s="119">
        <v>22310665</v>
      </c>
      <c r="MK23" s="119">
        <v>78567849</v>
      </c>
      <c r="ML23" s="119">
        <v>148677471</v>
      </c>
      <c r="MM23" s="119">
        <v>114568338</v>
      </c>
      <c r="MN23" s="120">
        <v>375203852</v>
      </c>
      <c r="MO23" s="143">
        <v>375203852</v>
      </c>
      <c r="MP23" s="142">
        <v>0</v>
      </c>
      <c r="MQ23" s="119">
        <v>0</v>
      </c>
      <c r="MR23" s="120">
        <v>0</v>
      </c>
      <c r="MS23" s="145"/>
      <c r="MT23" s="119">
        <v>1445014</v>
      </c>
      <c r="MU23" s="119">
        <v>3565290</v>
      </c>
      <c r="MV23" s="119">
        <v>47308884</v>
      </c>
      <c r="MW23" s="119">
        <v>103704456</v>
      </c>
      <c r="MX23" s="119">
        <v>77480361</v>
      </c>
      <c r="MY23" s="120">
        <v>233504005</v>
      </c>
      <c r="MZ23" s="143">
        <v>233504005</v>
      </c>
      <c r="NA23" s="142">
        <v>0</v>
      </c>
      <c r="NB23" s="119">
        <v>0</v>
      </c>
      <c r="NC23" s="120">
        <v>0</v>
      </c>
      <c r="ND23" s="145"/>
      <c r="NE23" s="119">
        <v>9634515</v>
      </c>
      <c r="NF23" s="119">
        <v>18745375</v>
      </c>
      <c r="NG23" s="119">
        <v>30486941</v>
      </c>
      <c r="NH23" s="119">
        <v>40143603</v>
      </c>
      <c r="NI23" s="119">
        <v>26999724</v>
      </c>
      <c r="NJ23" s="120">
        <v>126010158</v>
      </c>
      <c r="NK23" s="321">
        <v>126010158</v>
      </c>
      <c r="NL23" s="142">
        <v>0</v>
      </c>
      <c r="NM23" s="119">
        <v>0</v>
      </c>
      <c r="NN23" s="120">
        <v>0</v>
      </c>
      <c r="NO23" s="145"/>
      <c r="NP23" s="119">
        <v>0</v>
      </c>
      <c r="NQ23" s="119">
        <v>0</v>
      </c>
      <c r="NR23" s="119">
        <v>0</v>
      </c>
      <c r="NS23" s="119">
        <v>345677</v>
      </c>
      <c r="NT23" s="119">
        <v>2557766</v>
      </c>
      <c r="NU23" s="120">
        <v>2903443</v>
      </c>
      <c r="NV23" s="121">
        <v>2903443</v>
      </c>
      <c r="NW23" s="142">
        <v>0</v>
      </c>
      <c r="NX23" s="119">
        <v>0</v>
      </c>
      <c r="NY23" s="120">
        <v>0</v>
      </c>
      <c r="NZ23" s="145"/>
      <c r="OA23" s="119">
        <v>0</v>
      </c>
      <c r="OB23" s="119">
        <v>0</v>
      </c>
      <c r="OC23" s="119">
        <v>772024</v>
      </c>
      <c r="OD23" s="119">
        <v>4483735</v>
      </c>
      <c r="OE23" s="119">
        <v>7530487</v>
      </c>
      <c r="OF23" s="120">
        <v>12786246</v>
      </c>
      <c r="OG23" s="121">
        <v>12786246</v>
      </c>
      <c r="OH23" s="142">
        <v>8807606</v>
      </c>
      <c r="OI23" s="119">
        <v>18028845</v>
      </c>
      <c r="OJ23" s="141">
        <v>26836451</v>
      </c>
      <c r="OK23" s="118">
        <v>0</v>
      </c>
      <c r="OL23" s="119">
        <v>183969671</v>
      </c>
      <c r="OM23" s="119">
        <v>236736940</v>
      </c>
      <c r="ON23" s="119">
        <v>280408498</v>
      </c>
      <c r="OO23" s="119">
        <v>329901101</v>
      </c>
      <c r="OP23" s="119">
        <v>229169028</v>
      </c>
      <c r="OQ23" s="120">
        <v>1260185238</v>
      </c>
      <c r="OR23" s="143">
        <v>1287021689</v>
      </c>
    </row>
    <row r="24" spans="1:408" ht="18.75" customHeight="1" x14ac:dyDescent="0.2">
      <c r="A24" s="62" t="s">
        <v>19</v>
      </c>
      <c r="B24" s="110">
        <v>3922087</v>
      </c>
      <c r="C24" s="114">
        <v>8903614</v>
      </c>
      <c r="D24" s="113">
        <v>12825701</v>
      </c>
      <c r="E24" s="109">
        <v>0</v>
      </c>
      <c r="F24" s="114">
        <v>62620415</v>
      </c>
      <c r="G24" s="114">
        <v>68627563</v>
      </c>
      <c r="H24" s="114">
        <v>59006343</v>
      </c>
      <c r="I24" s="114">
        <v>45816204</v>
      </c>
      <c r="J24" s="114">
        <v>35849747</v>
      </c>
      <c r="K24" s="109">
        <v>271920272</v>
      </c>
      <c r="L24" s="116">
        <v>284745973</v>
      </c>
      <c r="M24" s="110">
        <v>1364542</v>
      </c>
      <c r="N24" s="114">
        <v>2180294</v>
      </c>
      <c r="O24" s="113">
        <v>3544836</v>
      </c>
      <c r="P24" s="110">
        <v>0</v>
      </c>
      <c r="Q24" s="114">
        <v>15690583</v>
      </c>
      <c r="R24" s="114">
        <v>16673733</v>
      </c>
      <c r="S24" s="114">
        <v>16714869</v>
      </c>
      <c r="T24" s="114">
        <v>16847846</v>
      </c>
      <c r="U24" s="114">
        <v>16304282</v>
      </c>
      <c r="V24" s="113">
        <v>82231313</v>
      </c>
      <c r="W24" s="116">
        <v>85776149</v>
      </c>
      <c r="X24" s="110">
        <v>0</v>
      </c>
      <c r="Y24" s="114">
        <v>0</v>
      </c>
      <c r="Z24" s="113">
        <v>0</v>
      </c>
      <c r="AA24" s="110">
        <v>0</v>
      </c>
      <c r="AB24" s="114">
        <v>6583839</v>
      </c>
      <c r="AC24" s="114">
        <v>7338385</v>
      </c>
      <c r="AD24" s="114">
        <v>9094276</v>
      </c>
      <c r="AE24" s="114">
        <v>9397745</v>
      </c>
      <c r="AF24" s="114">
        <v>8003928</v>
      </c>
      <c r="AG24" s="113">
        <v>40418173</v>
      </c>
      <c r="AH24" s="116">
        <v>40418173</v>
      </c>
      <c r="AI24" s="110">
        <v>0</v>
      </c>
      <c r="AJ24" s="114">
        <v>0</v>
      </c>
      <c r="AK24" s="113">
        <v>0</v>
      </c>
      <c r="AL24" s="110">
        <v>0</v>
      </c>
      <c r="AM24" s="114">
        <v>133570</v>
      </c>
      <c r="AN24" s="114">
        <v>290391</v>
      </c>
      <c r="AO24" s="114">
        <v>725863</v>
      </c>
      <c r="AP24" s="114">
        <v>1072877</v>
      </c>
      <c r="AQ24" s="114">
        <v>2110256</v>
      </c>
      <c r="AR24" s="113">
        <v>4332957</v>
      </c>
      <c r="AS24" s="116">
        <v>4332957</v>
      </c>
      <c r="AT24" s="110">
        <v>804317</v>
      </c>
      <c r="AU24" s="114">
        <v>1636448</v>
      </c>
      <c r="AV24" s="113">
        <v>2440765</v>
      </c>
      <c r="AW24" s="110">
        <v>0</v>
      </c>
      <c r="AX24" s="114">
        <v>5783883</v>
      </c>
      <c r="AY24" s="114">
        <v>6046998</v>
      </c>
      <c r="AZ24" s="114">
        <v>4195379</v>
      </c>
      <c r="BA24" s="114">
        <v>3645121</v>
      </c>
      <c r="BB24" s="114">
        <v>4238819</v>
      </c>
      <c r="BC24" s="113">
        <v>23910200</v>
      </c>
      <c r="BD24" s="116">
        <v>26350965</v>
      </c>
      <c r="BE24" s="110">
        <v>94727</v>
      </c>
      <c r="BF24" s="114">
        <v>230873</v>
      </c>
      <c r="BG24" s="112">
        <v>325600</v>
      </c>
      <c r="BH24" s="111">
        <v>0</v>
      </c>
      <c r="BI24" s="114">
        <v>849163</v>
      </c>
      <c r="BJ24" s="114">
        <v>381913</v>
      </c>
      <c r="BK24" s="114">
        <v>360991</v>
      </c>
      <c r="BL24" s="114">
        <v>456873</v>
      </c>
      <c r="BM24" s="114">
        <v>191830</v>
      </c>
      <c r="BN24" s="113">
        <v>2240770</v>
      </c>
      <c r="BO24" s="116">
        <v>2566370</v>
      </c>
      <c r="BP24" s="110">
        <v>465498</v>
      </c>
      <c r="BQ24" s="114">
        <v>312973</v>
      </c>
      <c r="BR24" s="113">
        <v>778471</v>
      </c>
      <c r="BS24" s="110">
        <v>0</v>
      </c>
      <c r="BT24" s="114">
        <v>2340128</v>
      </c>
      <c r="BU24" s="114">
        <v>2616046</v>
      </c>
      <c r="BV24" s="114">
        <v>2338360</v>
      </c>
      <c r="BW24" s="114">
        <v>2275230</v>
      </c>
      <c r="BX24" s="114">
        <v>1759449</v>
      </c>
      <c r="BY24" s="113">
        <v>11329213</v>
      </c>
      <c r="BZ24" s="116">
        <v>12107684</v>
      </c>
      <c r="CA24" s="110">
        <v>402146</v>
      </c>
      <c r="CB24" s="114">
        <v>1648759</v>
      </c>
      <c r="CC24" s="113">
        <v>2050905</v>
      </c>
      <c r="CD24" s="110">
        <v>0</v>
      </c>
      <c r="CE24" s="114">
        <v>19149989</v>
      </c>
      <c r="CF24" s="114">
        <v>25220448</v>
      </c>
      <c r="CG24" s="114">
        <v>16933848</v>
      </c>
      <c r="CH24" s="114">
        <v>8313144</v>
      </c>
      <c r="CI24" s="114">
        <v>6185474</v>
      </c>
      <c r="CJ24" s="113">
        <v>75802903</v>
      </c>
      <c r="CK24" s="116">
        <v>77853808</v>
      </c>
      <c r="CL24" s="110">
        <v>0</v>
      </c>
      <c r="CM24" s="114">
        <v>0</v>
      </c>
      <c r="CN24" s="113">
        <v>0</v>
      </c>
      <c r="CO24" s="111">
        <v>0</v>
      </c>
      <c r="CP24" s="114">
        <v>13835762</v>
      </c>
      <c r="CQ24" s="114">
        <v>19040704</v>
      </c>
      <c r="CR24" s="114">
        <v>12728285</v>
      </c>
      <c r="CS24" s="114">
        <v>5291036</v>
      </c>
      <c r="CT24" s="114">
        <v>4838449</v>
      </c>
      <c r="CU24" s="113">
        <v>55734236</v>
      </c>
      <c r="CV24" s="116">
        <v>55734236</v>
      </c>
      <c r="CW24" s="110">
        <v>402146</v>
      </c>
      <c r="CX24" s="114">
        <v>1648759</v>
      </c>
      <c r="CY24" s="113">
        <v>2050905</v>
      </c>
      <c r="CZ24" s="110">
        <v>0</v>
      </c>
      <c r="DA24" s="114">
        <v>5314227</v>
      </c>
      <c r="DB24" s="114">
        <v>6179744</v>
      </c>
      <c r="DC24" s="114">
        <v>4205563</v>
      </c>
      <c r="DD24" s="114">
        <v>3022108</v>
      </c>
      <c r="DE24" s="114">
        <v>1347025</v>
      </c>
      <c r="DF24" s="113">
        <v>20068667</v>
      </c>
      <c r="DG24" s="116">
        <v>22119572</v>
      </c>
      <c r="DH24" s="110">
        <v>0</v>
      </c>
      <c r="DI24" s="114">
        <v>16030</v>
      </c>
      <c r="DJ24" s="112">
        <v>16030</v>
      </c>
      <c r="DK24" s="111">
        <v>0</v>
      </c>
      <c r="DL24" s="114">
        <v>1496732</v>
      </c>
      <c r="DM24" s="114">
        <v>3199049</v>
      </c>
      <c r="DN24" s="114">
        <v>5497189</v>
      </c>
      <c r="DO24" s="114">
        <v>1877034</v>
      </c>
      <c r="DP24" s="114">
        <v>1382342</v>
      </c>
      <c r="DQ24" s="113">
        <v>13452346</v>
      </c>
      <c r="DR24" s="116">
        <v>13468376</v>
      </c>
      <c r="DS24" s="110">
        <v>0</v>
      </c>
      <c r="DT24" s="114">
        <v>16030</v>
      </c>
      <c r="DU24" s="113">
        <v>16030</v>
      </c>
      <c r="DV24" s="110">
        <v>0</v>
      </c>
      <c r="DW24" s="114">
        <v>1079850</v>
      </c>
      <c r="DX24" s="114">
        <v>2530258</v>
      </c>
      <c r="DY24" s="114">
        <v>4753910</v>
      </c>
      <c r="DZ24" s="114">
        <v>1217329</v>
      </c>
      <c r="EA24" s="114">
        <v>902549</v>
      </c>
      <c r="EB24" s="113">
        <v>10483896</v>
      </c>
      <c r="EC24" s="116">
        <v>10499926</v>
      </c>
      <c r="ED24" s="110">
        <v>0</v>
      </c>
      <c r="EE24" s="112">
        <v>0</v>
      </c>
      <c r="EF24" s="113">
        <v>0</v>
      </c>
      <c r="EG24" s="110">
        <v>0</v>
      </c>
      <c r="EH24" s="114">
        <v>416882</v>
      </c>
      <c r="EI24" s="114">
        <v>668791</v>
      </c>
      <c r="EJ24" s="114">
        <v>743279</v>
      </c>
      <c r="EK24" s="114">
        <v>659705</v>
      </c>
      <c r="EL24" s="114">
        <v>479793</v>
      </c>
      <c r="EM24" s="112">
        <v>2968450</v>
      </c>
      <c r="EN24" s="116">
        <v>2968450</v>
      </c>
      <c r="EO24" s="110">
        <v>0</v>
      </c>
      <c r="EP24" s="114">
        <v>0</v>
      </c>
      <c r="EQ24" s="112">
        <v>0</v>
      </c>
      <c r="ER24" s="111">
        <v>0</v>
      </c>
      <c r="ES24" s="114">
        <v>0</v>
      </c>
      <c r="ET24" s="114">
        <v>0</v>
      </c>
      <c r="EU24" s="114">
        <v>0</v>
      </c>
      <c r="EV24" s="114">
        <v>0</v>
      </c>
      <c r="EW24" s="114">
        <v>0</v>
      </c>
      <c r="EX24" s="113">
        <v>0</v>
      </c>
      <c r="EY24" s="116">
        <v>0</v>
      </c>
      <c r="EZ24" s="110">
        <v>0</v>
      </c>
      <c r="FA24" s="114">
        <v>0</v>
      </c>
      <c r="FB24" s="112">
        <v>0</v>
      </c>
      <c r="FC24" s="348"/>
      <c r="FD24" s="114">
        <v>0</v>
      </c>
      <c r="FE24" s="114">
        <v>0</v>
      </c>
      <c r="FF24" s="114">
        <v>0</v>
      </c>
      <c r="FG24" s="114">
        <v>0</v>
      </c>
      <c r="FH24" s="114">
        <v>0</v>
      </c>
      <c r="FI24" s="113">
        <v>0</v>
      </c>
      <c r="FJ24" s="116">
        <v>0</v>
      </c>
      <c r="FK24" s="110">
        <v>560116</v>
      </c>
      <c r="FL24" s="114">
        <v>2589135</v>
      </c>
      <c r="FM24" s="113">
        <v>3149251</v>
      </c>
      <c r="FN24" s="110">
        <v>0</v>
      </c>
      <c r="FO24" s="114">
        <v>3849852</v>
      </c>
      <c r="FP24" s="114">
        <v>6086793</v>
      </c>
      <c r="FQ24" s="114">
        <v>4636956</v>
      </c>
      <c r="FR24" s="114">
        <v>3537168</v>
      </c>
      <c r="FS24" s="114">
        <v>3745354</v>
      </c>
      <c r="FT24" s="113">
        <v>21856123</v>
      </c>
      <c r="FU24" s="116">
        <v>25005374</v>
      </c>
      <c r="FV24" s="115">
        <v>506206</v>
      </c>
      <c r="FW24" s="114">
        <v>1372978</v>
      </c>
      <c r="FX24" s="112">
        <v>1879184</v>
      </c>
      <c r="FY24" s="111">
        <v>0</v>
      </c>
      <c r="FZ24" s="114">
        <v>3302213</v>
      </c>
      <c r="GA24" s="114">
        <v>5524927</v>
      </c>
      <c r="GB24" s="114">
        <v>4339163</v>
      </c>
      <c r="GC24" s="114">
        <v>3262224</v>
      </c>
      <c r="GD24" s="114">
        <v>3487742</v>
      </c>
      <c r="GE24" s="113">
        <v>19916269</v>
      </c>
      <c r="GF24" s="319">
        <v>21795453</v>
      </c>
      <c r="GG24" s="115">
        <v>11137</v>
      </c>
      <c r="GH24" s="114">
        <v>214114</v>
      </c>
      <c r="GI24" s="112">
        <v>225251</v>
      </c>
      <c r="GJ24" s="111">
        <v>0</v>
      </c>
      <c r="GK24" s="114">
        <v>102420</v>
      </c>
      <c r="GL24" s="114">
        <v>161845</v>
      </c>
      <c r="GM24" s="114">
        <v>267301</v>
      </c>
      <c r="GN24" s="114">
        <v>146106</v>
      </c>
      <c r="GO24" s="114">
        <v>117612</v>
      </c>
      <c r="GP24" s="113">
        <v>795284</v>
      </c>
      <c r="GQ24" s="116">
        <v>1020535</v>
      </c>
      <c r="GR24" s="110">
        <v>42773</v>
      </c>
      <c r="GS24" s="114">
        <v>1002043</v>
      </c>
      <c r="GT24" s="113">
        <v>1044816</v>
      </c>
      <c r="GU24" s="110">
        <v>0</v>
      </c>
      <c r="GV24" s="114">
        <v>445219</v>
      </c>
      <c r="GW24" s="114">
        <v>400021</v>
      </c>
      <c r="GX24" s="114">
        <v>30492</v>
      </c>
      <c r="GY24" s="114">
        <v>128838</v>
      </c>
      <c r="GZ24" s="114">
        <v>140000</v>
      </c>
      <c r="HA24" s="112">
        <v>1144570</v>
      </c>
      <c r="HB24" s="116">
        <v>2189386</v>
      </c>
      <c r="HC24" s="110">
        <v>931939</v>
      </c>
      <c r="HD24" s="114">
        <v>1225160</v>
      </c>
      <c r="HE24" s="112">
        <v>2157099</v>
      </c>
      <c r="HF24" s="111">
        <v>0</v>
      </c>
      <c r="HG24" s="114">
        <v>12489136</v>
      </c>
      <c r="HH24" s="114">
        <v>9060834</v>
      </c>
      <c r="HI24" s="114">
        <v>9688881</v>
      </c>
      <c r="HJ24" s="114">
        <v>12252489</v>
      </c>
      <c r="HK24" s="114">
        <v>6005672</v>
      </c>
      <c r="HL24" s="113">
        <v>49497012</v>
      </c>
      <c r="HM24" s="109">
        <v>51654111</v>
      </c>
      <c r="HN24" s="115">
        <v>663344</v>
      </c>
      <c r="HO24" s="114">
        <v>1244236</v>
      </c>
      <c r="HP24" s="113">
        <v>1907580</v>
      </c>
      <c r="HQ24" s="110">
        <v>0</v>
      </c>
      <c r="HR24" s="114">
        <v>9944123</v>
      </c>
      <c r="HS24" s="114">
        <v>8386706</v>
      </c>
      <c r="HT24" s="114">
        <v>5534600</v>
      </c>
      <c r="HU24" s="114">
        <v>2988523</v>
      </c>
      <c r="HV24" s="114">
        <v>2226623</v>
      </c>
      <c r="HW24" s="112">
        <v>29080575</v>
      </c>
      <c r="HX24" s="116">
        <v>30988155</v>
      </c>
      <c r="HY24" s="150">
        <v>0</v>
      </c>
      <c r="HZ24" s="135">
        <v>557582</v>
      </c>
      <c r="IA24" s="150">
        <v>557582</v>
      </c>
      <c r="IB24" s="134">
        <v>0</v>
      </c>
      <c r="IC24" s="135">
        <v>13484470</v>
      </c>
      <c r="ID24" s="136">
        <v>21095951</v>
      </c>
      <c r="IE24" s="137">
        <v>20816709</v>
      </c>
      <c r="IF24" s="135">
        <v>12495326</v>
      </c>
      <c r="IG24" s="137">
        <v>14674560</v>
      </c>
      <c r="IH24" s="138">
        <v>82567016</v>
      </c>
      <c r="II24" s="150">
        <v>83124598</v>
      </c>
      <c r="IJ24" s="232">
        <v>0</v>
      </c>
      <c r="IK24" s="236">
        <v>0</v>
      </c>
      <c r="IL24" s="237">
        <v>0</v>
      </c>
      <c r="IM24" s="140"/>
      <c r="IN24" s="119">
        <v>1086806</v>
      </c>
      <c r="IO24" s="119">
        <v>745953</v>
      </c>
      <c r="IP24" s="119">
        <v>177673</v>
      </c>
      <c r="IQ24" s="119">
        <v>1351406</v>
      </c>
      <c r="IR24" s="119">
        <v>293762</v>
      </c>
      <c r="IS24" s="141">
        <v>3655600</v>
      </c>
      <c r="IT24" s="321">
        <v>3655600</v>
      </c>
      <c r="IU24" s="142">
        <v>0</v>
      </c>
      <c r="IV24" s="119">
        <v>0</v>
      </c>
      <c r="IW24" s="120">
        <v>0</v>
      </c>
      <c r="IX24" s="144"/>
      <c r="IY24" s="119">
        <v>22436</v>
      </c>
      <c r="IZ24" s="119">
        <v>33654</v>
      </c>
      <c r="JA24" s="119">
        <v>120354</v>
      </c>
      <c r="JB24" s="119">
        <v>8725</v>
      </c>
      <c r="JC24" s="119">
        <v>0</v>
      </c>
      <c r="JD24" s="120">
        <v>185169</v>
      </c>
      <c r="JE24" s="121">
        <v>185169</v>
      </c>
      <c r="JF24" s="142">
        <v>0</v>
      </c>
      <c r="JG24" s="119">
        <v>0</v>
      </c>
      <c r="JH24" s="141">
        <v>0</v>
      </c>
      <c r="JI24" s="118">
        <v>0</v>
      </c>
      <c r="JJ24" s="119">
        <v>6105803</v>
      </c>
      <c r="JK24" s="119">
        <v>6928296</v>
      </c>
      <c r="JL24" s="119">
        <v>4580992</v>
      </c>
      <c r="JM24" s="119">
        <v>1506306</v>
      </c>
      <c r="JN24" s="119">
        <v>1207178</v>
      </c>
      <c r="JO24" s="120">
        <v>20328575</v>
      </c>
      <c r="JP24" s="321">
        <v>20328575</v>
      </c>
      <c r="JQ24" s="142">
        <v>0</v>
      </c>
      <c r="JR24" s="119">
        <v>0</v>
      </c>
      <c r="JS24" s="141">
        <v>0</v>
      </c>
      <c r="JT24" s="118">
        <v>0</v>
      </c>
      <c r="JU24" s="119">
        <v>933218</v>
      </c>
      <c r="JV24" s="119">
        <v>2243258</v>
      </c>
      <c r="JW24" s="119">
        <v>2138648</v>
      </c>
      <c r="JX24" s="119">
        <v>130802</v>
      </c>
      <c r="JY24" s="119">
        <v>435713</v>
      </c>
      <c r="JZ24" s="120">
        <v>5881639</v>
      </c>
      <c r="KA24" s="321">
        <v>5881639</v>
      </c>
      <c r="KB24" s="234">
        <v>0</v>
      </c>
      <c r="KC24" s="230">
        <v>309855</v>
      </c>
      <c r="KD24" s="120">
        <v>309855</v>
      </c>
      <c r="KE24" s="118">
        <v>0</v>
      </c>
      <c r="KF24" s="119">
        <v>2625022</v>
      </c>
      <c r="KG24" s="119">
        <v>6007135</v>
      </c>
      <c r="KH24" s="119">
        <v>6570439</v>
      </c>
      <c r="KI24" s="119">
        <v>4693265</v>
      </c>
      <c r="KJ24" s="119">
        <v>4790552</v>
      </c>
      <c r="KK24" s="120">
        <v>24686413</v>
      </c>
      <c r="KL24" s="143">
        <v>24996268</v>
      </c>
      <c r="KM24" s="232">
        <v>0</v>
      </c>
      <c r="KN24" s="236">
        <v>247727</v>
      </c>
      <c r="KO24" s="237">
        <v>247727</v>
      </c>
      <c r="KP24" s="140"/>
      <c r="KQ24" s="119">
        <v>2368369</v>
      </c>
      <c r="KR24" s="119">
        <v>4903746</v>
      </c>
      <c r="KS24" s="119">
        <v>7175137</v>
      </c>
      <c r="KT24" s="119">
        <v>4013825</v>
      </c>
      <c r="KU24" s="119">
        <v>3829356</v>
      </c>
      <c r="KV24" s="120">
        <v>22290433</v>
      </c>
      <c r="KW24" s="321">
        <v>22538160</v>
      </c>
      <c r="KX24" s="142">
        <v>0</v>
      </c>
      <c r="KY24" s="119">
        <v>0</v>
      </c>
      <c r="KZ24" s="120">
        <v>0</v>
      </c>
      <c r="LA24" s="145"/>
      <c r="LB24" s="119">
        <v>0</v>
      </c>
      <c r="LC24" s="119">
        <v>0</v>
      </c>
      <c r="LD24" s="119">
        <v>0</v>
      </c>
      <c r="LE24" s="119">
        <v>0</v>
      </c>
      <c r="LF24" s="119">
        <v>0</v>
      </c>
      <c r="LG24" s="120">
        <v>0</v>
      </c>
      <c r="LH24" s="121">
        <v>0</v>
      </c>
      <c r="LI24" s="142">
        <v>0</v>
      </c>
      <c r="LJ24" s="119">
        <v>0</v>
      </c>
      <c r="LK24" s="120">
        <v>0</v>
      </c>
      <c r="LL24" s="145"/>
      <c r="LM24" s="119">
        <v>0</v>
      </c>
      <c r="LN24" s="119">
        <v>0</v>
      </c>
      <c r="LO24" s="119">
        <v>0</v>
      </c>
      <c r="LP24" s="119">
        <v>0</v>
      </c>
      <c r="LQ24" s="119">
        <v>0</v>
      </c>
      <c r="LR24" s="120">
        <v>0</v>
      </c>
      <c r="LS24" s="321">
        <v>0</v>
      </c>
      <c r="LT24" s="142">
        <v>0</v>
      </c>
      <c r="LU24" s="119">
        <v>0</v>
      </c>
      <c r="LV24" s="120">
        <v>0</v>
      </c>
      <c r="LW24" s="145"/>
      <c r="LX24" s="119">
        <v>342816</v>
      </c>
      <c r="LY24" s="119">
        <v>233909</v>
      </c>
      <c r="LZ24" s="119">
        <v>53466</v>
      </c>
      <c r="MA24" s="119">
        <v>790997</v>
      </c>
      <c r="MB24" s="119">
        <v>4117999</v>
      </c>
      <c r="MC24" s="120">
        <v>5539187</v>
      </c>
      <c r="MD24" s="121">
        <v>5539187</v>
      </c>
      <c r="ME24" s="142">
        <v>0</v>
      </c>
      <c r="MF24" s="119">
        <v>0</v>
      </c>
      <c r="MG24" s="120">
        <v>0</v>
      </c>
      <c r="MH24" s="145"/>
      <c r="MI24" s="119">
        <v>4700787</v>
      </c>
      <c r="MJ24" s="119">
        <v>15497899</v>
      </c>
      <c r="MK24" s="119">
        <v>50716353</v>
      </c>
      <c r="ML24" s="119">
        <v>56321396</v>
      </c>
      <c r="MM24" s="119">
        <v>39854623</v>
      </c>
      <c r="MN24" s="120">
        <v>167091058</v>
      </c>
      <c r="MO24" s="143">
        <v>167091058</v>
      </c>
      <c r="MP24" s="142">
        <v>0</v>
      </c>
      <c r="MQ24" s="119">
        <v>0</v>
      </c>
      <c r="MR24" s="120">
        <v>0</v>
      </c>
      <c r="MS24" s="145"/>
      <c r="MT24" s="119">
        <v>0</v>
      </c>
      <c r="MU24" s="119">
        <v>1918593</v>
      </c>
      <c r="MV24" s="119">
        <v>29948609</v>
      </c>
      <c r="MW24" s="119">
        <v>36041895</v>
      </c>
      <c r="MX24" s="119">
        <v>27440196</v>
      </c>
      <c r="MY24" s="120">
        <v>95349293</v>
      </c>
      <c r="MZ24" s="143">
        <v>95349293</v>
      </c>
      <c r="NA24" s="142">
        <v>0</v>
      </c>
      <c r="NB24" s="119">
        <v>0</v>
      </c>
      <c r="NC24" s="120">
        <v>0</v>
      </c>
      <c r="ND24" s="145"/>
      <c r="NE24" s="119">
        <v>4700787</v>
      </c>
      <c r="NF24" s="119">
        <v>13579306</v>
      </c>
      <c r="NG24" s="119">
        <v>20767744</v>
      </c>
      <c r="NH24" s="119">
        <v>19149452</v>
      </c>
      <c r="NI24" s="119">
        <v>9933329</v>
      </c>
      <c r="NJ24" s="120">
        <v>68130618</v>
      </c>
      <c r="NK24" s="321">
        <v>68130618</v>
      </c>
      <c r="NL24" s="142">
        <v>0</v>
      </c>
      <c r="NM24" s="119">
        <v>0</v>
      </c>
      <c r="NN24" s="120">
        <v>0</v>
      </c>
      <c r="NO24" s="145"/>
      <c r="NP24" s="119">
        <v>0</v>
      </c>
      <c r="NQ24" s="119">
        <v>0</v>
      </c>
      <c r="NR24" s="119">
        <v>0</v>
      </c>
      <c r="NS24" s="119">
        <v>0</v>
      </c>
      <c r="NT24" s="119">
        <v>0</v>
      </c>
      <c r="NU24" s="120">
        <v>0</v>
      </c>
      <c r="NV24" s="121">
        <v>0</v>
      </c>
      <c r="NW24" s="142">
        <v>0</v>
      </c>
      <c r="NX24" s="119">
        <v>0</v>
      </c>
      <c r="NY24" s="120">
        <v>0</v>
      </c>
      <c r="NZ24" s="145"/>
      <c r="OA24" s="119">
        <v>0</v>
      </c>
      <c r="OB24" s="119">
        <v>0</v>
      </c>
      <c r="OC24" s="119">
        <v>0</v>
      </c>
      <c r="OD24" s="119">
        <v>1130049</v>
      </c>
      <c r="OE24" s="119">
        <v>2481098</v>
      </c>
      <c r="OF24" s="120">
        <v>3611147</v>
      </c>
      <c r="OG24" s="121">
        <v>3611147</v>
      </c>
      <c r="OH24" s="142">
        <v>3922087</v>
      </c>
      <c r="OI24" s="119">
        <v>9461196</v>
      </c>
      <c r="OJ24" s="141">
        <v>13383283</v>
      </c>
      <c r="OK24" s="118">
        <v>0</v>
      </c>
      <c r="OL24" s="119">
        <v>80805672</v>
      </c>
      <c r="OM24" s="119">
        <v>105221413</v>
      </c>
      <c r="ON24" s="119">
        <v>130539405</v>
      </c>
      <c r="OO24" s="119">
        <v>114632926</v>
      </c>
      <c r="OP24" s="119">
        <v>90378930</v>
      </c>
      <c r="OQ24" s="120">
        <v>521578346</v>
      </c>
      <c r="OR24" s="143">
        <v>534961629</v>
      </c>
    </row>
    <row r="25" spans="1:408" ht="18.75" customHeight="1" x14ac:dyDescent="0.2">
      <c r="A25" s="62" t="s">
        <v>20</v>
      </c>
      <c r="B25" s="110">
        <v>4452430</v>
      </c>
      <c r="C25" s="114">
        <v>13416296</v>
      </c>
      <c r="D25" s="113">
        <v>17868726</v>
      </c>
      <c r="E25" s="110">
        <v>0</v>
      </c>
      <c r="F25" s="114">
        <v>87029942</v>
      </c>
      <c r="G25" s="114">
        <v>74905619</v>
      </c>
      <c r="H25" s="114">
        <v>70621581</v>
      </c>
      <c r="I25" s="114">
        <v>60585781</v>
      </c>
      <c r="J25" s="114">
        <v>39195332</v>
      </c>
      <c r="K25" s="173">
        <v>332338255</v>
      </c>
      <c r="L25" s="116">
        <v>350206981</v>
      </c>
      <c r="M25" s="110">
        <v>1307971</v>
      </c>
      <c r="N25" s="114">
        <v>4063737</v>
      </c>
      <c r="O25" s="113">
        <v>5371708</v>
      </c>
      <c r="P25" s="110">
        <v>0</v>
      </c>
      <c r="Q25" s="114">
        <v>25065969</v>
      </c>
      <c r="R25" s="114">
        <v>24046582</v>
      </c>
      <c r="S25" s="114">
        <v>20126155</v>
      </c>
      <c r="T25" s="114">
        <v>19551837</v>
      </c>
      <c r="U25" s="114">
        <v>19022072</v>
      </c>
      <c r="V25" s="113">
        <v>107812615</v>
      </c>
      <c r="W25" s="116">
        <v>113184323</v>
      </c>
      <c r="X25" s="110">
        <v>0</v>
      </c>
      <c r="Y25" s="114">
        <v>0</v>
      </c>
      <c r="Z25" s="113">
        <v>0</v>
      </c>
      <c r="AA25" s="110">
        <v>0</v>
      </c>
      <c r="AB25" s="114">
        <v>9548815</v>
      </c>
      <c r="AC25" s="114">
        <v>11263375</v>
      </c>
      <c r="AD25" s="114">
        <v>10644314</v>
      </c>
      <c r="AE25" s="114">
        <v>10665650</v>
      </c>
      <c r="AF25" s="114">
        <v>10260640</v>
      </c>
      <c r="AG25" s="113">
        <v>52382794</v>
      </c>
      <c r="AH25" s="116">
        <v>52382794</v>
      </c>
      <c r="AI25" s="110">
        <v>0</v>
      </c>
      <c r="AJ25" s="114">
        <v>0</v>
      </c>
      <c r="AK25" s="113">
        <v>0</v>
      </c>
      <c r="AL25" s="110">
        <v>0</v>
      </c>
      <c r="AM25" s="114">
        <v>37435</v>
      </c>
      <c r="AN25" s="114">
        <v>507650</v>
      </c>
      <c r="AO25" s="114">
        <v>547597</v>
      </c>
      <c r="AP25" s="114">
        <v>1098336</v>
      </c>
      <c r="AQ25" s="114">
        <v>2950934</v>
      </c>
      <c r="AR25" s="113">
        <v>5141952</v>
      </c>
      <c r="AS25" s="116">
        <v>5141952</v>
      </c>
      <c r="AT25" s="110">
        <v>732827</v>
      </c>
      <c r="AU25" s="114">
        <v>2393154</v>
      </c>
      <c r="AV25" s="113">
        <v>3125981</v>
      </c>
      <c r="AW25" s="110">
        <v>0</v>
      </c>
      <c r="AX25" s="114">
        <v>10386537</v>
      </c>
      <c r="AY25" s="114">
        <v>7044618</v>
      </c>
      <c r="AZ25" s="114">
        <v>4846353</v>
      </c>
      <c r="BA25" s="114">
        <v>3831476</v>
      </c>
      <c r="BB25" s="114">
        <v>3294890</v>
      </c>
      <c r="BC25" s="113">
        <v>29403874</v>
      </c>
      <c r="BD25" s="116">
        <v>32529855</v>
      </c>
      <c r="BE25" s="110">
        <v>318197</v>
      </c>
      <c r="BF25" s="114">
        <v>1081823</v>
      </c>
      <c r="BG25" s="112">
        <v>1400020</v>
      </c>
      <c r="BH25" s="111">
        <v>0</v>
      </c>
      <c r="BI25" s="114">
        <v>1875337</v>
      </c>
      <c r="BJ25" s="114">
        <v>2106488</v>
      </c>
      <c r="BK25" s="114">
        <v>1065380</v>
      </c>
      <c r="BL25" s="114">
        <v>909340</v>
      </c>
      <c r="BM25" s="114">
        <v>468974</v>
      </c>
      <c r="BN25" s="113">
        <v>6425519</v>
      </c>
      <c r="BO25" s="116">
        <v>7825539</v>
      </c>
      <c r="BP25" s="110">
        <v>256947</v>
      </c>
      <c r="BQ25" s="114">
        <v>588760</v>
      </c>
      <c r="BR25" s="113">
        <v>845707</v>
      </c>
      <c r="BS25" s="110">
        <v>0</v>
      </c>
      <c r="BT25" s="114">
        <v>3217845</v>
      </c>
      <c r="BU25" s="114">
        <v>3124451</v>
      </c>
      <c r="BV25" s="114">
        <v>3022511</v>
      </c>
      <c r="BW25" s="114">
        <v>3047035</v>
      </c>
      <c r="BX25" s="114">
        <v>2046634</v>
      </c>
      <c r="BY25" s="113">
        <v>14458476</v>
      </c>
      <c r="BZ25" s="116">
        <v>15304183</v>
      </c>
      <c r="CA25" s="110">
        <v>460511</v>
      </c>
      <c r="CB25" s="114">
        <v>1892496</v>
      </c>
      <c r="CC25" s="113">
        <v>2353007</v>
      </c>
      <c r="CD25" s="110">
        <v>0</v>
      </c>
      <c r="CE25" s="114">
        <v>27598625</v>
      </c>
      <c r="CF25" s="114">
        <v>19477942</v>
      </c>
      <c r="CG25" s="114">
        <v>17892569</v>
      </c>
      <c r="CH25" s="114">
        <v>10856346</v>
      </c>
      <c r="CI25" s="114">
        <v>4841335</v>
      </c>
      <c r="CJ25" s="113">
        <v>80666817</v>
      </c>
      <c r="CK25" s="116">
        <v>83019824</v>
      </c>
      <c r="CL25" s="110">
        <v>0</v>
      </c>
      <c r="CM25" s="114">
        <v>0</v>
      </c>
      <c r="CN25" s="113">
        <v>0</v>
      </c>
      <c r="CO25" s="111">
        <v>0</v>
      </c>
      <c r="CP25" s="114">
        <v>18422407</v>
      </c>
      <c r="CQ25" s="114">
        <v>12665486</v>
      </c>
      <c r="CR25" s="114">
        <v>12746475</v>
      </c>
      <c r="CS25" s="114">
        <v>7164671</v>
      </c>
      <c r="CT25" s="114">
        <v>3919121</v>
      </c>
      <c r="CU25" s="113">
        <v>54918160</v>
      </c>
      <c r="CV25" s="116">
        <v>54918160</v>
      </c>
      <c r="CW25" s="110">
        <v>460511</v>
      </c>
      <c r="CX25" s="114">
        <v>1892496</v>
      </c>
      <c r="CY25" s="113">
        <v>2353007</v>
      </c>
      <c r="CZ25" s="110">
        <v>0</v>
      </c>
      <c r="DA25" s="114">
        <v>9176218</v>
      </c>
      <c r="DB25" s="114">
        <v>6812456</v>
      </c>
      <c r="DC25" s="114">
        <v>5146094</v>
      </c>
      <c r="DD25" s="114">
        <v>3691675</v>
      </c>
      <c r="DE25" s="114">
        <v>922214</v>
      </c>
      <c r="DF25" s="113">
        <v>25748657</v>
      </c>
      <c r="DG25" s="116">
        <v>28101664</v>
      </c>
      <c r="DH25" s="110">
        <v>19369</v>
      </c>
      <c r="DI25" s="114">
        <v>196658</v>
      </c>
      <c r="DJ25" s="112">
        <v>216027</v>
      </c>
      <c r="DK25" s="111">
        <v>0</v>
      </c>
      <c r="DL25" s="114">
        <v>3080037</v>
      </c>
      <c r="DM25" s="114">
        <v>4069233</v>
      </c>
      <c r="DN25" s="114">
        <v>12004902</v>
      </c>
      <c r="DO25" s="114">
        <v>5810279</v>
      </c>
      <c r="DP25" s="114">
        <v>3218268</v>
      </c>
      <c r="DQ25" s="113">
        <v>28182719</v>
      </c>
      <c r="DR25" s="116">
        <v>28398746</v>
      </c>
      <c r="DS25" s="110">
        <v>19369</v>
      </c>
      <c r="DT25" s="114">
        <v>147161</v>
      </c>
      <c r="DU25" s="113">
        <v>166530</v>
      </c>
      <c r="DV25" s="110">
        <v>0</v>
      </c>
      <c r="DW25" s="114">
        <v>2871214</v>
      </c>
      <c r="DX25" s="114">
        <v>3817228</v>
      </c>
      <c r="DY25" s="114">
        <v>10983112</v>
      </c>
      <c r="DZ25" s="114">
        <v>5423673</v>
      </c>
      <c r="EA25" s="114">
        <v>2555687</v>
      </c>
      <c r="EB25" s="113">
        <v>25650914</v>
      </c>
      <c r="EC25" s="116">
        <v>25817444</v>
      </c>
      <c r="ED25" s="110">
        <v>0</v>
      </c>
      <c r="EE25" s="112">
        <v>49497</v>
      </c>
      <c r="EF25" s="113">
        <v>49497</v>
      </c>
      <c r="EG25" s="110">
        <v>0</v>
      </c>
      <c r="EH25" s="114">
        <v>208823</v>
      </c>
      <c r="EI25" s="114">
        <v>252005</v>
      </c>
      <c r="EJ25" s="114">
        <v>1021790</v>
      </c>
      <c r="EK25" s="114">
        <v>386606</v>
      </c>
      <c r="EL25" s="114">
        <v>662581</v>
      </c>
      <c r="EM25" s="112">
        <v>2531805</v>
      </c>
      <c r="EN25" s="116">
        <v>2581302</v>
      </c>
      <c r="EO25" s="110">
        <v>0</v>
      </c>
      <c r="EP25" s="114">
        <v>0</v>
      </c>
      <c r="EQ25" s="112">
        <v>0</v>
      </c>
      <c r="ER25" s="111">
        <v>0</v>
      </c>
      <c r="ES25" s="114">
        <v>0</v>
      </c>
      <c r="ET25" s="114">
        <v>0</v>
      </c>
      <c r="EU25" s="114">
        <v>0</v>
      </c>
      <c r="EV25" s="114">
        <v>0</v>
      </c>
      <c r="EW25" s="114">
        <v>0</v>
      </c>
      <c r="EX25" s="113">
        <v>0</v>
      </c>
      <c r="EY25" s="116">
        <v>0</v>
      </c>
      <c r="EZ25" s="110">
        <v>0</v>
      </c>
      <c r="FA25" s="114">
        <v>0</v>
      </c>
      <c r="FB25" s="112">
        <v>0</v>
      </c>
      <c r="FC25" s="348"/>
      <c r="FD25" s="114">
        <v>0</v>
      </c>
      <c r="FE25" s="114">
        <v>0</v>
      </c>
      <c r="FF25" s="114">
        <v>0</v>
      </c>
      <c r="FG25" s="114">
        <v>0</v>
      </c>
      <c r="FH25" s="114">
        <v>0</v>
      </c>
      <c r="FI25" s="113">
        <v>0</v>
      </c>
      <c r="FJ25" s="116">
        <v>0</v>
      </c>
      <c r="FK25" s="110">
        <v>1289822</v>
      </c>
      <c r="FL25" s="114">
        <v>2715100</v>
      </c>
      <c r="FM25" s="113">
        <v>4004922</v>
      </c>
      <c r="FN25" s="110">
        <v>0</v>
      </c>
      <c r="FO25" s="114">
        <v>6140400</v>
      </c>
      <c r="FP25" s="114">
        <v>6806139</v>
      </c>
      <c r="FQ25" s="114">
        <v>5212555</v>
      </c>
      <c r="FR25" s="114">
        <v>4256353</v>
      </c>
      <c r="FS25" s="114">
        <v>2897871</v>
      </c>
      <c r="FT25" s="113">
        <v>25313318</v>
      </c>
      <c r="FU25" s="116">
        <v>29318240</v>
      </c>
      <c r="FV25" s="115">
        <v>683532</v>
      </c>
      <c r="FW25" s="114">
        <v>1966495</v>
      </c>
      <c r="FX25" s="112">
        <v>2650027</v>
      </c>
      <c r="FY25" s="111">
        <v>0</v>
      </c>
      <c r="FZ25" s="114">
        <v>4625141</v>
      </c>
      <c r="GA25" s="114">
        <v>5942600</v>
      </c>
      <c r="GB25" s="114">
        <v>4899135</v>
      </c>
      <c r="GC25" s="114">
        <v>4021624</v>
      </c>
      <c r="GD25" s="114">
        <v>2876487</v>
      </c>
      <c r="GE25" s="113">
        <v>22364987</v>
      </c>
      <c r="GF25" s="319">
        <v>25015014</v>
      </c>
      <c r="GG25" s="115">
        <v>0</v>
      </c>
      <c r="GH25" s="114">
        <v>52605</v>
      </c>
      <c r="GI25" s="112">
        <v>52605</v>
      </c>
      <c r="GJ25" s="111">
        <v>0</v>
      </c>
      <c r="GK25" s="114">
        <v>344339</v>
      </c>
      <c r="GL25" s="114">
        <v>412999</v>
      </c>
      <c r="GM25" s="114">
        <v>196317</v>
      </c>
      <c r="GN25" s="114">
        <v>61479</v>
      </c>
      <c r="GO25" s="114">
        <v>21384</v>
      </c>
      <c r="GP25" s="113">
        <v>1036518</v>
      </c>
      <c r="GQ25" s="116">
        <v>1089123</v>
      </c>
      <c r="GR25" s="110">
        <v>606290</v>
      </c>
      <c r="GS25" s="114">
        <v>696000</v>
      </c>
      <c r="GT25" s="113">
        <v>1302290</v>
      </c>
      <c r="GU25" s="110">
        <v>0</v>
      </c>
      <c r="GV25" s="114">
        <v>1170920</v>
      </c>
      <c r="GW25" s="114">
        <v>450540</v>
      </c>
      <c r="GX25" s="114">
        <v>117103</v>
      </c>
      <c r="GY25" s="114">
        <v>173250</v>
      </c>
      <c r="GZ25" s="114">
        <v>0</v>
      </c>
      <c r="HA25" s="112">
        <v>1911813</v>
      </c>
      <c r="HB25" s="116">
        <v>3214103</v>
      </c>
      <c r="HC25" s="110">
        <v>522974</v>
      </c>
      <c r="HD25" s="114">
        <v>2600009</v>
      </c>
      <c r="HE25" s="112">
        <v>3122983</v>
      </c>
      <c r="HF25" s="111">
        <v>0</v>
      </c>
      <c r="HG25" s="114">
        <v>11810302</v>
      </c>
      <c r="HH25" s="114">
        <v>12402949</v>
      </c>
      <c r="HI25" s="114">
        <v>8863059</v>
      </c>
      <c r="HJ25" s="114">
        <v>15998491</v>
      </c>
      <c r="HK25" s="114">
        <v>7135901</v>
      </c>
      <c r="HL25" s="113">
        <v>56210702</v>
      </c>
      <c r="HM25" s="109">
        <v>59333685</v>
      </c>
      <c r="HN25" s="115">
        <v>851783</v>
      </c>
      <c r="HO25" s="114">
        <v>1948296</v>
      </c>
      <c r="HP25" s="113">
        <v>2800079</v>
      </c>
      <c r="HQ25" s="110">
        <v>0</v>
      </c>
      <c r="HR25" s="114">
        <v>13334609</v>
      </c>
      <c r="HS25" s="114">
        <v>8102774</v>
      </c>
      <c r="HT25" s="114">
        <v>6522341</v>
      </c>
      <c r="HU25" s="114">
        <v>4112475</v>
      </c>
      <c r="HV25" s="114">
        <v>2079885</v>
      </c>
      <c r="HW25" s="112">
        <v>34152084</v>
      </c>
      <c r="HX25" s="116">
        <v>36952163</v>
      </c>
      <c r="HY25" s="131">
        <v>41234</v>
      </c>
      <c r="HZ25" s="132">
        <v>110070</v>
      </c>
      <c r="IA25" s="133">
        <v>151304</v>
      </c>
      <c r="IB25" s="146">
        <v>0</v>
      </c>
      <c r="IC25" s="132">
        <v>14514530</v>
      </c>
      <c r="ID25" s="147">
        <v>13648784</v>
      </c>
      <c r="IE25" s="133">
        <v>16588620</v>
      </c>
      <c r="IF25" s="132">
        <v>11925813</v>
      </c>
      <c r="IG25" s="133">
        <v>3480483</v>
      </c>
      <c r="IH25" s="148">
        <v>60158230</v>
      </c>
      <c r="II25" s="139">
        <v>60309534</v>
      </c>
      <c r="IJ25" s="232">
        <v>0</v>
      </c>
      <c r="IK25" s="236">
        <v>0</v>
      </c>
      <c r="IL25" s="237">
        <v>0</v>
      </c>
      <c r="IM25" s="140"/>
      <c r="IN25" s="119">
        <v>86634</v>
      </c>
      <c r="IO25" s="119">
        <v>0</v>
      </c>
      <c r="IP25" s="119">
        <v>0</v>
      </c>
      <c r="IQ25" s="119">
        <v>0</v>
      </c>
      <c r="IR25" s="119">
        <v>0</v>
      </c>
      <c r="IS25" s="141">
        <v>86634</v>
      </c>
      <c r="IT25" s="321">
        <v>86634</v>
      </c>
      <c r="IU25" s="142">
        <v>0</v>
      </c>
      <c r="IV25" s="119">
        <v>0</v>
      </c>
      <c r="IW25" s="120">
        <v>0</v>
      </c>
      <c r="IX25" s="144"/>
      <c r="IY25" s="119">
        <v>0</v>
      </c>
      <c r="IZ25" s="119">
        <v>0</v>
      </c>
      <c r="JA25" s="119">
        <v>0</v>
      </c>
      <c r="JB25" s="119">
        <v>0</v>
      </c>
      <c r="JC25" s="119">
        <v>0</v>
      </c>
      <c r="JD25" s="120">
        <v>0</v>
      </c>
      <c r="JE25" s="121">
        <v>0</v>
      </c>
      <c r="JF25" s="142">
        <v>0</v>
      </c>
      <c r="JG25" s="119">
        <v>0</v>
      </c>
      <c r="JH25" s="141">
        <v>0</v>
      </c>
      <c r="JI25" s="118">
        <v>0</v>
      </c>
      <c r="JJ25" s="119">
        <v>7574544</v>
      </c>
      <c r="JK25" s="119">
        <v>5172542</v>
      </c>
      <c r="JL25" s="119">
        <v>4237547</v>
      </c>
      <c r="JM25" s="119">
        <v>3479158</v>
      </c>
      <c r="JN25" s="119">
        <v>1010308</v>
      </c>
      <c r="JO25" s="120">
        <v>21474099</v>
      </c>
      <c r="JP25" s="321">
        <v>21474099</v>
      </c>
      <c r="JQ25" s="142">
        <v>0</v>
      </c>
      <c r="JR25" s="119">
        <v>0</v>
      </c>
      <c r="JS25" s="141">
        <v>0</v>
      </c>
      <c r="JT25" s="118">
        <v>0</v>
      </c>
      <c r="JU25" s="119">
        <v>0</v>
      </c>
      <c r="JV25" s="119">
        <v>251697</v>
      </c>
      <c r="JW25" s="119">
        <v>627757</v>
      </c>
      <c r="JX25" s="119">
        <v>478407</v>
      </c>
      <c r="JY25" s="119">
        <v>694180</v>
      </c>
      <c r="JZ25" s="120">
        <v>2052041</v>
      </c>
      <c r="KA25" s="321">
        <v>2052041</v>
      </c>
      <c r="KB25" s="234">
        <v>41234</v>
      </c>
      <c r="KC25" s="230">
        <v>110070</v>
      </c>
      <c r="KD25" s="120">
        <v>151304</v>
      </c>
      <c r="KE25" s="118">
        <v>0</v>
      </c>
      <c r="KF25" s="119">
        <v>1415029</v>
      </c>
      <c r="KG25" s="119">
        <v>1849125</v>
      </c>
      <c r="KH25" s="119">
        <v>1273946</v>
      </c>
      <c r="KI25" s="119">
        <v>1094055</v>
      </c>
      <c r="KJ25" s="119">
        <v>0</v>
      </c>
      <c r="KK25" s="120">
        <v>5632155</v>
      </c>
      <c r="KL25" s="143">
        <v>5783459</v>
      </c>
      <c r="KM25" s="232">
        <v>0</v>
      </c>
      <c r="KN25" s="236">
        <v>0</v>
      </c>
      <c r="KO25" s="237">
        <v>0</v>
      </c>
      <c r="KP25" s="140"/>
      <c r="KQ25" s="119">
        <v>5438323</v>
      </c>
      <c r="KR25" s="119">
        <v>6375420</v>
      </c>
      <c r="KS25" s="119">
        <v>10449370</v>
      </c>
      <c r="KT25" s="119">
        <v>6874193</v>
      </c>
      <c r="KU25" s="119">
        <v>1775995</v>
      </c>
      <c r="KV25" s="120">
        <v>30913301</v>
      </c>
      <c r="KW25" s="321">
        <v>30913301</v>
      </c>
      <c r="KX25" s="142">
        <v>0</v>
      </c>
      <c r="KY25" s="119">
        <v>0</v>
      </c>
      <c r="KZ25" s="120">
        <v>0</v>
      </c>
      <c r="LA25" s="145"/>
      <c r="LB25" s="119">
        <v>0</v>
      </c>
      <c r="LC25" s="119">
        <v>0</v>
      </c>
      <c r="LD25" s="119">
        <v>0</v>
      </c>
      <c r="LE25" s="119">
        <v>0</v>
      </c>
      <c r="LF25" s="119">
        <v>0</v>
      </c>
      <c r="LG25" s="120">
        <v>0</v>
      </c>
      <c r="LH25" s="121">
        <v>0</v>
      </c>
      <c r="LI25" s="142">
        <v>0</v>
      </c>
      <c r="LJ25" s="119">
        <v>0</v>
      </c>
      <c r="LK25" s="120">
        <v>0</v>
      </c>
      <c r="LL25" s="145"/>
      <c r="LM25" s="119">
        <v>0</v>
      </c>
      <c r="LN25" s="119">
        <v>0</v>
      </c>
      <c r="LO25" s="119">
        <v>0</v>
      </c>
      <c r="LP25" s="119">
        <v>0</v>
      </c>
      <c r="LQ25" s="119">
        <v>0</v>
      </c>
      <c r="LR25" s="120">
        <v>0</v>
      </c>
      <c r="LS25" s="321">
        <v>0</v>
      </c>
      <c r="LT25" s="142">
        <v>0</v>
      </c>
      <c r="LU25" s="119">
        <v>0</v>
      </c>
      <c r="LV25" s="120">
        <v>0</v>
      </c>
      <c r="LW25" s="145"/>
      <c r="LX25" s="119">
        <v>0</v>
      </c>
      <c r="LY25" s="119">
        <v>0</v>
      </c>
      <c r="LZ25" s="119">
        <v>0</v>
      </c>
      <c r="MA25" s="119">
        <v>0</v>
      </c>
      <c r="MB25" s="119">
        <v>0</v>
      </c>
      <c r="MC25" s="120">
        <v>0</v>
      </c>
      <c r="MD25" s="121">
        <v>0</v>
      </c>
      <c r="ME25" s="142">
        <v>0</v>
      </c>
      <c r="MF25" s="119">
        <v>0</v>
      </c>
      <c r="MG25" s="120">
        <v>0</v>
      </c>
      <c r="MH25" s="145"/>
      <c r="MI25" s="119">
        <v>6690477</v>
      </c>
      <c r="MJ25" s="119">
        <v>15857461</v>
      </c>
      <c r="MK25" s="119">
        <v>52662057</v>
      </c>
      <c r="ML25" s="119">
        <v>66745660</v>
      </c>
      <c r="MM25" s="119">
        <v>42873071</v>
      </c>
      <c r="MN25" s="120">
        <v>184828726</v>
      </c>
      <c r="MO25" s="143">
        <v>184828726</v>
      </c>
      <c r="MP25" s="142">
        <v>0</v>
      </c>
      <c r="MQ25" s="119">
        <v>0</v>
      </c>
      <c r="MR25" s="120">
        <v>0</v>
      </c>
      <c r="MS25" s="145"/>
      <c r="MT25" s="119">
        <v>1111666</v>
      </c>
      <c r="MU25" s="119">
        <v>6285126</v>
      </c>
      <c r="MV25" s="119">
        <v>39939750</v>
      </c>
      <c r="MW25" s="119">
        <v>53010039</v>
      </c>
      <c r="MX25" s="119">
        <v>33734774</v>
      </c>
      <c r="MY25" s="120">
        <v>134081355</v>
      </c>
      <c r="MZ25" s="143">
        <v>134081355</v>
      </c>
      <c r="NA25" s="142">
        <v>0</v>
      </c>
      <c r="NB25" s="119">
        <v>0</v>
      </c>
      <c r="NC25" s="120">
        <v>0</v>
      </c>
      <c r="ND25" s="145"/>
      <c r="NE25" s="119">
        <v>5578811</v>
      </c>
      <c r="NF25" s="119">
        <v>9572335</v>
      </c>
      <c r="NG25" s="119">
        <v>12347254</v>
      </c>
      <c r="NH25" s="119">
        <v>13735621</v>
      </c>
      <c r="NI25" s="119">
        <v>6339364</v>
      </c>
      <c r="NJ25" s="120">
        <v>47573385</v>
      </c>
      <c r="NK25" s="321">
        <v>47573385</v>
      </c>
      <c r="NL25" s="142">
        <v>0</v>
      </c>
      <c r="NM25" s="119">
        <v>0</v>
      </c>
      <c r="NN25" s="120">
        <v>0</v>
      </c>
      <c r="NO25" s="145"/>
      <c r="NP25" s="119">
        <v>0</v>
      </c>
      <c r="NQ25" s="119">
        <v>0</v>
      </c>
      <c r="NR25" s="119">
        <v>0</v>
      </c>
      <c r="NS25" s="119">
        <v>0</v>
      </c>
      <c r="NT25" s="119">
        <v>778028</v>
      </c>
      <c r="NU25" s="120">
        <v>778028</v>
      </c>
      <c r="NV25" s="121">
        <v>778028</v>
      </c>
      <c r="NW25" s="142">
        <v>0</v>
      </c>
      <c r="NX25" s="119">
        <v>0</v>
      </c>
      <c r="NY25" s="120">
        <v>0</v>
      </c>
      <c r="NZ25" s="145"/>
      <c r="OA25" s="119">
        <v>0</v>
      </c>
      <c r="OB25" s="119">
        <v>0</v>
      </c>
      <c r="OC25" s="119">
        <v>375053</v>
      </c>
      <c r="OD25" s="119">
        <v>0</v>
      </c>
      <c r="OE25" s="119">
        <v>2020905</v>
      </c>
      <c r="OF25" s="120">
        <v>2395958</v>
      </c>
      <c r="OG25" s="121">
        <v>2395958</v>
      </c>
      <c r="OH25" s="142">
        <v>4493664</v>
      </c>
      <c r="OI25" s="119">
        <v>13526366</v>
      </c>
      <c r="OJ25" s="141">
        <v>18020030</v>
      </c>
      <c r="OK25" s="118">
        <v>0</v>
      </c>
      <c r="OL25" s="119">
        <v>108234949</v>
      </c>
      <c r="OM25" s="119">
        <v>104411864</v>
      </c>
      <c r="ON25" s="119">
        <v>139872258</v>
      </c>
      <c r="OO25" s="119">
        <v>139257254</v>
      </c>
      <c r="OP25" s="119">
        <v>85548886</v>
      </c>
      <c r="OQ25" s="120">
        <v>577325211</v>
      </c>
      <c r="OR25" s="143">
        <v>595345241</v>
      </c>
    </row>
    <row r="26" spans="1:408" ht="18.75" customHeight="1" x14ac:dyDescent="0.2">
      <c r="A26" s="62" t="s">
        <v>21</v>
      </c>
      <c r="B26" s="110">
        <v>6598521</v>
      </c>
      <c r="C26" s="114">
        <v>12719574</v>
      </c>
      <c r="D26" s="113">
        <v>19318095</v>
      </c>
      <c r="E26" s="109">
        <v>0</v>
      </c>
      <c r="F26" s="114">
        <v>62581770</v>
      </c>
      <c r="G26" s="114">
        <v>104188033</v>
      </c>
      <c r="H26" s="114">
        <v>88809155</v>
      </c>
      <c r="I26" s="114">
        <v>72331459</v>
      </c>
      <c r="J26" s="114">
        <v>54044305</v>
      </c>
      <c r="K26" s="173">
        <v>381954722</v>
      </c>
      <c r="L26" s="116">
        <v>401272817</v>
      </c>
      <c r="M26" s="110">
        <v>2267674</v>
      </c>
      <c r="N26" s="114">
        <v>4250889</v>
      </c>
      <c r="O26" s="113">
        <v>6518563</v>
      </c>
      <c r="P26" s="110">
        <v>0</v>
      </c>
      <c r="Q26" s="114">
        <v>20006601</v>
      </c>
      <c r="R26" s="114">
        <v>35897770</v>
      </c>
      <c r="S26" s="114">
        <v>29285070</v>
      </c>
      <c r="T26" s="114">
        <v>29378164</v>
      </c>
      <c r="U26" s="114">
        <v>26117487</v>
      </c>
      <c r="V26" s="113">
        <v>140685092</v>
      </c>
      <c r="W26" s="116">
        <v>147203655</v>
      </c>
      <c r="X26" s="110">
        <v>0</v>
      </c>
      <c r="Y26" s="114">
        <v>0</v>
      </c>
      <c r="Z26" s="113">
        <v>0</v>
      </c>
      <c r="AA26" s="110">
        <v>0</v>
      </c>
      <c r="AB26" s="114">
        <v>9203376</v>
      </c>
      <c r="AC26" s="114">
        <v>18053111</v>
      </c>
      <c r="AD26" s="114">
        <v>17254824</v>
      </c>
      <c r="AE26" s="114">
        <v>18187869</v>
      </c>
      <c r="AF26" s="114">
        <v>15709605</v>
      </c>
      <c r="AG26" s="113">
        <v>78408785</v>
      </c>
      <c r="AH26" s="116">
        <v>78408785</v>
      </c>
      <c r="AI26" s="110">
        <v>0</v>
      </c>
      <c r="AJ26" s="114">
        <v>0</v>
      </c>
      <c r="AK26" s="113">
        <v>0</v>
      </c>
      <c r="AL26" s="110">
        <v>0</v>
      </c>
      <c r="AM26" s="114">
        <v>0</v>
      </c>
      <c r="AN26" s="114">
        <v>196695</v>
      </c>
      <c r="AO26" s="114">
        <v>957457</v>
      </c>
      <c r="AP26" s="114">
        <v>1471606</v>
      </c>
      <c r="AQ26" s="114">
        <v>3372939</v>
      </c>
      <c r="AR26" s="113">
        <v>5998697</v>
      </c>
      <c r="AS26" s="116">
        <v>5998697</v>
      </c>
      <c r="AT26" s="110">
        <v>1247690</v>
      </c>
      <c r="AU26" s="114">
        <v>2653823</v>
      </c>
      <c r="AV26" s="113">
        <v>3901513</v>
      </c>
      <c r="AW26" s="110">
        <v>0</v>
      </c>
      <c r="AX26" s="114">
        <v>7222390</v>
      </c>
      <c r="AY26" s="114">
        <v>11888583</v>
      </c>
      <c r="AZ26" s="114">
        <v>6801531</v>
      </c>
      <c r="BA26" s="114">
        <v>5889538</v>
      </c>
      <c r="BB26" s="114">
        <v>4098879</v>
      </c>
      <c r="BC26" s="113">
        <v>35900921</v>
      </c>
      <c r="BD26" s="116">
        <v>39802434</v>
      </c>
      <c r="BE26" s="110">
        <v>440673</v>
      </c>
      <c r="BF26" s="114">
        <v>886821</v>
      </c>
      <c r="BG26" s="112">
        <v>1327494</v>
      </c>
      <c r="BH26" s="111">
        <v>0</v>
      </c>
      <c r="BI26" s="114">
        <v>640739</v>
      </c>
      <c r="BJ26" s="114">
        <v>1331760</v>
      </c>
      <c r="BK26" s="114">
        <v>644706</v>
      </c>
      <c r="BL26" s="114">
        <v>929786</v>
      </c>
      <c r="BM26" s="114">
        <v>139481</v>
      </c>
      <c r="BN26" s="113">
        <v>3686472</v>
      </c>
      <c r="BO26" s="116">
        <v>5013966</v>
      </c>
      <c r="BP26" s="110">
        <v>579311</v>
      </c>
      <c r="BQ26" s="114">
        <v>710245</v>
      </c>
      <c r="BR26" s="113">
        <v>1289556</v>
      </c>
      <c r="BS26" s="110">
        <v>0</v>
      </c>
      <c r="BT26" s="114">
        <v>2940096</v>
      </c>
      <c r="BU26" s="114">
        <v>4427621</v>
      </c>
      <c r="BV26" s="114">
        <v>3626552</v>
      </c>
      <c r="BW26" s="114">
        <v>2899365</v>
      </c>
      <c r="BX26" s="114">
        <v>2796583</v>
      </c>
      <c r="BY26" s="113">
        <v>16690217</v>
      </c>
      <c r="BZ26" s="116">
        <v>17979773</v>
      </c>
      <c r="CA26" s="110">
        <v>579729</v>
      </c>
      <c r="CB26" s="114">
        <v>1753555</v>
      </c>
      <c r="CC26" s="113">
        <v>2333284</v>
      </c>
      <c r="CD26" s="110">
        <v>0</v>
      </c>
      <c r="CE26" s="114">
        <v>18399563</v>
      </c>
      <c r="CF26" s="114">
        <v>27595569</v>
      </c>
      <c r="CG26" s="114">
        <v>20289909</v>
      </c>
      <c r="CH26" s="114">
        <v>12086845</v>
      </c>
      <c r="CI26" s="114">
        <v>5296675</v>
      </c>
      <c r="CJ26" s="113">
        <v>83668561</v>
      </c>
      <c r="CK26" s="116">
        <v>86001845</v>
      </c>
      <c r="CL26" s="110">
        <v>0</v>
      </c>
      <c r="CM26" s="114">
        <v>0</v>
      </c>
      <c r="CN26" s="113">
        <v>0</v>
      </c>
      <c r="CO26" s="111">
        <v>0</v>
      </c>
      <c r="CP26" s="114">
        <v>15856972</v>
      </c>
      <c r="CQ26" s="114">
        <v>23740462</v>
      </c>
      <c r="CR26" s="114">
        <v>17017305</v>
      </c>
      <c r="CS26" s="114">
        <v>10860890</v>
      </c>
      <c r="CT26" s="114">
        <v>3800509</v>
      </c>
      <c r="CU26" s="113">
        <v>71276138</v>
      </c>
      <c r="CV26" s="116">
        <v>71276138</v>
      </c>
      <c r="CW26" s="110">
        <v>579729</v>
      </c>
      <c r="CX26" s="114">
        <v>1753555</v>
      </c>
      <c r="CY26" s="113">
        <v>2333284</v>
      </c>
      <c r="CZ26" s="110">
        <v>0</v>
      </c>
      <c r="DA26" s="114">
        <v>2542591</v>
      </c>
      <c r="DB26" s="114">
        <v>3855107</v>
      </c>
      <c r="DC26" s="114">
        <v>3272604</v>
      </c>
      <c r="DD26" s="114">
        <v>1225955</v>
      </c>
      <c r="DE26" s="114">
        <v>1496166</v>
      </c>
      <c r="DF26" s="113">
        <v>12392423</v>
      </c>
      <c r="DG26" s="116">
        <v>14725707</v>
      </c>
      <c r="DH26" s="110">
        <v>40092</v>
      </c>
      <c r="DI26" s="114">
        <v>104282</v>
      </c>
      <c r="DJ26" s="112">
        <v>144374</v>
      </c>
      <c r="DK26" s="111">
        <v>0</v>
      </c>
      <c r="DL26" s="114">
        <v>1142541</v>
      </c>
      <c r="DM26" s="114">
        <v>4343528</v>
      </c>
      <c r="DN26" s="114">
        <v>14033418</v>
      </c>
      <c r="DO26" s="114">
        <v>11227575</v>
      </c>
      <c r="DP26" s="114">
        <v>4989946</v>
      </c>
      <c r="DQ26" s="113">
        <v>35737008</v>
      </c>
      <c r="DR26" s="116">
        <v>35881382</v>
      </c>
      <c r="DS26" s="110">
        <v>40092</v>
      </c>
      <c r="DT26" s="114">
        <v>104282</v>
      </c>
      <c r="DU26" s="113">
        <v>144374</v>
      </c>
      <c r="DV26" s="110">
        <v>0</v>
      </c>
      <c r="DW26" s="114">
        <v>1142541</v>
      </c>
      <c r="DX26" s="114">
        <v>4176435</v>
      </c>
      <c r="DY26" s="114">
        <v>13898646</v>
      </c>
      <c r="DZ26" s="114">
        <v>11128947</v>
      </c>
      <c r="EA26" s="114">
        <v>4822126</v>
      </c>
      <c r="EB26" s="113">
        <v>35168695</v>
      </c>
      <c r="EC26" s="116">
        <v>35313069</v>
      </c>
      <c r="ED26" s="110">
        <v>0</v>
      </c>
      <c r="EE26" s="112">
        <v>0</v>
      </c>
      <c r="EF26" s="113">
        <v>0</v>
      </c>
      <c r="EG26" s="110">
        <v>0</v>
      </c>
      <c r="EH26" s="114">
        <v>0</v>
      </c>
      <c r="EI26" s="114">
        <v>167093</v>
      </c>
      <c r="EJ26" s="114">
        <v>134772</v>
      </c>
      <c r="EK26" s="114">
        <v>98628</v>
      </c>
      <c r="EL26" s="114">
        <v>167820</v>
      </c>
      <c r="EM26" s="112">
        <v>568313</v>
      </c>
      <c r="EN26" s="116">
        <v>568313</v>
      </c>
      <c r="EO26" s="110">
        <v>0</v>
      </c>
      <c r="EP26" s="114">
        <v>0</v>
      </c>
      <c r="EQ26" s="112">
        <v>0</v>
      </c>
      <c r="ER26" s="111">
        <v>0</v>
      </c>
      <c r="ES26" s="114">
        <v>0</v>
      </c>
      <c r="ET26" s="114">
        <v>0</v>
      </c>
      <c r="EU26" s="114">
        <v>0</v>
      </c>
      <c r="EV26" s="114">
        <v>0</v>
      </c>
      <c r="EW26" s="114">
        <v>0</v>
      </c>
      <c r="EX26" s="113">
        <v>0</v>
      </c>
      <c r="EY26" s="116">
        <v>0</v>
      </c>
      <c r="EZ26" s="110">
        <v>0</v>
      </c>
      <c r="FA26" s="114">
        <v>0</v>
      </c>
      <c r="FB26" s="112">
        <v>0</v>
      </c>
      <c r="FC26" s="348"/>
      <c r="FD26" s="114">
        <v>0</v>
      </c>
      <c r="FE26" s="114">
        <v>0</v>
      </c>
      <c r="FF26" s="114">
        <v>0</v>
      </c>
      <c r="FG26" s="114">
        <v>0</v>
      </c>
      <c r="FH26" s="114">
        <v>0</v>
      </c>
      <c r="FI26" s="113">
        <v>0</v>
      </c>
      <c r="FJ26" s="116">
        <v>0</v>
      </c>
      <c r="FK26" s="110">
        <v>1196008</v>
      </c>
      <c r="FL26" s="114">
        <v>2911761</v>
      </c>
      <c r="FM26" s="113">
        <v>4107769</v>
      </c>
      <c r="FN26" s="110">
        <v>0</v>
      </c>
      <c r="FO26" s="114">
        <v>3314680</v>
      </c>
      <c r="FP26" s="114">
        <v>9253625</v>
      </c>
      <c r="FQ26" s="114">
        <v>5418660</v>
      </c>
      <c r="FR26" s="114">
        <v>5404540</v>
      </c>
      <c r="FS26" s="114">
        <v>3300972</v>
      </c>
      <c r="FT26" s="113">
        <v>26692477</v>
      </c>
      <c r="FU26" s="116">
        <v>30800246</v>
      </c>
      <c r="FV26" s="115">
        <v>793438</v>
      </c>
      <c r="FW26" s="114">
        <v>2402631</v>
      </c>
      <c r="FX26" s="112">
        <v>3196069</v>
      </c>
      <c r="FY26" s="111">
        <v>0</v>
      </c>
      <c r="FZ26" s="114">
        <v>2801837</v>
      </c>
      <c r="GA26" s="114">
        <v>8340064</v>
      </c>
      <c r="GB26" s="114">
        <v>5327490</v>
      </c>
      <c r="GC26" s="114">
        <v>5367920</v>
      </c>
      <c r="GD26" s="114">
        <v>3300972</v>
      </c>
      <c r="GE26" s="113">
        <v>25138283</v>
      </c>
      <c r="GF26" s="319">
        <v>28334352</v>
      </c>
      <c r="GG26" s="115">
        <v>45720</v>
      </c>
      <c r="GH26" s="114">
        <v>35460</v>
      </c>
      <c r="GI26" s="112">
        <v>81180</v>
      </c>
      <c r="GJ26" s="111">
        <v>0</v>
      </c>
      <c r="GK26" s="114">
        <v>152653</v>
      </c>
      <c r="GL26" s="114">
        <v>324961</v>
      </c>
      <c r="GM26" s="114">
        <v>32670</v>
      </c>
      <c r="GN26" s="114">
        <v>36620</v>
      </c>
      <c r="GO26" s="114">
        <v>0</v>
      </c>
      <c r="GP26" s="113">
        <v>546904</v>
      </c>
      <c r="GQ26" s="116">
        <v>628084</v>
      </c>
      <c r="GR26" s="110">
        <v>356850</v>
      </c>
      <c r="GS26" s="114">
        <v>473670</v>
      </c>
      <c r="GT26" s="113">
        <v>830520</v>
      </c>
      <c r="GU26" s="110">
        <v>0</v>
      </c>
      <c r="GV26" s="114">
        <v>360190</v>
      </c>
      <c r="GW26" s="114">
        <v>588600</v>
      </c>
      <c r="GX26" s="114">
        <v>58500</v>
      </c>
      <c r="GY26" s="114">
        <v>0</v>
      </c>
      <c r="GZ26" s="114">
        <v>0</v>
      </c>
      <c r="HA26" s="112">
        <v>1007290</v>
      </c>
      <c r="HB26" s="116">
        <v>1837810</v>
      </c>
      <c r="HC26" s="110">
        <v>1310718</v>
      </c>
      <c r="HD26" s="114">
        <v>1828434</v>
      </c>
      <c r="HE26" s="112">
        <v>3139152</v>
      </c>
      <c r="HF26" s="111">
        <v>0</v>
      </c>
      <c r="HG26" s="114">
        <v>9076461</v>
      </c>
      <c r="HH26" s="114">
        <v>14371912</v>
      </c>
      <c r="HI26" s="114">
        <v>12008992</v>
      </c>
      <c r="HJ26" s="114">
        <v>8610359</v>
      </c>
      <c r="HK26" s="114">
        <v>11569807</v>
      </c>
      <c r="HL26" s="113">
        <v>55637531</v>
      </c>
      <c r="HM26" s="109">
        <v>58776683</v>
      </c>
      <c r="HN26" s="115">
        <v>1204300</v>
      </c>
      <c r="HO26" s="114">
        <v>1870653</v>
      </c>
      <c r="HP26" s="113">
        <v>3074953</v>
      </c>
      <c r="HQ26" s="110">
        <v>0</v>
      </c>
      <c r="HR26" s="114">
        <v>10641924</v>
      </c>
      <c r="HS26" s="114">
        <v>12725629</v>
      </c>
      <c r="HT26" s="114">
        <v>7773106</v>
      </c>
      <c r="HU26" s="114">
        <v>5623976</v>
      </c>
      <c r="HV26" s="114">
        <v>2769418</v>
      </c>
      <c r="HW26" s="112">
        <v>39534053</v>
      </c>
      <c r="HX26" s="116">
        <v>42609006</v>
      </c>
      <c r="HY26" s="150">
        <v>46943</v>
      </c>
      <c r="HZ26" s="135">
        <v>84068</v>
      </c>
      <c r="IA26" s="150">
        <v>131011</v>
      </c>
      <c r="IB26" s="134">
        <v>0</v>
      </c>
      <c r="IC26" s="135">
        <v>14381087</v>
      </c>
      <c r="ID26" s="136">
        <v>21645635</v>
      </c>
      <c r="IE26" s="137">
        <v>19662674</v>
      </c>
      <c r="IF26" s="135">
        <v>9929140</v>
      </c>
      <c r="IG26" s="137">
        <v>8345802</v>
      </c>
      <c r="IH26" s="138">
        <v>73964338</v>
      </c>
      <c r="II26" s="150">
        <v>74095349</v>
      </c>
      <c r="IJ26" s="232">
        <v>0</v>
      </c>
      <c r="IK26" s="236">
        <v>0</v>
      </c>
      <c r="IL26" s="237">
        <v>0</v>
      </c>
      <c r="IM26" s="140"/>
      <c r="IN26" s="119">
        <v>0</v>
      </c>
      <c r="IO26" s="119">
        <v>728257</v>
      </c>
      <c r="IP26" s="119">
        <v>390208</v>
      </c>
      <c r="IQ26" s="119">
        <v>460486</v>
      </c>
      <c r="IR26" s="119">
        <v>317433</v>
      </c>
      <c r="IS26" s="141">
        <v>1896384</v>
      </c>
      <c r="IT26" s="321">
        <v>1896384</v>
      </c>
      <c r="IU26" s="142">
        <v>0</v>
      </c>
      <c r="IV26" s="119">
        <v>0</v>
      </c>
      <c r="IW26" s="120">
        <v>0</v>
      </c>
      <c r="IX26" s="144"/>
      <c r="IY26" s="119">
        <v>0</v>
      </c>
      <c r="IZ26" s="119">
        <v>0</v>
      </c>
      <c r="JA26" s="119">
        <v>0</v>
      </c>
      <c r="JB26" s="119">
        <v>0</v>
      </c>
      <c r="JC26" s="119">
        <v>0</v>
      </c>
      <c r="JD26" s="120">
        <v>0</v>
      </c>
      <c r="JE26" s="121">
        <v>0</v>
      </c>
      <c r="JF26" s="142">
        <v>0</v>
      </c>
      <c r="JG26" s="119">
        <v>0</v>
      </c>
      <c r="JH26" s="141">
        <v>0</v>
      </c>
      <c r="JI26" s="118">
        <v>0</v>
      </c>
      <c r="JJ26" s="119">
        <v>7940765</v>
      </c>
      <c r="JK26" s="119">
        <v>11500162</v>
      </c>
      <c r="JL26" s="119">
        <v>6291509</v>
      </c>
      <c r="JM26" s="119">
        <v>3490177</v>
      </c>
      <c r="JN26" s="119">
        <v>1791700</v>
      </c>
      <c r="JO26" s="120">
        <v>31014313</v>
      </c>
      <c r="JP26" s="321">
        <v>31014313</v>
      </c>
      <c r="JQ26" s="142">
        <v>0</v>
      </c>
      <c r="JR26" s="119">
        <v>0</v>
      </c>
      <c r="JS26" s="141">
        <v>0</v>
      </c>
      <c r="JT26" s="118">
        <v>0</v>
      </c>
      <c r="JU26" s="119">
        <v>0</v>
      </c>
      <c r="JV26" s="119">
        <v>0</v>
      </c>
      <c r="JW26" s="119">
        <v>0</v>
      </c>
      <c r="JX26" s="119">
        <v>0</v>
      </c>
      <c r="JY26" s="119">
        <v>0</v>
      </c>
      <c r="JZ26" s="120">
        <v>0</v>
      </c>
      <c r="KA26" s="321">
        <v>0</v>
      </c>
      <c r="KB26" s="234">
        <v>46943</v>
      </c>
      <c r="KC26" s="230">
        <v>84068</v>
      </c>
      <c r="KD26" s="120">
        <v>131011</v>
      </c>
      <c r="KE26" s="118">
        <v>0</v>
      </c>
      <c r="KF26" s="119">
        <v>1201121</v>
      </c>
      <c r="KG26" s="119">
        <v>1465572</v>
      </c>
      <c r="KH26" s="119">
        <v>4846118</v>
      </c>
      <c r="KI26" s="119">
        <v>1692599</v>
      </c>
      <c r="KJ26" s="119">
        <v>1622660</v>
      </c>
      <c r="KK26" s="120">
        <v>10828070</v>
      </c>
      <c r="KL26" s="143">
        <v>10959081</v>
      </c>
      <c r="KM26" s="232">
        <v>0</v>
      </c>
      <c r="KN26" s="236">
        <v>0</v>
      </c>
      <c r="KO26" s="237">
        <v>0</v>
      </c>
      <c r="KP26" s="140"/>
      <c r="KQ26" s="119">
        <v>5096634</v>
      </c>
      <c r="KR26" s="119">
        <v>7298116</v>
      </c>
      <c r="KS26" s="119">
        <v>7585991</v>
      </c>
      <c r="KT26" s="119">
        <v>3682643</v>
      </c>
      <c r="KU26" s="119">
        <v>2916498</v>
      </c>
      <c r="KV26" s="120">
        <v>26579882</v>
      </c>
      <c r="KW26" s="321">
        <v>26579882</v>
      </c>
      <c r="KX26" s="142">
        <v>0</v>
      </c>
      <c r="KY26" s="119">
        <v>0</v>
      </c>
      <c r="KZ26" s="120">
        <v>0</v>
      </c>
      <c r="LA26" s="145"/>
      <c r="LB26" s="119">
        <v>0</v>
      </c>
      <c r="LC26" s="119">
        <v>0</v>
      </c>
      <c r="LD26" s="119">
        <v>0</v>
      </c>
      <c r="LE26" s="119">
        <v>0</v>
      </c>
      <c r="LF26" s="119">
        <v>0</v>
      </c>
      <c r="LG26" s="120">
        <v>0</v>
      </c>
      <c r="LH26" s="121">
        <v>0</v>
      </c>
      <c r="LI26" s="142">
        <v>0</v>
      </c>
      <c r="LJ26" s="119">
        <v>0</v>
      </c>
      <c r="LK26" s="120">
        <v>0</v>
      </c>
      <c r="LL26" s="145"/>
      <c r="LM26" s="119">
        <v>0</v>
      </c>
      <c r="LN26" s="119">
        <v>0</v>
      </c>
      <c r="LO26" s="119">
        <v>0</v>
      </c>
      <c r="LP26" s="119">
        <v>0</v>
      </c>
      <c r="LQ26" s="119">
        <v>0</v>
      </c>
      <c r="LR26" s="120">
        <v>0</v>
      </c>
      <c r="LS26" s="321">
        <v>0</v>
      </c>
      <c r="LT26" s="142">
        <v>0</v>
      </c>
      <c r="LU26" s="119">
        <v>0</v>
      </c>
      <c r="LV26" s="120">
        <v>0</v>
      </c>
      <c r="LW26" s="145"/>
      <c r="LX26" s="119">
        <v>142567</v>
      </c>
      <c r="LY26" s="119">
        <v>653528</v>
      </c>
      <c r="LZ26" s="119">
        <v>548848</v>
      </c>
      <c r="MA26" s="119">
        <v>603235</v>
      </c>
      <c r="MB26" s="119">
        <v>1697511</v>
      </c>
      <c r="MC26" s="120">
        <v>3645689</v>
      </c>
      <c r="MD26" s="121">
        <v>3645689</v>
      </c>
      <c r="ME26" s="142">
        <v>0</v>
      </c>
      <c r="MF26" s="119">
        <v>0</v>
      </c>
      <c r="MG26" s="120">
        <v>0</v>
      </c>
      <c r="MH26" s="145"/>
      <c r="MI26" s="119">
        <v>5687218</v>
      </c>
      <c r="MJ26" s="119">
        <v>12358859</v>
      </c>
      <c r="MK26" s="119">
        <v>55930935</v>
      </c>
      <c r="ML26" s="119">
        <v>67680827</v>
      </c>
      <c r="MM26" s="119">
        <v>51759317</v>
      </c>
      <c r="MN26" s="120">
        <v>193417156</v>
      </c>
      <c r="MO26" s="143">
        <v>193417156</v>
      </c>
      <c r="MP26" s="142">
        <v>0</v>
      </c>
      <c r="MQ26" s="119">
        <v>0</v>
      </c>
      <c r="MR26" s="120">
        <v>0</v>
      </c>
      <c r="MS26" s="145"/>
      <c r="MT26" s="119">
        <v>692459</v>
      </c>
      <c r="MU26" s="119">
        <v>3115388</v>
      </c>
      <c r="MV26" s="119">
        <v>43929710</v>
      </c>
      <c r="MW26" s="119">
        <v>49841285</v>
      </c>
      <c r="MX26" s="119">
        <v>40955501</v>
      </c>
      <c r="MY26" s="120">
        <v>138534343</v>
      </c>
      <c r="MZ26" s="143">
        <v>138534343</v>
      </c>
      <c r="NA26" s="142">
        <v>0</v>
      </c>
      <c r="NB26" s="119">
        <v>0</v>
      </c>
      <c r="NC26" s="120">
        <v>0</v>
      </c>
      <c r="ND26" s="145"/>
      <c r="NE26" s="119">
        <v>4994759</v>
      </c>
      <c r="NF26" s="119">
        <v>9243471</v>
      </c>
      <c r="NG26" s="119">
        <v>11252826</v>
      </c>
      <c r="NH26" s="119">
        <v>14355359</v>
      </c>
      <c r="NI26" s="119">
        <v>7583992</v>
      </c>
      <c r="NJ26" s="120">
        <v>47430407</v>
      </c>
      <c r="NK26" s="321">
        <v>47430407</v>
      </c>
      <c r="NL26" s="142">
        <v>0</v>
      </c>
      <c r="NM26" s="119">
        <v>0</v>
      </c>
      <c r="NN26" s="120">
        <v>0</v>
      </c>
      <c r="NO26" s="145"/>
      <c r="NP26" s="119">
        <v>0</v>
      </c>
      <c r="NQ26" s="119">
        <v>0</v>
      </c>
      <c r="NR26" s="119">
        <v>362074</v>
      </c>
      <c r="NS26" s="119">
        <v>352032</v>
      </c>
      <c r="NT26" s="119">
        <v>1107537</v>
      </c>
      <c r="NU26" s="120">
        <v>1821643</v>
      </c>
      <c r="NV26" s="121">
        <v>1821643</v>
      </c>
      <c r="NW26" s="142">
        <v>0</v>
      </c>
      <c r="NX26" s="119">
        <v>0</v>
      </c>
      <c r="NY26" s="120">
        <v>0</v>
      </c>
      <c r="NZ26" s="145"/>
      <c r="OA26" s="119">
        <v>0</v>
      </c>
      <c r="OB26" s="119">
        <v>0</v>
      </c>
      <c r="OC26" s="119">
        <v>386325</v>
      </c>
      <c r="OD26" s="119">
        <v>3132151</v>
      </c>
      <c r="OE26" s="119">
        <v>2112287</v>
      </c>
      <c r="OF26" s="120">
        <v>5630763</v>
      </c>
      <c r="OG26" s="121">
        <v>5630763</v>
      </c>
      <c r="OH26" s="142">
        <v>6645464</v>
      </c>
      <c r="OI26" s="119">
        <v>12803642</v>
      </c>
      <c r="OJ26" s="141">
        <v>19449106</v>
      </c>
      <c r="OK26" s="118">
        <v>0</v>
      </c>
      <c r="OL26" s="119">
        <v>82650075</v>
      </c>
      <c r="OM26" s="119">
        <v>138192527</v>
      </c>
      <c r="ON26" s="119">
        <v>164402764</v>
      </c>
      <c r="OO26" s="119">
        <v>149941426</v>
      </c>
      <c r="OP26" s="119">
        <v>114149424</v>
      </c>
      <c r="OQ26" s="120">
        <v>649336216</v>
      </c>
      <c r="OR26" s="143">
        <v>668785322</v>
      </c>
    </row>
    <row r="27" spans="1:408" ht="18.75" customHeight="1" x14ac:dyDescent="0.2">
      <c r="A27" s="62" t="s">
        <v>22</v>
      </c>
      <c r="B27" s="110">
        <v>901059</v>
      </c>
      <c r="C27" s="114">
        <v>3224775</v>
      </c>
      <c r="D27" s="113">
        <v>4125834</v>
      </c>
      <c r="E27" s="109">
        <v>0</v>
      </c>
      <c r="F27" s="114">
        <v>26640416</v>
      </c>
      <c r="G27" s="114">
        <v>31148044</v>
      </c>
      <c r="H27" s="114">
        <v>22755839</v>
      </c>
      <c r="I27" s="114">
        <v>22852168</v>
      </c>
      <c r="J27" s="114">
        <v>17077712</v>
      </c>
      <c r="K27" s="173">
        <v>120474179</v>
      </c>
      <c r="L27" s="116">
        <v>124600013</v>
      </c>
      <c r="M27" s="110">
        <v>152107</v>
      </c>
      <c r="N27" s="114">
        <v>539789</v>
      </c>
      <c r="O27" s="113">
        <v>691896</v>
      </c>
      <c r="P27" s="110">
        <v>0</v>
      </c>
      <c r="Q27" s="114">
        <v>5028368</v>
      </c>
      <c r="R27" s="114">
        <v>7799044</v>
      </c>
      <c r="S27" s="114">
        <v>4962367</v>
      </c>
      <c r="T27" s="114">
        <v>7331429</v>
      </c>
      <c r="U27" s="114">
        <v>8460978</v>
      </c>
      <c r="V27" s="113">
        <v>33582186</v>
      </c>
      <c r="W27" s="116">
        <v>34274082</v>
      </c>
      <c r="X27" s="110">
        <v>0</v>
      </c>
      <c r="Y27" s="114">
        <v>0</v>
      </c>
      <c r="Z27" s="113">
        <v>0</v>
      </c>
      <c r="AA27" s="110">
        <v>0</v>
      </c>
      <c r="AB27" s="114">
        <v>2288138</v>
      </c>
      <c r="AC27" s="114">
        <v>3333533</v>
      </c>
      <c r="AD27" s="114">
        <v>2415728</v>
      </c>
      <c r="AE27" s="114">
        <v>4448191</v>
      </c>
      <c r="AF27" s="114">
        <v>4482772</v>
      </c>
      <c r="AG27" s="113">
        <v>16968362</v>
      </c>
      <c r="AH27" s="116">
        <v>16968362</v>
      </c>
      <c r="AI27" s="110">
        <v>0</v>
      </c>
      <c r="AJ27" s="114">
        <v>0</v>
      </c>
      <c r="AK27" s="113">
        <v>0</v>
      </c>
      <c r="AL27" s="110">
        <v>0</v>
      </c>
      <c r="AM27" s="114">
        <v>0</v>
      </c>
      <c r="AN27" s="114">
        <v>60840</v>
      </c>
      <c r="AO27" s="114">
        <v>419863</v>
      </c>
      <c r="AP27" s="114">
        <v>561327</v>
      </c>
      <c r="AQ27" s="114">
        <v>1518884</v>
      </c>
      <c r="AR27" s="113">
        <v>2560914</v>
      </c>
      <c r="AS27" s="116">
        <v>2560914</v>
      </c>
      <c r="AT27" s="110">
        <v>115045</v>
      </c>
      <c r="AU27" s="114">
        <v>353697</v>
      </c>
      <c r="AV27" s="113">
        <v>468742</v>
      </c>
      <c r="AW27" s="110">
        <v>0</v>
      </c>
      <c r="AX27" s="114">
        <v>1609388</v>
      </c>
      <c r="AY27" s="114">
        <v>2929618</v>
      </c>
      <c r="AZ27" s="114">
        <v>1030470</v>
      </c>
      <c r="BA27" s="114">
        <v>1502250</v>
      </c>
      <c r="BB27" s="114">
        <v>1891514</v>
      </c>
      <c r="BC27" s="113">
        <v>8963240</v>
      </c>
      <c r="BD27" s="116">
        <v>9431982</v>
      </c>
      <c r="BE27" s="110">
        <v>0</v>
      </c>
      <c r="BF27" s="114">
        <v>56340</v>
      </c>
      <c r="BG27" s="112">
        <v>56340</v>
      </c>
      <c r="BH27" s="111">
        <v>0</v>
      </c>
      <c r="BI27" s="114">
        <v>311084</v>
      </c>
      <c r="BJ27" s="114">
        <v>411950</v>
      </c>
      <c r="BK27" s="114">
        <v>320304</v>
      </c>
      <c r="BL27" s="114">
        <v>149838</v>
      </c>
      <c r="BM27" s="114">
        <v>153564</v>
      </c>
      <c r="BN27" s="113">
        <v>1346740</v>
      </c>
      <c r="BO27" s="116">
        <v>1403080</v>
      </c>
      <c r="BP27" s="110">
        <v>37062</v>
      </c>
      <c r="BQ27" s="114">
        <v>129752</v>
      </c>
      <c r="BR27" s="113">
        <v>166814</v>
      </c>
      <c r="BS27" s="110">
        <v>0</v>
      </c>
      <c r="BT27" s="114">
        <v>819758</v>
      </c>
      <c r="BU27" s="114">
        <v>1063103</v>
      </c>
      <c r="BV27" s="114">
        <v>776002</v>
      </c>
      <c r="BW27" s="114">
        <v>669823</v>
      </c>
      <c r="BX27" s="114">
        <v>414244</v>
      </c>
      <c r="BY27" s="113">
        <v>3742930</v>
      </c>
      <c r="BZ27" s="116">
        <v>3909744</v>
      </c>
      <c r="CA27" s="110">
        <v>21857</v>
      </c>
      <c r="CB27" s="114">
        <v>344712</v>
      </c>
      <c r="CC27" s="113">
        <v>366569</v>
      </c>
      <c r="CD27" s="110">
        <v>0</v>
      </c>
      <c r="CE27" s="114">
        <v>8362572</v>
      </c>
      <c r="CF27" s="114">
        <v>8837527</v>
      </c>
      <c r="CG27" s="114">
        <v>5041005</v>
      </c>
      <c r="CH27" s="114">
        <v>4460132</v>
      </c>
      <c r="CI27" s="114">
        <v>2038766</v>
      </c>
      <c r="CJ27" s="113">
        <v>28740002</v>
      </c>
      <c r="CK27" s="116">
        <v>29106571</v>
      </c>
      <c r="CL27" s="110">
        <v>0</v>
      </c>
      <c r="CM27" s="114">
        <v>0</v>
      </c>
      <c r="CN27" s="113">
        <v>0</v>
      </c>
      <c r="CO27" s="111">
        <v>0</v>
      </c>
      <c r="CP27" s="114">
        <v>7277864</v>
      </c>
      <c r="CQ27" s="114">
        <v>7654617</v>
      </c>
      <c r="CR27" s="114">
        <v>3649067</v>
      </c>
      <c r="CS27" s="114">
        <v>3397294</v>
      </c>
      <c r="CT27" s="114">
        <v>1609710</v>
      </c>
      <c r="CU27" s="113">
        <v>23588552</v>
      </c>
      <c r="CV27" s="116">
        <v>23588552</v>
      </c>
      <c r="CW27" s="110">
        <v>21857</v>
      </c>
      <c r="CX27" s="114">
        <v>344712</v>
      </c>
      <c r="CY27" s="113">
        <v>366569</v>
      </c>
      <c r="CZ27" s="110">
        <v>0</v>
      </c>
      <c r="DA27" s="114">
        <v>1084708</v>
      </c>
      <c r="DB27" s="114">
        <v>1182910</v>
      </c>
      <c r="DC27" s="114">
        <v>1391938</v>
      </c>
      <c r="DD27" s="114">
        <v>1062838</v>
      </c>
      <c r="DE27" s="114">
        <v>429056</v>
      </c>
      <c r="DF27" s="113">
        <v>5151450</v>
      </c>
      <c r="DG27" s="116">
        <v>5518019</v>
      </c>
      <c r="DH27" s="110">
        <v>0</v>
      </c>
      <c r="DI27" s="114">
        <v>60633</v>
      </c>
      <c r="DJ27" s="112">
        <v>60633</v>
      </c>
      <c r="DK27" s="111">
        <v>0</v>
      </c>
      <c r="DL27" s="114">
        <v>583811</v>
      </c>
      <c r="DM27" s="114">
        <v>1629233</v>
      </c>
      <c r="DN27" s="114">
        <v>4025979</v>
      </c>
      <c r="DO27" s="114">
        <v>1991927</v>
      </c>
      <c r="DP27" s="114">
        <v>1309267</v>
      </c>
      <c r="DQ27" s="113">
        <v>9540217</v>
      </c>
      <c r="DR27" s="116">
        <v>9600850</v>
      </c>
      <c r="DS27" s="110">
        <v>0</v>
      </c>
      <c r="DT27" s="114">
        <v>60633</v>
      </c>
      <c r="DU27" s="113">
        <v>60633</v>
      </c>
      <c r="DV27" s="110">
        <v>0</v>
      </c>
      <c r="DW27" s="114">
        <v>380375</v>
      </c>
      <c r="DX27" s="114">
        <v>1443421</v>
      </c>
      <c r="DY27" s="114">
        <v>3658239</v>
      </c>
      <c r="DZ27" s="114">
        <v>1836650</v>
      </c>
      <c r="EA27" s="114">
        <v>1049465</v>
      </c>
      <c r="EB27" s="113">
        <v>8368150</v>
      </c>
      <c r="EC27" s="116">
        <v>8428783</v>
      </c>
      <c r="ED27" s="110">
        <v>0</v>
      </c>
      <c r="EE27" s="112">
        <v>0</v>
      </c>
      <c r="EF27" s="113">
        <v>0</v>
      </c>
      <c r="EG27" s="110">
        <v>0</v>
      </c>
      <c r="EH27" s="114">
        <v>203436</v>
      </c>
      <c r="EI27" s="114">
        <v>185812</v>
      </c>
      <c r="EJ27" s="114">
        <v>367740</v>
      </c>
      <c r="EK27" s="114">
        <v>155277</v>
      </c>
      <c r="EL27" s="114">
        <v>259802</v>
      </c>
      <c r="EM27" s="112">
        <v>1172067</v>
      </c>
      <c r="EN27" s="116">
        <v>1172067</v>
      </c>
      <c r="EO27" s="110">
        <v>0</v>
      </c>
      <c r="EP27" s="114">
        <v>0</v>
      </c>
      <c r="EQ27" s="112">
        <v>0</v>
      </c>
      <c r="ER27" s="111">
        <v>0</v>
      </c>
      <c r="ES27" s="114">
        <v>0</v>
      </c>
      <c r="ET27" s="114">
        <v>0</v>
      </c>
      <c r="EU27" s="114">
        <v>0</v>
      </c>
      <c r="EV27" s="114">
        <v>0</v>
      </c>
      <c r="EW27" s="114">
        <v>0</v>
      </c>
      <c r="EX27" s="113">
        <v>0</v>
      </c>
      <c r="EY27" s="116">
        <v>0</v>
      </c>
      <c r="EZ27" s="110">
        <v>0</v>
      </c>
      <c r="FA27" s="114">
        <v>0</v>
      </c>
      <c r="FB27" s="112">
        <v>0</v>
      </c>
      <c r="FC27" s="348"/>
      <c r="FD27" s="114">
        <v>0</v>
      </c>
      <c r="FE27" s="114">
        <v>0</v>
      </c>
      <c r="FF27" s="114">
        <v>0</v>
      </c>
      <c r="FG27" s="114">
        <v>0</v>
      </c>
      <c r="FH27" s="114">
        <v>0</v>
      </c>
      <c r="FI27" s="113">
        <v>0</v>
      </c>
      <c r="FJ27" s="116">
        <v>0</v>
      </c>
      <c r="FK27" s="110">
        <v>198472</v>
      </c>
      <c r="FL27" s="114">
        <v>1148695</v>
      </c>
      <c r="FM27" s="113">
        <v>1347167</v>
      </c>
      <c r="FN27" s="110">
        <v>0</v>
      </c>
      <c r="FO27" s="114">
        <v>1968335</v>
      </c>
      <c r="FP27" s="114">
        <v>2899865</v>
      </c>
      <c r="FQ27" s="114">
        <v>1829943</v>
      </c>
      <c r="FR27" s="114">
        <v>1920518</v>
      </c>
      <c r="FS27" s="114">
        <v>1565500</v>
      </c>
      <c r="FT27" s="113">
        <v>10184161</v>
      </c>
      <c r="FU27" s="116">
        <v>11531328</v>
      </c>
      <c r="FV27" s="115">
        <v>174172</v>
      </c>
      <c r="FW27" s="114">
        <v>811060</v>
      </c>
      <c r="FX27" s="112">
        <v>985232</v>
      </c>
      <c r="FY27" s="111">
        <v>0</v>
      </c>
      <c r="FZ27" s="114">
        <v>1408281</v>
      </c>
      <c r="GA27" s="114">
        <v>2622126</v>
      </c>
      <c r="GB27" s="114">
        <v>1715719</v>
      </c>
      <c r="GC27" s="114">
        <v>1648286</v>
      </c>
      <c r="GD27" s="114">
        <v>1544116</v>
      </c>
      <c r="GE27" s="113">
        <v>8938528</v>
      </c>
      <c r="GF27" s="319">
        <v>9923760</v>
      </c>
      <c r="GG27" s="115">
        <v>24300</v>
      </c>
      <c r="GH27" s="114">
        <v>23400</v>
      </c>
      <c r="GI27" s="112">
        <v>47700</v>
      </c>
      <c r="GJ27" s="111">
        <v>0</v>
      </c>
      <c r="GK27" s="114">
        <v>157149</v>
      </c>
      <c r="GL27" s="114">
        <v>0</v>
      </c>
      <c r="GM27" s="114">
        <v>13720</v>
      </c>
      <c r="GN27" s="114">
        <v>131832</v>
      </c>
      <c r="GO27" s="114">
        <v>21384</v>
      </c>
      <c r="GP27" s="113">
        <v>324085</v>
      </c>
      <c r="GQ27" s="116">
        <v>371785</v>
      </c>
      <c r="GR27" s="110">
        <v>0</v>
      </c>
      <c r="GS27" s="114">
        <v>314235</v>
      </c>
      <c r="GT27" s="113">
        <v>314235</v>
      </c>
      <c r="GU27" s="110">
        <v>0</v>
      </c>
      <c r="GV27" s="114">
        <v>402905</v>
      </c>
      <c r="GW27" s="114">
        <v>277739</v>
      </c>
      <c r="GX27" s="114">
        <v>100504</v>
      </c>
      <c r="GY27" s="114">
        <v>140400</v>
      </c>
      <c r="GZ27" s="114">
        <v>0</v>
      </c>
      <c r="HA27" s="112">
        <v>921548</v>
      </c>
      <c r="HB27" s="116">
        <v>1235783</v>
      </c>
      <c r="HC27" s="110">
        <v>303623</v>
      </c>
      <c r="HD27" s="114">
        <v>466143</v>
      </c>
      <c r="HE27" s="112">
        <v>769766</v>
      </c>
      <c r="HF27" s="111">
        <v>0</v>
      </c>
      <c r="HG27" s="114">
        <v>5455036</v>
      </c>
      <c r="HH27" s="114">
        <v>5267766</v>
      </c>
      <c r="HI27" s="114">
        <v>4400779</v>
      </c>
      <c r="HJ27" s="114">
        <v>5321960</v>
      </c>
      <c r="HK27" s="114">
        <v>2510525</v>
      </c>
      <c r="HL27" s="113">
        <v>22956066</v>
      </c>
      <c r="HM27" s="109">
        <v>23725832</v>
      </c>
      <c r="HN27" s="115">
        <v>225000</v>
      </c>
      <c r="HO27" s="114">
        <v>664803</v>
      </c>
      <c r="HP27" s="113">
        <v>889803</v>
      </c>
      <c r="HQ27" s="110">
        <v>0</v>
      </c>
      <c r="HR27" s="114">
        <v>5242294</v>
      </c>
      <c r="HS27" s="114">
        <v>4714609</v>
      </c>
      <c r="HT27" s="114">
        <v>2495766</v>
      </c>
      <c r="HU27" s="114">
        <v>1826202</v>
      </c>
      <c r="HV27" s="114">
        <v>1192676</v>
      </c>
      <c r="HW27" s="112">
        <v>15471547</v>
      </c>
      <c r="HX27" s="116">
        <v>16361350</v>
      </c>
      <c r="HY27" s="131">
        <v>89049</v>
      </c>
      <c r="HZ27" s="132">
        <v>241722</v>
      </c>
      <c r="IA27" s="133">
        <v>330771</v>
      </c>
      <c r="IB27" s="146">
        <v>0</v>
      </c>
      <c r="IC27" s="132">
        <v>11817852</v>
      </c>
      <c r="ID27" s="147">
        <v>13515899</v>
      </c>
      <c r="IE27" s="133">
        <v>11667080</v>
      </c>
      <c r="IF27" s="132">
        <v>11290806</v>
      </c>
      <c r="IG27" s="133">
        <v>4295192</v>
      </c>
      <c r="IH27" s="148">
        <v>52586829</v>
      </c>
      <c r="II27" s="139">
        <v>52917600</v>
      </c>
      <c r="IJ27" s="232">
        <v>0</v>
      </c>
      <c r="IK27" s="236">
        <v>0</v>
      </c>
      <c r="IL27" s="237">
        <v>0</v>
      </c>
      <c r="IM27" s="140"/>
      <c r="IN27" s="119">
        <v>188421</v>
      </c>
      <c r="IO27" s="119">
        <v>558157</v>
      </c>
      <c r="IP27" s="119">
        <v>652095</v>
      </c>
      <c r="IQ27" s="119">
        <v>0</v>
      </c>
      <c r="IR27" s="119">
        <v>0</v>
      </c>
      <c r="IS27" s="141">
        <v>1398673</v>
      </c>
      <c r="IT27" s="321">
        <v>1398673</v>
      </c>
      <c r="IU27" s="142">
        <v>0</v>
      </c>
      <c r="IV27" s="119">
        <v>0</v>
      </c>
      <c r="IW27" s="120">
        <v>0</v>
      </c>
      <c r="IX27" s="144"/>
      <c r="IY27" s="119">
        <v>0</v>
      </c>
      <c r="IZ27" s="119">
        <v>0</v>
      </c>
      <c r="JA27" s="119">
        <v>0</v>
      </c>
      <c r="JB27" s="119">
        <v>0</v>
      </c>
      <c r="JC27" s="119">
        <v>0</v>
      </c>
      <c r="JD27" s="120">
        <v>0</v>
      </c>
      <c r="JE27" s="121">
        <v>0</v>
      </c>
      <c r="JF27" s="142">
        <v>0</v>
      </c>
      <c r="JG27" s="119">
        <v>0</v>
      </c>
      <c r="JH27" s="141">
        <v>0</v>
      </c>
      <c r="JI27" s="118">
        <v>0</v>
      </c>
      <c r="JJ27" s="119">
        <v>5949432</v>
      </c>
      <c r="JK27" s="119">
        <v>5990986</v>
      </c>
      <c r="JL27" s="119">
        <v>3463398</v>
      </c>
      <c r="JM27" s="119">
        <v>1759337</v>
      </c>
      <c r="JN27" s="119">
        <v>892854</v>
      </c>
      <c r="JO27" s="120">
        <v>18056007</v>
      </c>
      <c r="JP27" s="321">
        <v>18056007</v>
      </c>
      <c r="JQ27" s="142">
        <v>0</v>
      </c>
      <c r="JR27" s="119">
        <v>0</v>
      </c>
      <c r="JS27" s="141">
        <v>0</v>
      </c>
      <c r="JT27" s="118">
        <v>0</v>
      </c>
      <c r="JU27" s="119">
        <v>528673</v>
      </c>
      <c r="JV27" s="119">
        <v>774531</v>
      </c>
      <c r="JW27" s="119">
        <v>418466</v>
      </c>
      <c r="JX27" s="119">
        <v>323387</v>
      </c>
      <c r="JY27" s="119">
        <v>230958</v>
      </c>
      <c r="JZ27" s="120">
        <v>2276015</v>
      </c>
      <c r="KA27" s="321">
        <v>2276015</v>
      </c>
      <c r="KB27" s="234">
        <v>89049</v>
      </c>
      <c r="KC27" s="230">
        <v>241722</v>
      </c>
      <c r="KD27" s="120">
        <v>330771</v>
      </c>
      <c r="KE27" s="118">
        <v>0</v>
      </c>
      <c r="KF27" s="119">
        <v>1942026</v>
      </c>
      <c r="KG27" s="119">
        <v>1743474</v>
      </c>
      <c r="KH27" s="119">
        <v>2777409</v>
      </c>
      <c r="KI27" s="119">
        <v>2066427</v>
      </c>
      <c r="KJ27" s="119">
        <v>973292</v>
      </c>
      <c r="KK27" s="120">
        <v>9502628</v>
      </c>
      <c r="KL27" s="143">
        <v>9833399</v>
      </c>
      <c r="KM27" s="232">
        <v>0</v>
      </c>
      <c r="KN27" s="236">
        <v>0</v>
      </c>
      <c r="KO27" s="237">
        <v>0</v>
      </c>
      <c r="KP27" s="140"/>
      <c r="KQ27" s="119">
        <v>3209300</v>
      </c>
      <c r="KR27" s="119">
        <v>4448751</v>
      </c>
      <c r="KS27" s="119">
        <v>3545658</v>
      </c>
      <c r="KT27" s="119">
        <v>1862818</v>
      </c>
      <c r="KU27" s="119">
        <v>316674</v>
      </c>
      <c r="KV27" s="120">
        <v>13383201</v>
      </c>
      <c r="KW27" s="321">
        <v>13383201</v>
      </c>
      <c r="KX27" s="142">
        <v>0</v>
      </c>
      <c r="KY27" s="119">
        <v>0</v>
      </c>
      <c r="KZ27" s="120">
        <v>0</v>
      </c>
      <c r="LA27" s="145"/>
      <c r="LB27" s="119">
        <v>0</v>
      </c>
      <c r="LC27" s="119">
        <v>0</v>
      </c>
      <c r="LD27" s="119">
        <v>0</v>
      </c>
      <c r="LE27" s="119">
        <v>0</v>
      </c>
      <c r="LF27" s="119">
        <v>0</v>
      </c>
      <c r="LG27" s="120">
        <v>0</v>
      </c>
      <c r="LH27" s="121">
        <v>0</v>
      </c>
      <c r="LI27" s="142">
        <v>0</v>
      </c>
      <c r="LJ27" s="119">
        <v>0</v>
      </c>
      <c r="LK27" s="120">
        <v>0</v>
      </c>
      <c r="LL27" s="145"/>
      <c r="LM27" s="119">
        <v>0</v>
      </c>
      <c r="LN27" s="119">
        <v>0</v>
      </c>
      <c r="LO27" s="119">
        <v>810054</v>
      </c>
      <c r="LP27" s="119">
        <v>5278837</v>
      </c>
      <c r="LQ27" s="119">
        <v>1881414</v>
      </c>
      <c r="LR27" s="120">
        <v>7970305</v>
      </c>
      <c r="LS27" s="321">
        <v>7970305</v>
      </c>
      <c r="LT27" s="142">
        <v>0</v>
      </c>
      <c r="LU27" s="119">
        <v>0</v>
      </c>
      <c r="LV27" s="120">
        <v>0</v>
      </c>
      <c r="LW27" s="145"/>
      <c r="LX27" s="119">
        <v>0</v>
      </c>
      <c r="LY27" s="119">
        <v>0</v>
      </c>
      <c r="LZ27" s="119">
        <v>0</v>
      </c>
      <c r="MA27" s="119">
        <v>0</v>
      </c>
      <c r="MB27" s="119">
        <v>0</v>
      </c>
      <c r="MC27" s="120">
        <v>0</v>
      </c>
      <c r="MD27" s="121">
        <v>0</v>
      </c>
      <c r="ME27" s="142">
        <v>0</v>
      </c>
      <c r="MF27" s="119">
        <v>0</v>
      </c>
      <c r="MG27" s="120">
        <v>0</v>
      </c>
      <c r="MH27" s="145"/>
      <c r="MI27" s="119">
        <v>3195469</v>
      </c>
      <c r="MJ27" s="119">
        <v>8031160</v>
      </c>
      <c r="MK27" s="119">
        <v>19068541</v>
      </c>
      <c r="ML27" s="119">
        <v>27845945</v>
      </c>
      <c r="MM27" s="119">
        <v>18000150</v>
      </c>
      <c r="MN27" s="120">
        <v>76141265</v>
      </c>
      <c r="MO27" s="143">
        <v>76141265</v>
      </c>
      <c r="MP27" s="142">
        <v>0</v>
      </c>
      <c r="MQ27" s="119">
        <v>0</v>
      </c>
      <c r="MR27" s="120">
        <v>0</v>
      </c>
      <c r="MS27" s="145"/>
      <c r="MT27" s="119">
        <v>471848</v>
      </c>
      <c r="MU27" s="119">
        <v>1289600</v>
      </c>
      <c r="MV27" s="119">
        <v>10437304</v>
      </c>
      <c r="MW27" s="119">
        <v>15303728</v>
      </c>
      <c r="MX27" s="119">
        <v>9275227</v>
      </c>
      <c r="MY27" s="120">
        <v>36777707</v>
      </c>
      <c r="MZ27" s="143">
        <v>36777707</v>
      </c>
      <c r="NA27" s="142">
        <v>0</v>
      </c>
      <c r="NB27" s="119">
        <v>0</v>
      </c>
      <c r="NC27" s="120">
        <v>0</v>
      </c>
      <c r="ND27" s="145"/>
      <c r="NE27" s="119">
        <v>2723621</v>
      </c>
      <c r="NF27" s="119">
        <v>6741560</v>
      </c>
      <c r="NG27" s="119">
        <v>8325930</v>
      </c>
      <c r="NH27" s="119">
        <v>11789808</v>
      </c>
      <c r="NI27" s="119">
        <v>5967428</v>
      </c>
      <c r="NJ27" s="120">
        <v>35548347</v>
      </c>
      <c r="NK27" s="321">
        <v>35548347</v>
      </c>
      <c r="NL27" s="142">
        <v>0</v>
      </c>
      <c r="NM27" s="119">
        <v>0</v>
      </c>
      <c r="NN27" s="120">
        <v>0</v>
      </c>
      <c r="NO27" s="145"/>
      <c r="NP27" s="119">
        <v>0</v>
      </c>
      <c r="NQ27" s="119">
        <v>0</v>
      </c>
      <c r="NR27" s="119">
        <v>0</v>
      </c>
      <c r="NS27" s="119">
        <v>0</v>
      </c>
      <c r="NT27" s="119">
        <v>1554875</v>
      </c>
      <c r="NU27" s="120">
        <v>1554875</v>
      </c>
      <c r="NV27" s="121">
        <v>1554875</v>
      </c>
      <c r="NW27" s="142">
        <v>0</v>
      </c>
      <c r="NX27" s="119">
        <v>0</v>
      </c>
      <c r="NY27" s="120">
        <v>0</v>
      </c>
      <c r="NZ27" s="145"/>
      <c r="OA27" s="119">
        <v>0</v>
      </c>
      <c r="OB27" s="119">
        <v>0</v>
      </c>
      <c r="OC27" s="119">
        <v>305307</v>
      </c>
      <c r="OD27" s="119">
        <v>752409</v>
      </c>
      <c r="OE27" s="119">
        <v>1202620</v>
      </c>
      <c r="OF27" s="120">
        <v>2260336</v>
      </c>
      <c r="OG27" s="121">
        <v>2260336</v>
      </c>
      <c r="OH27" s="142">
        <v>990108</v>
      </c>
      <c r="OI27" s="119">
        <v>3466497</v>
      </c>
      <c r="OJ27" s="141">
        <v>4456605</v>
      </c>
      <c r="OK27" s="118">
        <v>0</v>
      </c>
      <c r="OL27" s="119">
        <v>41653737</v>
      </c>
      <c r="OM27" s="119">
        <v>52695103</v>
      </c>
      <c r="ON27" s="119">
        <v>53491460</v>
      </c>
      <c r="OO27" s="119">
        <v>61988919</v>
      </c>
      <c r="OP27" s="119">
        <v>39373054</v>
      </c>
      <c r="OQ27" s="120">
        <v>249202273</v>
      </c>
      <c r="OR27" s="143">
        <v>253658878</v>
      </c>
    </row>
    <row r="28" spans="1:408" ht="18.75" customHeight="1" x14ac:dyDescent="0.2">
      <c r="A28" s="62" t="s">
        <v>23</v>
      </c>
      <c r="B28" s="110">
        <v>2830481</v>
      </c>
      <c r="C28" s="114">
        <v>6214662</v>
      </c>
      <c r="D28" s="113">
        <v>9045143</v>
      </c>
      <c r="E28" s="109">
        <v>0</v>
      </c>
      <c r="F28" s="114">
        <v>50687224</v>
      </c>
      <c r="G28" s="114">
        <v>62462673</v>
      </c>
      <c r="H28" s="114">
        <v>44573169</v>
      </c>
      <c r="I28" s="114">
        <v>48460647</v>
      </c>
      <c r="J28" s="114">
        <v>28291024</v>
      </c>
      <c r="K28" s="173">
        <v>234474737</v>
      </c>
      <c r="L28" s="116">
        <v>243519880</v>
      </c>
      <c r="M28" s="110">
        <v>986935</v>
      </c>
      <c r="N28" s="114">
        <v>2075875</v>
      </c>
      <c r="O28" s="113">
        <v>3062810</v>
      </c>
      <c r="P28" s="110">
        <v>0</v>
      </c>
      <c r="Q28" s="114">
        <v>11395903</v>
      </c>
      <c r="R28" s="114">
        <v>16494728</v>
      </c>
      <c r="S28" s="114">
        <v>11532359</v>
      </c>
      <c r="T28" s="114">
        <v>15192385</v>
      </c>
      <c r="U28" s="114">
        <v>10827648</v>
      </c>
      <c r="V28" s="113">
        <v>65443023</v>
      </c>
      <c r="W28" s="116">
        <v>68505833</v>
      </c>
      <c r="X28" s="110">
        <v>0</v>
      </c>
      <c r="Y28" s="114">
        <v>0</v>
      </c>
      <c r="Z28" s="113">
        <v>0</v>
      </c>
      <c r="AA28" s="110">
        <v>0</v>
      </c>
      <c r="AB28" s="114">
        <v>5151457</v>
      </c>
      <c r="AC28" s="114">
        <v>7172053</v>
      </c>
      <c r="AD28" s="114">
        <v>5879941</v>
      </c>
      <c r="AE28" s="114">
        <v>8617869</v>
      </c>
      <c r="AF28" s="114">
        <v>6002999</v>
      </c>
      <c r="AG28" s="113">
        <v>32824319</v>
      </c>
      <c r="AH28" s="116">
        <v>32824319</v>
      </c>
      <c r="AI28" s="110">
        <v>0</v>
      </c>
      <c r="AJ28" s="114">
        <v>0</v>
      </c>
      <c r="AK28" s="113">
        <v>0</v>
      </c>
      <c r="AL28" s="110">
        <v>0</v>
      </c>
      <c r="AM28" s="114">
        <v>66429</v>
      </c>
      <c r="AN28" s="114">
        <v>103535</v>
      </c>
      <c r="AO28" s="114">
        <v>431482</v>
      </c>
      <c r="AP28" s="114">
        <v>910859</v>
      </c>
      <c r="AQ28" s="114">
        <v>697172</v>
      </c>
      <c r="AR28" s="113">
        <v>2209477</v>
      </c>
      <c r="AS28" s="116">
        <v>2209477</v>
      </c>
      <c r="AT28" s="110">
        <v>793435</v>
      </c>
      <c r="AU28" s="114">
        <v>1461813</v>
      </c>
      <c r="AV28" s="113">
        <v>2255248</v>
      </c>
      <c r="AW28" s="110">
        <v>0</v>
      </c>
      <c r="AX28" s="114">
        <v>3800648</v>
      </c>
      <c r="AY28" s="114">
        <v>6415442</v>
      </c>
      <c r="AZ28" s="114">
        <v>3035663</v>
      </c>
      <c r="BA28" s="114">
        <v>3681883</v>
      </c>
      <c r="BB28" s="114">
        <v>2688030</v>
      </c>
      <c r="BC28" s="113">
        <v>19621666</v>
      </c>
      <c r="BD28" s="116">
        <v>21876914</v>
      </c>
      <c r="BE28" s="110">
        <v>0</v>
      </c>
      <c r="BF28" s="114">
        <v>455576</v>
      </c>
      <c r="BG28" s="112">
        <v>455576</v>
      </c>
      <c r="BH28" s="111">
        <v>0</v>
      </c>
      <c r="BI28" s="114">
        <v>200300</v>
      </c>
      <c r="BJ28" s="114">
        <v>731371</v>
      </c>
      <c r="BK28" s="114">
        <v>335180</v>
      </c>
      <c r="BL28" s="114">
        <v>120505</v>
      </c>
      <c r="BM28" s="114">
        <v>111279</v>
      </c>
      <c r="BN28" s="113">
        <v>1498635</v>
      </c>
      <c r="BO28" s="116">
        <v>1954211</v>
      </c>
      <c r="BP28" s="110">
        <v>193500</v>
      </c>
      <c r="BQ28" s="114">
        <v>158486</v>
      </c>
      <c r="BR28" s="113">
        <v>351986</v>
      </c>
      <c r="BS28" s="110">
        <v>0</v>
      </c>
      <c r="BT28" s="114">
        <v>2177069</v>
      </c>
      <c r="BU28" s="114">
        <v>2072327</v>
      </c>
      <c r="BV28" s="114">
        <v>1850093</v>
      </c>
      <c r="BW28" s="114">
        <v>1861269</v>
      </c>
      <c r="BX28" s="114">
        <v>1328168</v>
      </c>
      <c r="BY28" s="113">
        <v>9288926</v>
      </c>
      <c r="BZ28" s="116">
        <v>9640912</v>
      </c>
      <c r="CA28" s="110">
        <v>114496</v>
      </c>
      <c r="CB28" s="114">
        <v>548278</v>
      </c>
      <c r="CC28" s="113">
        <v>662774</v>
      </c>
      <c r="CD28" s="110">
        <v>0</v>
      </c>
      <c r="CE28" s="114">
        <v>18606315</v>
      </c>
      <c r="CF28" s="114">
        <v>22183416</v>
      </c>
      <c r="CG28" s="114">
        <v>13453391</v>
      </c>
      <c r="CH28" s="114">
        <v>10921277</v>
      </c>
      <c r="CI28" s="114">
        <v>5059876</v>
      </c>
      <c r="CJ28" s="113">
        <v>70224275</v>
      </c>
      <c r="CK28" s="116">
        <v>70887049</v>
      </c>
      <c r="CL28" s="110">
        <v>0</v>
      </c>
      <c r="CM28" s="114">
        <v>0</v>
      </c>
      <c r="CN28" s="113">
        <v>0</v>
      </c>
      <c r="CO28" s="111">
        <v>0</v>
      </c>
      <c r="CP28" s="114">
        <v>15939932</v>
      </c>
      <c r="CQ28" s="114">
        <v>17680677</v>
      </c>
      <c r="CR28" s="114">
        <v>10853490</v>
      </c>
      <c r="CS28" s="114">
        <v>8204075</v>
      </c>
      <c r="CT28" s="114">
        <v>4616224</v>
      </c>
      <c r="CU28" s="113">
        <v>57294398</v>
      </c>
      <c r="CV28" s="116">
        <v>57294398</v>
      </c>
      <c r="CW28" s="110">
        <v>114496</v>
      </c>
      <c r="CX28" s="114">
        <v>548278</v>
      </c>
      <c r="CY28" s="113">
        <v>662774</v>
      </c>
      <c r="CZ28" s="110">
        <v>0</v>
      </c>
      <c r="DA28" s="114">
        <v>2666383</v>
      </c>
      <c r="DB28" s="114">
        <v>4502739</v>
      </c>
      <c r="DC28" s="114">
        <v>2599901</v>
      </c>
      <c r="DD28" s="114">
        <v>2717202</v>
      </c>
      <c r="DE28" s="114">
        <v>443652</v>
      </c>
      <c r="DF28" s="113">
        <v>12929877</v>
      </c>
      <c r="DG28" s="116">
        <v>13592651</v>
      </c>
      <c r="DH28" s="110">
        <v>57983</v>
      </c>
      <c r="DI28" s="114">
        <v>48251</v>
      </c>
      <c r="DJ28" s="112">
        <v>106234</v>
      </c>
      <c r="DK28" s="111">
        <v>0</v>
      </c>
      <c r="DL28" s="114">
        <v>888716</v>
      </c>
      <c r="DM28" s="114">
        <v>2571607</v>
      </c>
      <c r="DN28" s="114">
        <v>3652986</v>
      </c>
      <c r="DO28" s="114">
        <v>5793173</v>
      </c>
      <c r="DP28" s="114">
        <v>2255702</v>
      </c>
      <c r="DQ28" s="113">
        <v>15162184</v>
      </c>
      <c r="DR28" s="116">
        <v>15268418</v>
      </c>
      <c r="DS28" s="110">
        <v>57983</v>
      </c>
      <c r="DT28" s="114">
        <v>48251</v>
      </c>
      <c r="DU28" s="113">
        <v>106234</v>
      </c>
      <c r="DV28" s="110">
        <v>0</v>
      </c>
      <c r="DW28" s="114">
        <v>852033</v>
      </c>
      <c r="DX28" s="114">
        <v>2478292</v>
      </c>
      <c r="DY28" s="114">
        <v>3588393</v>
      </c>
      <c r="DZ28" s="114">
        <v>5403224</v>
      </c>
      <c r="EA28" s="114">
        <v>1761950</v>
      </c>
      <c r="EB28" s="113">
        <v>14083892</v>
      </c>
      <c r="EC28" s="116">
        <v>14190126</v>
      </c>
      <c r="ED28" s="110">
        <v>0</v>
      </c>
      <c r="EE28" s="112">
        <v>0</v>
      </c>
      <c r="EF28" s="113">
        <v>0</v>
      </c>
      <c r="EG28" s="110">
        <v>0</v>
      </c>
      <c r="EH28" s="114">
        <v>36683</v>
      </c>
      <c r="EI28" s="114">
        <v>93315</v>
      </c>
      <c r="EJ28" s="114">
        <v>64593</v>
      </c>
      <c r="EK28" s="114">
        <v>389949</v>
      </c>
      <c r="EL28" s="114">
        <v>493752</v>
      </c>
      <c r="EM28" s="112">
        <v>1078292</v>
      </c>
      <c r="EN28" s="116">
        <v>1078292</v>
      </c>
      <c r="EO28" s="110">
        <v>0</v>
      </c>
      <c r="EP28" s="114">
        <v>0</v>
      </c>
      <c r="EQ28" s="112">
        <v>0</v>
      </c>
      <c r="ER28" s="111">
        <v>0</v>
      </c>
      <c r="ES28" s="114">
        <v>0</v>
      </c>
      <c r="ET28" s="114">
        <v>0</v>
      </c>
      <c r="EU28" s="114">
        <v>0</v>
      </c>
      <c r="EV28" s="114">
        <v>0</v>
      </c>
      <c r="EW28" s="114">
        <v>0</v>
      </c>
      <c r="EX28" s="113">
        <v>0</v>
      </c>
      <c r="EY28" s="116">
        <v>0</v>
      </c>
      <c r="EZ28" s="110">
        <v>0</v>
      </c>
      <c r="FA28" s="114">
        <v>0</v>
      </c>
      <c r="FB28" s="112">
        <v>0</v>
      </c>
      <c r="FC28" s="348"/>
      <c r="FD28" s="114">
        <v>0</v>
      </c>
      <c r="FE28" s="114">
        <v>0</v>
      </c>
      <c r="FF28" s="114">
        <v>0</v>
      </c>
      <c r="FG28" s="114">
        <v>0</v>
      </c>
      <c r="FH28" s="114">
        <v>0</v>
      </c>
      <c r="FI28" s="113">
        <v>0</v>
      </c>
      <c r="FJ28" s="116">
        <v>0</v>
      </c>
      <c r="FK28" s="110">
        <v>793048</v>
      </c>
      <c r="FL28" s="114">
        <v>1979421</v>
      </c>
      <c r="FM28" s="113">
        <v>2772469</v>
      </c>
      <c r="FN28" s="110">
        <v>0</v>
      </c>
      <c r="FO28" s="114">
        <v>3379213</v>
      </c>
      <c r="FP28" s="114">
        <v>6078387</v>
      </c>
      <c r="FQ28" s="114">
        <v>3288658</v>
      </c>
      <c r="FR28" s="114">
        <v>3780871</v>
      </c>
      <c r="FS28" s="114">
        <v>1869120</v>
      </c>
      <c r="FT28" s="113">
        <v>18396249</v>
      </c>
      <c r="FU28" s="116">
        <v>21168718</v>
      </c>
      <c r="FV28" s="115">
        <v>497968</v>
      </c>
      <c r="FW28" s="114">
        <v>1294121</v>
      </c>
      <c r="FX28" s="112">
        <v>1792089</v>
      </c>
      <c r="FY28" s="111">
        <v>0</v>
      </c>
      <c r="FZ28" s="114">
        <v>2253743</v>
      </c>
      <c r="GA28" s="114">
        <v>5058658</v>
      </c>
      <c r="GB28" s="114">
        <v>2899686</v>
      </c>
      <c r="GC28" s="114">
        <v>3168852</v>
      </c>
      <c r="GD28" s="114">
        <v>1820808</v>
      </c>
      <c r="GE28" s="113">
        <v>15201747</v>
      </c>
      <c r="GF28" s="319">
        <v>16993836</v>
      </c>
      <c r="GG28" s="115">
        <v>17820</v>
      </c>
      <c r="GH28" s="114">
        <v>38065</v>
      </c>
      <c r="GI28" s="112">
        <v>55885</v>
      </c>
      <c r="GJ28" s="111">
        <v>0</v>
      </c>
      <c r="GK28" s="114">
        <v>331614</v>
      </c>
      <c r="GL28" s="114">
        <v>374229</v>
      </c>
      <c r="GM28" s="114">
        <v>72072</v>
      </c>
      <c r="GN28" s="114">
        <v>140310</v>
      </c>
      <c r="GO28" s="114">
        <v>48312</v>
      </c>
      <c r="GP28" s="113">
        <v>966537</v>
      </c>
      <c r="GQ28" s="116">
        <v>1022422</v>
      </c>
      <c r="GR28" s="110">
        <v>277260</v>
      </c>
      <c r="GS28" s="114">
        <v>647235</v>
      </c>
      <c r="GT28" s="113">
        <v>924495</v>
      </c>
      <c r="GU28" s="110">
        <v>0</v>
      </c>
      <c r="GV28" s="114">
        <v>793856</v>
      </c>
      <c r="GW28" s="114">
        <v>645500</v>
      </c>
      <c r="GX28" s="114">
        <v>316900</v>
      </c>
      <c r="GY28" s="114">
        <v>471709</v>
      </c>
      <c r="GZ28" s="114">
        <v>0</v>
      </c>
      <c r="HA28" s="112">
        <v>2227965</v>
      </c>
      <c r="HB28" s="116">
        <v>3152460</v>
      </c>
      <c r="HC28" s="110">
        <v>301383</v>
      </c>
      <c r="HD28" s="114">
        <v>456106</v>
      </c>
      <c r="HE28" s="112">
        <v>757489</v>
      </c>
      <c r="HF28" s="111">
        <v>0</v>
      </c>
      <c r="HG28" s="114">
        <v>8358554</v>
      </c>
      <c r="HH28" s="114">
        <v>7896297</v>
      </c>
      <c r="HI28" s="114">
        <v>8165919</v>
      </c>
      <c r="HJ28" s="114">
        <v>9112801</v>
      </c>
      <c r="HK28" s="114">
        <v>6523276</v>
      </c>
      <c r="HL28" s="113">
        <v>40056847</v>
      </c>
      <c r="HM28" s="109">
        <v>40814336</v>
      </c>
      <c r="HN28" s="115">
        <v>576636</v>
      </c>
      <c r="HO28" s="114">
        <v>1106731</v>
      </c>
      <c r="HP28" s="113">
        <v>1683367</v>
      </c>
      <c r="HQ28" s="110">
        <v>0</v>
      </c>
      <c r="HR28" s="114">
        <v>8058523</v>
      </c>
      <c r="HS28" s="114">
        <v>7238238</v>
      </c>
      <c r="HT28" s="114">
        <v>4479856</v>
      </c>
      <c r="HU28" s="114">
        <v>3660140</v>
      </c>
      <c r="HV28" s="114">
        <v>1755402</v>
      </c>
      <c r="HW28" s="112">
        <v>25192159</v>
      </c>
      <c r="HX28" s="116">
        <v>26875526</v>
      </c>
      <c r="HY28" s="150">
        <v>0</v>
      </c>
      <c r="HZ28" s="135">
        <v>250031</v>
      </c>
      <c r="IA28" s="150">
        <v>250031</v>
      </c>
      <c r="IB28" s="134">
        <v>0</v>
      </c>
      <c r="IC28" s="135">
        <v>10846646</v>
      </c>
      <c r="ID28" s="136">
        <v>8215898</v>
      </c>
      <c r="IE28" s="137">
        <v>8189287</v>
      </c>
      <c r="IF28" s="135">
        <v>6301897</v>
      </c>
      <c r="IG28" s="137">
        <v>2685850</v>
      </c>
      <c r="IH28" s="138">
        <v>36239578</v>
      </c>
      <c r="II28" s="150">
        <v>36489609</v>
      </c>
      <c r="IJ28" s="232">
        <v>0</v>
      </c>
      <c r="IK28" s="236">
        <v>0</v>
      </c>
      <c r="IL28" s="237">
        <v>0</v>
      </c>
      <c r="IM28" s="140"/>
      <c r="IN28" s="119">
        <v>98624</v>
      </c>
      <c r="IO28" s="119">
        <v>105380</v>
      </c>
      <c r="IP28" s="119">
        <v>0</v>
      </c>
      <c r="IQ28" s="119">
        <v>0</v>
      </c>
      <c r="IR28" s="119">
        <v>286877</v>
      </c>
      <c r="IS28" s="141">
        <v>490881</v>
      </c>
      <c r="IT28" s="321">
        <v>490881</v>
      </c>
      <c r="IU28" s="142">
        <v>0</v>
      </c>
      <c r="IV28" s="119">
        <v>0</v>
      </c>
      <c r="IW28" s="120">
        <v>0</v>
      </c>
      <c r="IX28" s="144"/>
      <c r="IY28" s="119">
        <v>0</v>
      </c>
      <c r="IZ28" s="119">
        <v>0</v>
      </c>
      <c r="JA28" s="119">
        <v>0</v>
      </c>
      <c r="JB28" s="119">
        <v>0</v>
      </c>
      <c r="JC28" s="119">
        <v>0</v>
      </c>
      <c r="JD28" s="120">
        <v>0</v>
      </c>
      <c r="JE28" s="121">
        <v>0</v>
      </c>
      <c r="JF28" s="142">
        <v>0</v>
      </c>
      <c r="JG28" s="119">
        <v>0</v>
      </c>
      <c r="JH28" s="141">
        <v>0</v>
      </c>
      <c r="JI28" s="118">
        <v>0</v>
      </c>
      <c r="JJ28" s="119">
        <v>2516929</v>
      </c>
      <c r="JK28" s="119">
        <v>2519877</v>
      </c>
      <c r="JL28" s="119">
        <v>1641023</v>
      </c>
      <c r="JM28" s="119">
        <v>1380697</v>
      </c>
      <c r="JN28" s="119">
        <v>228776</v>
      </c>
      <c r="JO28" s="120">
        <v>8287302</v>
      </c>
      <c r="JP28" s="321">
        <v>8287302</v>
      </c>
      <c r="JQ28" s="142">
        <v>0</v>
      </c>
      <c r="JR28" s="119">
        <v>0</v>
      </c>
      <c r="JS28" s="141">
        <v>0</v>
      </c>
      <c r="JT28" s="118">
        <v>0</v>
      </c>
      <c r="JU28" s="119">
        <v>0</v>
      </c>
      <c r="JV28" s="119">
        <v>0</v>
      </c>
      <c r="JW28" s="119">
        <v>159480</v>
      </c>
      <c r="JX28" s="119">
        <v>294199</v>
      </c>
      <c r="JY28" s="119">
        <v>0</v>
      </c>
      <c r="JZ28" s="120">
        <v>453679</v>
      </c>
      <c r="KA28" s="321">
        <v>453679</v>
      </c>
      <c r="KB28" s="234">
        <v>0</v>
      </c>
      <c r="KC28" s="230">
        <v>0</v>
      </c>
      <c r="KD28" s="120">
        <v>0</v>
      </c>
      <c r="KE28" s="118">
        <v>0</v>
      </c>
      <c r="KF28" s="119">
        <v>1289538</v>
      </c>
      <c r="KG28" s="119">
        <v>373494</v>
      </c>
      <c r="KH28" s="119">
        <v>1260653</v>
      </c>
      <c r="KI28" s="119">
        <v>280163</v>
      </c>
      <c r="KJ28" s="119">
        <v>0</v>
      </c>
      <c r="KK28" s="120">
        <v>3203848</v>
      </c>
      <c r="KL28" s="143">
        <v>3203848</v>
      </c>
      <c r="KM28" s="232">
        <v>0</v>
      </c>
      <c r="KN28" s="236">
        <v>250031</v>
      </c>
      <c r="KO28" s="237">
        <v>250031</v>
      </c>
      <c r="KP28" s="140"/>
      <c r="KQ28" s="119">
        <v>6941555</v>
      </c>
      <c r="KR28" s="119">
        <v>5217147</v>
      </c>
      <c r="KS28" s="119">
        <v>5128131</v>
      </c>
      <c r="KT28" s="119">
        <v>4042353</v>
      </c>
      <c r="KU28" s="119">
        <v>2170197</v>
      </c>
      <c r="KV28" s="120">
        <v>23499383</v>
      </c>
      <c r="KW28" s="321">
        <v>23749414</v>
      </c>
      <c r="KX28" s="142">
        <v>0</v>
      </c>
      <c r="KY28" s="119">
        <v>0</v>
      </c>
      <c r="KZ28" s="120">
        <v>0</v>
      </c>
      <c r="LA28" s="145"/>
      <c r="LB28" s="119">
        <v>0</v>
      </c>
      <c r="LC28" s="119">
        <v>0</v>
      </c>
      <c r="LD28" s="119">
        <v>0</v>
      </c>
      <c r="LE28" s="119">
        <v>0</v>
      </c>
      <c r="LF28" s="119">
        <v>0</v>
      </c>
      <c r="LG28" s="120">
        <v>0</v>
      </c>
      <c r="LH28" s="121">
        <v>0</v>
      </c>
      <c r="LI28" s="142">
        <v>0</v>
      </c>
      <c r="LJ28" s="119">
        <v>0</v>
      </c>
      <c r="LK28" s="120">
        <v>0</v>
      </c>
      <c r="LL28" s="145"/>
      <c r="LM28" s="119">
        <v>0</v>
      </c>
      <c r="LN28" s="119">
        <v>0</v>
      </c>
      <c r="LO28" s="119">
        <v>0</v>
      </c>
      <c r="LP28" s="119">
        <v>0</v>
      </c>
      <c r="LQ28" s="119">
        <v>0</v>
      </c>
      <c r="LR28" s="120">
        <v>0</v>
      </c>
      <c r="LS28" s="321">
        <v>0</v>
      </c>
      <c r="LT28" s="142">
        <v>0</v>
      </c>
      <c r="LU28" s="119">
        <v>0</v>
      </c>
      <c r="LV28" s="120">
        <v>0</v>
      </c>
      <c r="LW28" s="145"/>
      <c r="LX28" s="119">
        <v>0</v>
      </c>
      <c r="LY28" s="119">
        <v>0</v>
      </c>
      <c r="LZ28" s="119">
        <v>0</v>
      </c>
      <c r="MA28" s="119">
        <v>304485</v>
      </c>
      <c r="MB28" s="119">
        <v>0</v>
      </c>
      <c r="MC28" s="120">
        <v>304485</v>
      </c>
      <c r="MD28" s="121">
        <v>304485</v>
      </c>
      <c r="ME28" s="142">
        <v>0</v>
      </c>
      <c r="MF28" s="119">
        <v>0</v>
      </c>
      <c r="MG28" s="120">
        <v>0</v>
      </c>
      <c r="MH28" s="145"/>
      <c r="MI28" s="119">
        <v>5368127</v>
      </c>
      <c r="MJ28" s="119">
        <v>14555262</v>
      </c>
      <c r="MK28" s="119">
        <v>30083543</v>
      </c>
      <c r="ML28" s="119">
        <v>55561195</v>
      </c>
      <c r="MM28" s="119">
        <v>42589305</v>
      </c>
      <c r="MN28" s="120">
        <v>148157432</v>
      </c>
      <c r="MO28" s="143">
        <v>148157432</v>
      </c>
      <c r="MP28" s="142">
        <v>0</v>
      </c>
      <c r="MQ28" s="119">
        <v>0</v>
      </c>
      <c r="MR28" s="120">
        <v>0</v>
      </c>
      <c r="MS28" s="145"/>
      <c r="MT28" s="119">
        <v>886435</v>
      </c>
      <c r="MU28" s="119">
        <v>4285164</v>
      </c>
      <c r="MV28" s="119">
        <v>18296120</v>
      </c>
      <c r="MW28" s="119">
        <v>36350518</v>
      </c>
      <c r="MX28" s="119">
        <v>30562170</v>
      </c>
      <c r="MY28" s="120">
        <v>90380407</v>
      </c>
      <c r="MZ28" s="143">
        <v>90380407</v>
      </c>
      <c r="NA28" s="142">
        <v>0</v>
      </c>
      <c r="NB28" s="119">
        <v>0</v>
      </c>
      <c r="NC28" s="120">
        <v>0</v>
      </c>
      <c r="ND28" s="145"/>
      <c r="NE28" s="119">
        <v>4481692</v>
      </c>
      <c r="NF28" s="119">
        <v>10270098</v>
      </c>
      <c r="NG28" s="119">
        <v>11394456</v>
      </c>
      <c r="NH28" s="119">
        <v>18083466</v>
      </c>
      <c r="NI28" s="119">
        <v>10257005</v>
      </c>
      <c r="NJ28" s="120">
        <v>54486717</v>
      </c>
      <c r="NK28" s="321">
        <v>54486717</v>
      </c>
      <c r="NL28" s="142">
        <v>0</v>
      </c>
      <c r="NM28" s="119">
        <v>0</v>
      </c>
      <c r="NN28" s="120">
        <v>0</v>
      </c>
      <c r="NO28" s="145"/>
      <c r="NP28" s="119">
        <v>0</v>
      </c>
      <c r="NQ28" s="119">
        <v>0</v>
      </c>
      <c r="NR28" s="119">
        <v>0</v>
      </c>
      <c r="NS28" s="119">
        <v>722499</v>
      </c>
      <c r="NT28" s="119">
        <v>988303</v>
      </c>
      <c r="NU28" s="120">
        <v>1710802</v>
      </c>
      <c r="NV28" s="121">
        <v>1710802</v>
      </c>
      <c r="NW28" s="142">
        <v>0</v>
      </c>
      <c r="NX28" s="119">
        <v>0</v>
      </c>
      <c r="NY28" s="120">
        <v>0</v>
      </c>
      <c r="NZ28" s="145"/>
      <c r="OA28" s="119">
        <v>0</v>
      </c>
      <c r="OB28" s="119">
        <v>0</v>
      </c>
      <c r="OC28" s="119">
        <v>392967</v>
      </c>
      <c r="OD28" s="119">
        <v>404712</v>
      </c>
      <c r="OE28" s="119">
        <v>781827</v>
      </c>
      <c r="OF28" s="120">
        <v>1579506</v>
      </c>
      <c r="OG28" s="121">
        <v>1579506</v>
      </c>
      <c r="OH28" s="142">
        <v>2830481</v>
      </c>
      <c r="OI28" s="119">
        <v>6464693</v>
      </c>
      <c r="OJ28" s="141">
        <v>9295174</v>
      </c>
      <c r="OK28" s="118">
        <v>0</v>
      </c>
      <c r="OL28" s="119">
        <v>66901997</v>
      </c>
      <c r="OM28" s="119">
        <v>85233833</v>
      </c>
      <c r="ON28" s="119">
        <v>82845999</v>
      </c>
      <c r="OO28" s="119">
        <v>110323739</v>
      </c>
      <c r="OP28" s="119">
        <v>73566179</v>
      </c>
      <c r="OQ28" s="120">
        <v>418871747</v>
      </c>
      <c r="OR28" s="143">
        <v>428166921</v>
      </c>
    </row>
    <row r="29" spans="1:408" ht="18.75" customHeight="1" x14ac:dyDescent="0.2">
      <c r="A29" s="62" t="s">
        <v>24</v>
      </c>
      <c r="B29" s="110">
        <v>2918022</v>
      </c>
      <c r="C29" s="114">
        <v>3217982</v>
      </c>
      <c r="D29" s="113">
        <v>6136004</v>
      </c>
      <c r="E29" s="109">
        <v>0</v>
      </c>
      <c r="F29" s="114">
        <v>25999021</v>
      </c>
      <c r="G29" s="114">
        <v>24867963</v>
      </c>
      <c r="H29" s="114">
        <v>22395413</v>
      </c>
      <c r="I29" s="114">
        <v>23508394</v>
      </c>
      <c r="J29" s="114">
        <v>20455149</v>
      </c>
      <c r="K29" s="173">
        <v>117225940</v>
      </c>
      <c r="L29" s="116">
        <v>123361944</v>
      </c>
      <c r="M29" s="110">
        <v>496585</v>
      </c>
      <c r="N29" s="114">
        <v>860431</v>
      </c>
      <c r="O29" s="113">
        <v>1357016</v>
      </c>
      <c r="P29" s="110">
        <v>0</v>
      </c>
      <c r="Q29" s="114">
        <v>7117082</v>
      </c>
      <c r="R29" s="114">
        <v>5893757</v>
      </c>
      <c r="S29" s="114">
        <v>5842791</v>
      </c>
      <c r="T29" s="114">
        <v>9071488</v>
      </c>
      <c r="U29" s="114">
        <v>8753989</v>
      </c>
      <c r="V29" s="113">
        <v>36679107</v>
      </c>
      <c r="W29" s="116">
        <v>38036123</v>
      </c>
      <c r="X29" s="110">
        <v>0</v>
      </c>
      <c r="Y29" s="114">
        <v>0</v>
      </c>
      <c r="Z29" s="113">
        <v>0</v>
      </c>
      <c r="AA29" s="110">
        <v>0</v>
      </c>
      <c r="AB29" s="114">
        <v>2594156</v>
      </c>
      <c r="AC29" s="114">
        <v>2358495</v>
      </c>
      <c r="AD29" s="114">
        <v>2692093</v>
      </c>
      <c r="AE29" s="114">
        <v>4822260</v>
      </c>
      <c r="AF29" s="114">
        <v>5016636</v>
      </c>
      <c r="AG29" s="113">
        <v>17483640</v>
      </c>
      <c r="AH29" s="116">
        <v>17483640</v>
      </c>
      <c r="AI29" s="110">
        <v>0</v>
      </c>
      <c r="AJ29" s="114">
        <v>0</v>
      </c>
      <c r="AK29" s="113">
        <v>0</v>
      </c>
      <c r="AL29" s="110">
        <v>0</v>
      </c>
      <c r="AM29" s="114">
        <v>65023</v>
      </c>
      <c r="AN29" s="114">
        <v>123147</v>
      </c>
      <c r="AO29" s="114">
        <v>144861</v>
      </c>
      <c r="AP29" s="114">
        <v>648091</v>
      </c>
      <c r="AQ29" s="114">
        <v>1115446</v>
      </c>
      <c r="AR29" s="113">
        <v>2096568</v>
      </c>
      <c r="AS29" s="116">
        <v>2096568</v>
      </c>
      <c r="AT29" s="110">
        <v>250625</v>
      </c>
      <c r="AU29" s="114">
        <v>501909</v>
      </c>
      <c r="AV29" s="113">
        <v>752534</v>
      </c>
      <c r="AW29" s="110">
        <v>0</v>
      </c>
      <c r="AX29" s="114">
        <v>3064424</v>
      </c>
      <c r="AY29" s="114">
        <v>2185067</v>
      </c>
      <c r="AZ29" s="114">
        <v>1809397</v>
      </c>
      <c r="BA29" s="114">
        <v>2142575</v>
      </c>
      <c r="BB29" s="114">
        <v>1458816</v>
      </c>
      <c r="BC29" s="113">
        <v>10660279</v>
      </c>
      <c r="BD29" s="116">
        <v>11412813</v>
      </c>
      <c r="BE29" s="110">
        <v>39271</v>
      </c>
      <c r="BF29" s="114">
        <v>73477</v>
      </c>
      <c r="BG29" s="112">
        <v>112748</v>
      </c>
      <c r="BH29" s="111">
        <v>0</v>
      </c>
      <c r="BI29" s="114">
        <v>171224</v>
      </c>
      <c r="BJ29" s="114">
        <v>177222</v>
      </c>
      <c r="BK29" s="114">
        <v>18315</v>
      </c>
      <c r="BL29" s="114">
        <v>271306</v>
      </c>
      <c r="BM29" s="114">
        <v>193421</v>
      </c>
      <c r="BN29" s="113">
        <v>831488</v>
      </c>
      <c r="BO29" s="116">
        <v>944236</v>
      </c>
      <c r="BP29" s="110">
        <v>206689</v>
      </c>
      <c r="BQ29" s="114">
        <v>285045</v>
      </c>
      <c r="BR29" s="113">
        <v>491734</v>
      </c>
      <c r="BS29" s="110">
        <v>0</v>
      </c>
      <c r="BT29" s="114">
        <v>1222255</v>
      </c>
      <c r="BU29" s="114">
        <v>1049826</v>
      </c>
      <c r="BV29" s="114">
        <v>1178125</v>
      </c>
      <c r="BW29" s="114">
        <v>1187256</v>
      </c>
      <c r="BX29" s="114">
        <v>969670</v>
      </c>
      <c r="BY29" s="113">
        <v>5607132</v>
      </c>
      <c r="BZ29" s="116">
        <v>6098866</v>
      </c>
      <c r="CA29" s="110">
        <v>266841</v>
      </c>
      <c r="CB29" s="114">
        <v>544181</v>
      </c>
      <c r="CC29" s="113">
        <v>811022</v>
      </c>
      <c r="CD29" s="110">
        <v>0</v>
      </c>
      <c r="CE29" s="114">
        <v>7564588</v>
      </c>
      <c r="CF29" s="114">
        <v>7487691</v>
      </c>
      <c r="CG29" s="114">
        <v>5803559</v>
      </c>
      <c r="CH29" s="114">
        <v>2744350</v>
      </c>
      <c r="CI29" s="114">
        <v>1696262</v>
      </c>
      <c r="CJ29" s="113">
        <v>25296450</v>
      </c>
      <c r="CK29" s="116">
        <v>26107472</v>
      </c>
      <c r="CL29" s="110">
        <v>0</v>
      </c>
      <c r="CM29" s="114">
        <v>0</v>
      </c>
      <c r="CN29" s="113">
        <v>0</v>
      </c>
      <c r="CO29" s="111">
        <v>0</v>
      </c>
      <c r="CP29" s="114">
        <v>5023156</v>
      </c>
      <c r="CQ29" s="114">
        <v>4968866</v>
      </c>
      <c r="CR29" s="114">
        <v>4018854</v>
      </c>
      <c r="CS29" s="114">
        <v>1602005</v>
      </c>
      <c r="CT29" s="114">
        <v>637842</v>
      </c>
      <c r="CU29" s="113">
        <v>16250723</v>
      </c>
      <c r="CV29" s="116">
        <v>16250723</v>
      </c>
      <c r="CW29" s="110">
        <v>266841</v>
      </c>
      <c r="CX29" s="114">
        <v>544181</v>
      </c>
      <c r="CY29" s="113">
        <v>811022</v>
      </c>
      <c r="CZ29" s="110">
        <v>0</v>
      </c>
      <c r="DA29" s="114">
        <v>2541432</v>
      </c>
      <c r="DB29" s="114">
        <v>2518825</v>
      </c>
      <c r="DC29" s="114">
        <v>1784705</v>
      </c>
      <c r="DD29" s="114">
        <v>1142345</v>
      </c>
      <c r="DE29" s="114">
        <v>1058420</v>
      </c>
      <c r="DF29" s="113">
        <v>9045727</v>
      </c>
      <c r="DG29" s="116">
        <v>9856749</v>
      </c>
      <c r="DH29" s="110">
        <v>0</v>
      </c>
      <c r="DI29" s="114">
        <v>21531</v>
      </c>
      <c r="DJ29" s="112">
        <v>21531</v>
      </c>
      <c r="DK29" s="111">
        <v>0</v>
      </c>
      <c r="DL29" s="114">
        <v>904146</v>
      </c>
      <c r="DM29" s="114">
        <v>1520109</v>
      </c>
      <c r="DN29" s="114">
        <v>2165033</v>
      </c>
      <c r="DO29" s="114">
        <v>1850164</v>
      </c>
      <c r="DP29" s="114">
        <v>1963063</v>
      </c>
      <c r="DQ29" s="113">
        <v>8402515</v>
      </c>
      <c r="DR29" s="116">
        <v>8424046</v>
      </c>
      <c r="DS29" s="110">
        <v>0</v>
      </c>
      <c r="DT29" s="114">
        <v>21531</v>
      </c>
      <c r="DU29" s="113">
        <v>21531</v>
      </c>
      <c r="DV29" s="110">
        <v>0</v>
      </c>
      <c r="DW29" s="114">
        <v>904146</v>
      </c>
      <c r="DX29" s="114">
        <v>1520109</v>
      </c>
      <c r="DY29" s="114">
        <v>2165033</v>
      </c>
      <c r="DZ29" s="114">
        <v>1850164</v>
      </c>
      <c r="EA29" s="114">
        <v>1963063</v>
      </c>
      <c r="EB29" s="113">
        <v>8402515</v>
      </c>
      <c r="EC29" s="116">
        <v>8424046</v>
      </c>
      <c r="ED29" s="110">
        <v>0</v>
      </c>
      <c r="EE29" s="112">
        <v>0</v>
      </c>
      <c r="EF29" s="113">
        <v>0</v>
      </c>
      <c r="EG29" s="110">
        <v>0</v>
      </c>
      <c r="EH29" s="114">
        <v>0</v>
      </c>
      <c r="EI29" s="114">
        <v>0</v>
      </c>
      <c r="EJ29" s="114">
        <v>0</v>
      </c>
      <c r="EK29" s="114">
        <v>0</v>
      </c>
      <c r="EL29" s="114">
        <v>0</v>
      </c>
      <c r="EM29" s="112">
        <v>0</v>
      </c>
      <c r="EN29" s="116">
        <v>0</v>
      </c>
      <c r="EO29" s="110">
        <v>0</v>
      </c>
      <c r="EP29" s="114">
        <v>0</v>
      </c>
      <c r="EQ29" s="112">
        <v>0</v>
      </c>
      <c r="ER29" s="111">
        <v>0</v>
      </c>
      <c r="ES29" s="114">
        <v>0</v>
      </c>
      <c r="ET29" s="114">
        <v>0</v>
      </c>
      <c r="EU29" s="114">
        <v>0</v>
      </c>
      <c r="EV29" s="114">
        <v>0</v>
      </c>
      <c r="EW29" s="114">
        <v>0</v>
      </c>
      <c r="EX29" s="113">
        <v>0</v>
      </c>
      <c r="EY29" s="116">
        <v>0</v>
      </c>
      <c r="EZ29" s="110">
        <v>0</v>
      </c>
      <c r="FA29" s="114">
        <v>0</v>
      </c>
      <c r="FB29" s="112">
        <v>0</v>
      </c>
      <c r="FC29" s="348"/>
      <c r="FD29" s="114">
        <v>0</v>
      </c>
      <c r="FE29" s="114">
        <v>0</v>
      </c>
      <c r="FF29" s="114">
        <v>0</v>
      </c>
      <c r="FG29" s="114">
        <v>0</v>
      </c>
      <c r="FH29" s="114">
        <v>0</v>
      </c>
      <c r="FI29" s="113">
        <v>0</v>
      </c>
      <c r="FJ29" s="116">
        <v>0</v>
      </c>
      <c r="FK29" s="110">
        <v>1108716</v>
      </c>
      <c r="FL29" s="114">
        <v>617472</v>
      </c>
      <c r="FM29" s="113">
        <v>1726188</v>
      </c>
      <c r="FN29" s="110">
        <v>0</v>
      </c>
      <c r="FO29" s="114">
        <v>1400015</v>
      </c>
      <c r="FP29" s="114">
        <v>2150572</v>
      </c>
      <c r="FQ29" s="114">
        <v>1447913</v>
      </c>
      <c r="FR29" s="114">
        <v>1645997</v>
      </c>
      <c r="FS29" s="114">
        <v>1423712</v>
      </c>
      <c r="FT29" s="113">
        <v>8068209</v>
      </c>
      <c r="FU29" s="116">
        <v>9794397</v>
      </c>
      <c r="FV29" s="115">
        <v>272790</v>
      </c>
      <c r="FW29" s="114">
        <v>369774</v>
      </c>
      <c r="FX29" s="112">
        <v>642564</v>
      </c>
      <c r="FY29" s="111">
        <v>0</v>
      </c>
      <c r="FZ29" s="114">
        <v>991548</v>
      </c>
      <c r="GA29" s="114">
        <v>2048215</v>
      </c>
      <c r="GB29" s="114">
        <v>1383429</v>
      </c>
      <c r="GC29" s="114">
        <v>1444451</v>
      </c>
      <c r="GD29" s="114">
        <v>1423712</v>
      </c>
      <c r="GE29" s="113">
        <v>7291355</v>
      </c>
      <c r="GF29" s="319">
        <v>7933919</v>
      </c>
      <c r="GG29" s="115">
        <v>79596</v>
      </c>
      <c r="GH29" s="114">
        <v>23598</v>
      </c>
      <c r="GI29" s="112">
        <v>103194</v>
      </c>
      <c r="GJ29" s="111">
        <v>0</v>
      </c>
      <c r="GK29" s="114">
        <v>117967</v>
      </c>
      <c r="GL29" s="114">
        <v>73557</v>
      </c>
      <c r="GM29" s="114">
        <v>33264</v>
      </c>
      <c r="GN29" s="114">
        <v>78246</v>
      </c>
      <c r="GO29" s="114">
        <v>0</v>
      </c>
      <c r="GP29" s="113">
        <v>303034</v>
      </c>
      <c r="GQ29" s="116">
        <v>406228</v>
      </c>
      <c r="GR29" s="110">
        <v>756330</v>
      </c>
      <c r="GS29" s="114">
        <v>224100</v>
      </c>
      <c r="GT29" s="113">
        <v>980430</v>
      </c>
      <c r="GU29" s="110">
        <v>0</v>
      </c>
      <c r="GV29" s="114">
        <v>290500</v>
      </c>
      <c r="GW29" s="114">
        <v>28800</v>
      </c>
      <c r="GX29" s="114">
        <v>31220</v>
      </c>
      <c r="GY29" s="114">
        <v>123300</v>
      </c>
      <c r="GZ29" s="114">
        <v>0</v>
      </c>
      <c r="HA29" s="112">
        <v>473820</v>
      </c>
      <c r="HB29" s="116">
        <v>1454250</v>
      </c>
      <c r="HC29" s="110">
        <v>611707</v>
      </c>
      <c r="HD29" s="114">
        <v>775513</v>
      </c>
      <c r="HE29" s="112">
        <v>1387220</v>
      </c>
      <c r="HF29" s="111">
        <v>0</v>
      </c>
      <c r="HG29" s="114">
        <v>4972494</v>
      </c>
      <c r="HH29" s="114">
        <v>5301704</v>
      </c>
      <c r="HI29" s="114">
        <v>5072868</v>
      </c>
      <c r="HJ29" s="114">
        <v>6815683</v>
      </c>
      <c r="HK29" s="114">
        <v>5657663</v>
      </c>
      <c r="HL29" s="113">
        <v>27820412</v>
      </c>
      <c r="HM29" s="109">
        <v>29207632</v>
      </c>
      <c r="HN29" s="115">
        <v>434173</v>
      </c>
      <c r="HO29" s="114">
        <v>398854</v>
      </c>
      <c r="HP29" s="113">
        <v>833027</v>
      </c>
      <c r="HQ29" s="110">
        <v>0</v>
      </c>
      <c r="HR29" s="114">
        <v>4040696</v>
      </c>
      <c r="HS29" s="114">
        <v>2514130</v>
      </c>
      <c r="HT29" s="114">
        <v>2063249</v>
      </c>
      <c r="HU29" s="114">
        <v>1380712</v>
      </c>
      <c r="HV29" s="114">
        <v>960460</v>
      </c>
      <c r="HW29" s="112">
        <v>10959247</v>
      </c>
      <c r="HX29" s="116">
        <v>11792274</v>
      </c>
      <c r="HY29" s="131">
        <v>269570</v>
      </c>
      <c r="HZ29" s="132">
        <v>387171</v>
      </c>
      <c r="IA29" s="133">
        <v>656741</v>
      </c>
      <c r="IB29" s="146">
        <v>0</v>
      </c>
      <c r="IC29" s="132">
        <v>6253458</v>
      </c>
      <c r="ID29" s="147">
        <v>5155856</v>
      </c>
      <c r="IE29" s="133">
        <v>6544455</v>
      </c>
      <c r="IF29" s="132">
        <v>3580883</v>
      </c>
      <c r="IG29" s="133">
        <v>2889404</v>
      </c>
      <c r="IH29" s="148">
        <v>24424056</v>
      </c>
      <c r="II29" s="139">
        <v>25080797</v>
      </c>
      <c r="IJ29" s="232">
        <v>0</v>
      </c>
      <c r="IK29" s="236">
        <v>0</v>
      </c>
      <c r="IL29" s="237">
        <v>0</v>
      </c>
      <c r="IM29" s="140"/>
      <c r="IN29" s="119">
        <v>177517</v>
      </c>
      <c r="IO29" s="119">
        <v>328838</v>
      </c>
      <c r="IP29" s="119">
        <v>180873</v>
      </c>
      <c r="IQ29" s="119">
        <v>185413</v>
      </c>
      <c r="IR29" s="119">
        <v>329893</v>
      </c>
      <c r="IS29" s="141">
        <v>1202534</v>
      </c>
      <c r="IT29" s="321">
        <v>1202534</v>
      </c>
      <c r="IU29" s="142">
        <v>0</v>
      </c>
      <c r="IV29" s="119">
        <v>0</v>
      </c>
      <c r="IW29" s="120">
        <v>0</v>
      </c>
      <c r="IX29" s="144"/>
      <c r="IY29" s="119">
        <v>0</v>
      </c>
      <c r="IZ29" s="119">
        <v>0</v>
      </c>
      <c r="JA29" s="119">
        <v>0</v>
      </c>
      <c r="JB29" s="119">
        <v>0</v>
      </c>
      <c r="JC29" s="119">
        <v>0</v>
      </c>
      <c r="JD29" s="120">
        <v>0</v>
      </c>
      <c r="JE29" s="121">
        <v>0</v>
      </c>
      <c r="JF29" s="142">
        <v>0</v>
      </c>
      <c r="JG29" s="119">
        <v>0</v>
      </c>
      <c r="JH29" s="141">
        <v>0</v>
      </c>
      <c r="JI29" s="118">
        <v>0</v>
      </c>
      <c r="JJ29" s="119">
        <v>3320103</v>
      </c>
      <c r="JK29" s="119">
        <v>1676693</v>
      </c>
      <c r="JL29" s="119">
        <v>1664572</v>
      </c>
      <c r="JM29" s="119">
        <v>1037801</v>
      </c>
      <c r="JN29" s="119">
        <v>696806</v>
      </c>
      <c r="JO29" s="120">
        <v>8395975</v>
      </c>
      <c r="JP29" s="321">
        <v>8395975</v>
      </c>
      <c r="JQ29" s="142">
        <v>0</v>
      </c>
      <c r="JR29" s="119">
        <v>0</v>
      </c>
      <c r="JS29" s="141">
        <v>0</v>
      </c>
      <c r="JT29" s="118">
        <v>0</v>
      </c>
      <c r="JU29" s="119">
        <v>733682</v>
      </c>
      <c r="JV29" s="119">
        <v>753439</v>
      </c>
      <c r="JW29" s="119">
        <v>416348</v>
      </c>
      <c r="JX29" s="119">
        <v>262379</v>
      </c>
      <c r="JY29" s="119">
        <v>253923</v>
      </c>
      <c r="JZ29" s="120">
        <v>2419771</v>
      </c>
      <c r="KA29" s="321">
        <v>2419771</v>
      </c>
      <c r="KB29" s="234">
        <v>269570</v>
      </c>
      <c r="KC29" s="230">
        <v>387171</v>
      </c>
      <c r="KD29" s="120">
        <v>656741</v>
      </c>
      <c r="KE29" s="118">
        <v>0</v>
      </c>
      <c r="KF29" s="119">
        <v>1771644</v>
      </c>
      <c r="KG29" s="119">
        <v>1165732</v>
      </c>
      <c r="KH29" s="119">
        <v>707807</v>
      </c>
      <c r="KI29" s="119">
        <v>823673</v>
      </c>
      <c r="KJ29" s="119">
        <v>838975</v>
      </c>
      <c r="KK29" s="120">
        <v>5307831</v>
      </c>
      <c r="KL29" s="143">
        <v>5964572</v>
      </c>
      <c r="KM29" s="232">
        <v>0</v>
      </c>
      <c r="KN29" s="236">
        <v>0</v>
      </c>
      <c r="KO29" s="237">
        <v>0</v>
      </c>
      <c r="KP29" s="140"/>
      <c r="KQ29" s="119">
        <v>250512</v>
      </c>
      <c r="KR29" s="119">
        <v>1231154</v>
      </c>
      <c r="KS29" s="119">
        <v>3574855</v>
      </c>
      <c r="KT29" s="119">
        <v>1271617</v>
      </c>
      <c r="KU29" s="119">
        <v>769807</v>
      </c>
      <c r="KV29" s="120">
        <v>7097945</v>
      </c>
      <c r="KW29" s="321">
        <v>7097945</v>
      </c>
      <c r="KX29" s="142">
        <v>0</v>
      </c>
      <c r="KY29" s="119">
        <v>0</v>
      </c>
      <c r="KZ29" s="120">
        <v>0</v>
      </c>
      <c r="LA29" s="145"/>
      <c r="LB29" s="119">
        <v>0</v>
      </c>
      <c r="LC29" s="119">
        <v>0</v>
      </c>
      <c r="LD29" s="119">
        <v>0</v>
      </c>
      <c r="LE29" s="119">
        <v>0</v>
      </c>
      <c r="LF29" s="119">
        <v>0</v>
      </c>
      <c r="LG29" s="120">
        <v>0</v>
      </c>
      <c r="LH29" s="121">
        <v>0</v>
      </c>
      <c r="LI29" s="142">
        <v>0</v>
      </c>
      <c r="LJ29" s="119">
        <v>0</v>
      </c>
      <c r="LK29" s="120">
        <v>0</v>
      </c>
      <c r="LL29" s="145"/>
      <c r="LM29" s="119">
        <v>0</v>
      </c>
      <c r="LN29" s="119">
        <v>0</v>
      </c>
      <c r="LO29" s="119">
        <v>0</v>
      </c>
      <c r="LP29" s="119">
        <v>0</v>
      </c>
      <c r="LQ29" s="119">
        <v>0</v>
      </c>
      <c r="LR29" s="120">
        <v>0</v>
      </c>
      <c r="LS29" s="321">
        <v>0</v>
      </c>
      <c r="LT29" s="142">
        <v>0</v>
      </c>
      <c r="LU29" s="119">
        <v>0</v>
      </c>
      <c r="LV29" s="120">
        <v>0</v>
      </c>
      <c r="LW29" s="145"/>
      <c r="LX29" s="119">
        <v>0</v>
      </c>
      <c r="LY29" s="119">
        <v>0</v>
      </c>
      <c r="LZ29" s="119">
        <v>0</v>
      </c>
      <c r="MA29" s="119">
        <v>0</v>
      </c>
      <c r="MB29" s="119">
        <v>0</v>
      </c>
      <c r="MC29" s="120">
        <v>0</v>
      </c>
      <c r="MD29" s="121">
        <v>0</v>
      </c>
      <c r="ME29" s="142">
        <v>0</v>
      </c>
      <c r="MF29" s="119">
        <v>0</v>
      </c>
      <c r="MG29" s="120">
        <v>0</v>
      </c>
      <c r="MH29" s="145"/>
      <c r="MI29" s="119">
        <v>2996572</v>
      </c>
      <c r="MJ29" s="119">
        <v>6039812</v>
      </c>
      <c r="MK29" s="119">
        <v>14062355</v>
      </c>
      <c r="ML29" s="119">
        <v>26906704</v>
      </c>
      <c r="MM29" s="119">
        <v>21250541</v>
      </c>
      <c r="MN29" s="120">
        <v>71255984</v>
      </c>
      <c r="MO29" s="143">
        <v>71255984</v>
      </c>
      <c r="MP29" s="142">
        <v>0</v>
      </c>
      <c r="MQ29" s="119">
        <v>0</v>
      </c>
      <c r="MR29" s="120">
        <v>0</v>
      </c>
      <c r="MS29" s="145"/>
      <c r="MT29" s="119">
        <v>0</v>
      </c>
      <c r="MU29" s="119">
        <v>0</v>
      </c>
      <c r="MV29" s="119">
        <v>8921875</v>
      </c>
      <c r="MW29" s="119">
        <v>18583281</v>
      </c>
      <c r="MX29" s="119">
        <v>17712161</v>
      </c>
      <c r="MY29" s="120">
        <v>45217317</v>
      </c>
      <c r="MZ29" s="143">
        <v>45217317</v>
      </c>
      <c r="NA29" s="142">
        <v>0</v>
      </c>
      <c r="NB29" s="119">
        <v>0</v>
      </c>
      <c r="NC29" s="120">
        <v>0</v>
      </c>
      <c r="ND29" s="145"/>
      <c r="NE29" s="119">
        <v>2996572</v>
      </c>
      <c r="NF29" s="119">
        <v>6039812</v>
      </c>
      <c r="NG29" s="119">
        <v>5140480</v>
      </c>
      <c r="NH29" s="119">
        <v>8323423</v>
      </c>
      <c r="NI29" s="119">
        <v>3538380</v>
      </c>
      <c r="NJ29" s="120">
        <v>26038667</v>
      </c>
      <c r="NK29" s="321">
        <v>26038667</v>
      </c>
      <c r="NL29" s="142">
        <v>0</v>
      </c>
      <c r="NM29" s="119">
        <v>0</v>
      </c>
      <c r="NN29" s="120">
        <v>0</v>
      </c>
      <c r="NO29" s="145"/>
      <c r="NP29" s="119">
        <v>0</v>
      </c>
      <c r="NQ29" s="119">
        <v>0</v>
      </c>
      <c r="NR29" s="119">
        <v>0</v>
      </c>
      <c r="NS29" s="119">
        <v>0</v>
      </c>
      <c r="NT29" s="119">
        <v>0</v>
      </c>
      <c r="NU29" s="120">
        <v>0</v>
      </c>
      <c r="NV29" s="121">
        <v>0</v>
      </c>
      <c r="NW29" s="142">
        <v>0</v>
      </c>
      <c r="NX29" s="119">
        <v>0</v>
      </c>
      <c r="NY29" s="120">
        <v>0</v>
      </c>
      <c r="NZ29" s="145"/>
      <c r="OA29" s="119">
        <v>0</v>
      </c>
      <c r="OB29" s="119">
        <v>0</v>
      </c>
      <c r="OC29" s="119">
        <v>0</v>
      </c>
      <c r="OD29" s="119">
        <v>0</v>
      </c>
      <c r="OE29" s="119">
        <v>0</v>
      </c>
      <c r="OF29" s="120">
        <v>0</v>
      </c>
      <c r="OG29" s="121">
        <v>0</v>
      </c>
      <c r="OH29" s="142">
        <v>3187592</v>
      </c>
      <c r="OI29" s="119">
        <v>3605153</v>
      </c>
      <c r="OJ29" s="141">
        <v>6792745</v>
      </c>
      <c r="OK29" s="118">
        <v>0</v>
      </c>
      <c r="OL29" s="119">
        <v>35249051</v>
      </c>
      <c r="OM29" s="119">
        <v>36063631</v>
      </c>
      <c r="ON29" s="119">
        <v>43002223</v>
      </c>
      <c r="OO29" s="119">
        <v>53995981</v>
      </c>
      <c r="OP29" s="119">
        <v>44595094</v>
      </c>
      <c r="OQ29" s="120">
        <v>212905980</v>
      </c>
      <c r="OR29" s="143">
        <v>219698725</v>
      </c>
    </row>
    <row r="30" spans="1:408" ht="18.75" customHeight="1" x14ac:dyDescent="0.2">
      <c r="A30" s="62" t="s">
        <v>25</v>
      </c>
      <c r="B30" s="110">
        <v>1617799</v>
      </c>
      <c r="C30" s="114">
        <v>3651123</v>
      </c>
      <c r="D30" s="113">
        <v>5268922</v>
      </c>
      <c r="E30" s="109">
        <v>0</v>
      </c>
      <c r="F30" s="114">
        <v>28195089</v>
      </c>
      <c r="G30" s="114">
        <v>26084832</v>
      </c>
      <c r="H30" s="114">
        <v>17415967</v>
      </c>
      <c r="I30" s="114">
        <v>28148768</v>
      </c>
      <c r="J30" s="114">
        <v>17583089</v>
      </c>
      <c r="K30" s="173">
        <v>117427745</v>
      </c>
      <c r="L30" s="116">
        <v>122696667</v>
      </c>
      <c r="M30" s="110">
        <v>499246</v>
      </c>
      <c r="N30" s="114">
        <v>1132110</v>
      </c>
      <c r="O30" s="113">
        <v>1631356</v>
      </c>
      <c r="P30" s="110">
        <v>0</v>
      </c>
      <c r="Q30" s="114">
        <v>7761039</v>
      </c>
      <c r="R30" s="114">
        <v>6798010</v>
      </c>
      <c r="S30" s="114">
        <v>6246450</v>
      </c>
      <c r="T30" s="114">
        <v>9925674</v>
      </c>
      <c r="U30" s="114">
        <v>10746325</v>
      </c>
      <c r="V30" s="113">
        <v>41477498</v>
      </c>
      <c r="W30" s="116">
        <v>43108854</v>
      </c>
      <c r="X30" s="110">
        <v>0</v>
      </c>
      <c r="Y30" s="114">
        <v>0</v>
      </c>
      <c r="Z30" s="113">
        <v>0</v>
      </c>
      <c r="AA30" s="110">
        <v>0</v>
      </c>
      <c r="AB30" s="114">
        <v>4079416</v>
      </c>
      <c r="AC30" s="114">
        <v>3331414</v>
      </c>
      <c r="AD30" s="114">
        <v>3883861</v>
      </c>
      <c r="AE30" s="114">
        <v>6119898</v>
      </c>
      <c r="AF30" s="114">
        <v>6389643</v>
      </c>
      <c r="AG30" s="113">
        <v>23804232</v>
      </c>
      <c r="AH30" s="116">
        <v>23804232</v>
      </c>
      <c r="AI30" s="110">
        <v>0</v>
      </c>
      <c r="AJ30" s="114">
        <v>0</v>
      </c>
      <c r="AK30" s="113">
        <v>0</v>
      </c>
      <c r="AL30" s="110">
        <v>0</v>
      </c>
      <c r="AM30" s="114">
        <v>52078</v>
      </c>
      <c r="AN30" s="114">
        <v>313480</v>
      </c>
      <c r="AO30" s="114">
        <v>241223</v>
      </c>
      <c r="AP30" s="114">
        <v>1235170</v>
      </c>
      <c r="AQ30" s="114">
        <v>1486311</v>
      </c>
      <c r="AR30" s="113">
        <v>3328262</v>
      </c>
      <c r="AS30" s="116">
        <v>3328262</v>
      </c>
      <c r="AT30" s="110">
        <v>400081</v>
      </c>
      <c r="AU30" s="114">
        <v>820429</v>
      </c>
      <c r="AV30" s="113">
        <v>1220510</v>
      </c>
      <c r="AW30" s="110">
        <v>0</v>
      </c>
      <c r="AX30" s="114">
        <v>2700173</v>
      </c>
      <c r="AY30" s="114">
        <v>2239205</v>
      </c>
      <c r="AZ30" s="114">
        <v>1229757</v>
      </c>
      <c r="BA30" s="114">
        <v>1648833</v>
      </c>
      <c r="BB30" s="114">
        <v>1981494</v>
      </c>
      <c r="BC30" s="113">
        <v>9799462</v>
      </c>
      <c r="BD30" s="116">
        <v>11019972</v>
      </c>
      <c r="BE30" s="110">
        <v>41605</v>
      </c>
      <c r="BF30" s="114">
        <v>142570</v>
      </c>
      <c r="BG30" s="112">
        <v>184175</v>
      </c>
      <c r="BH30" s="111">
        <v>0</v>
      </c>
      <c r="BI30" s="114">
        <v>103788</v>
      </c>
      <c r="BJ30" s="114">
        <v>217140</v>
      </c>
      <c r="BK30" s="114">
        <v>370156</v>
      </c>
      <c r="BL30" s="114">
        <v>140418</v>
      </c>
      <c r="BM30" s="114">
        <v>230074</v>
      </c>
      <c r="BN30" s="113">
        <v>1061576</v>
      </c>
      <c r="BO30" s="116">
        <v>1245751</v>
      </c>
      <c r="BP30" s="110">
        <v>57560</v>
      </c>
      <c r="BQ30" s="114">
        <v>169111</v>
      </c>
      <c r="BR30" s="113">
        <v>226671</v>
      </c>
      <c r="BS30" s="110">
        <v>0</v>
      </c>
      <c r="BT30" s="114">
        <v>825584</v>
      </c>
      <c r="BU30" s="114">
        <v>696771</v>
      </c>
      <c r="BV30" s="114">
        <v>521453</v>
      </c>
      <c r="BW30" s="114">
        <v>781355</v>
      </c>
      <c r="BX30" s="114">
        <v>658803</v>
      </c>
      <c r="BY30" s="113">
        <v>3483966</v>
      </c>
      <c r="BZ30" s="116">
        <v>3710637</v>
      </c>
      <c r="CA30" s="110">
        <v>91214</v>
      </c>
      <c r="CB30" s="114">
        <v>419650</v>
      </c>
      <c r="CC30" s="113">
        <v>510864</v>
      </c>
      <c r="CD30" s="110">
        <v>0</v>
      </c>
      <c r="CE30" s="114">
        <v>10745667</v>
      </c>
      <c r="CF30" s="114">
        <v>9073141</v>
      </c>
      <c r="CG30" s="114">
        <v>4785070</v>
      </c>
      <c r="CH30" s="114">
        <v>7067147</v>
      </c>
      <c r="CI30" s="114">
        <v>1423400</v>
      </c>
      <c r="CJ30" s="113">
        <v>33094425</v>
      </c>
      <c r="CK30" s="116">
        <v>33605289</v>
      </c>
      <c r="CL30" s="110">
        <v>0</v>
      </c>
      <c r="CM30" s="114">
        <v>0</v>
      </c>
      <c r="CN30" s="113">
        <v>0</v>
      </c>
      <c r="CO30" s="111">
        <v>0</v>
      </c>
      <c r="CP30" s="114">
        <v>8399116</v>
      </c>
      <c r="CQ30" s="114">
        <v>5416684</v>
      </c>
      <c r="CR30" s="114">
        <v>2977771</v>
      </c>
      <c r="CS30" s="114">
        <v>5638109</v>
      </c>
      <c r="CT30" s="114">
        <v>724785</v>
      </c>
      <c r="CU30" s="113">
        <v>23156465</v>
      </c>
      <c r="CV30" s="116">
        <v>23156465</v>
      </c>
      <c r="CW30" s="110">
        <v>91214</v>
      </c>
      <c r="CX30" s="114">
        <v>419650</v>
      </c>
      <c r="CY30" s="113">
        <v>510864</v>
      </c>
      <c r="CZ30" s="110">
        <v>0</v>
      </c>
      <c r="DA30" s="114">
        <v>2346551</v>
      </c>
      <c r="DB30" s="114">
        <v>3656457</v>
      </c>
      <c r="DC30" s="114">
        <v>1807299</v>
      </c>
      <c r="DD30" s="114">
        <v>1429038</v>
      </c>
      <c r="DE30" s="114">
        <v>698615</v>
      </c>
      <c r="DF30" s="113">
        <v>9937960</v>
      </c>
      <c r="DG30" s="116">
        <v>10448824</v>
      </c>
      <c r="DH30" s="110">
        <v>0</v>
      </c>
      <c r="DI30" s="114">
        <v>93833</v>
      </c>
      <c r="DJ30" s="112">
        <v>93833</v>
      </c>
      <c r="DK30" s="111">
        <v>0</v>
      </c>
      <c r="DL30" s="114">
        <v>755209</v>
      </c>
      <c r="DM30" s="114">
        <v>1416048</v>
      </c>
      <c r="DN30" s="114">
        <v>785127</v>
      </c>
      <c r="DO30" s="114">
        <v>2136709</v>
      </c>
      <c r="DP30" s="114">
        <v>257560</v>
      </c>
      <c r="DQ30" s="113">
        <v>5350653</v>
      </c>
      <c r="DR30" s="116">
        <v>5444486</v>
      </c>
      <c r="DS30" s="110">
        <v>0</v>
      </c>
      <c r="DT30" s="114">
        <v>93833</v>
      </c>
      <c r="DU30" s="113">
        <v>93833</v>
      </c>
      <c r="DV30" s="110">
        <v>0</v>
      </c>
      <c r="DW30" s="114">
        <v>668769</v>
      </c>
      <c r="DX30" s="114">
        <v>1416048</v>
      </c>
      <c r="DY30" s="114">
        <v>693220</v>
      </c>
      <c r="DZ30" s="114">
        <v>1851185</v>
      </c>
      <c r="EA30" s="114">
        <v>150644</v>
      </c>
      <c r="EB30" s="113">
        <v>4779866</v>
      </c>
      <c r="EC30" s="116">
        <v>4873699</v>
      </c>
      <c r="ED30" s="110">
        <v>0</v>
      </c>
      <c r="EE30" s="112">
        <v>0</v>
      </c>
      <c r="EF30" s="113">
        <v>0</v>
      </c>
      <c r="EG30" s="110">
        <v>0</v>
      </c>
      <c r="EH30" s="114">
        <v>86440</v>
      </c>
      <c r="EI30" s="114">
        <v>0</v>
      </c>
      <c r="EJ30" s="114">
        <v>91907</v>
      </c>
      <c r="EK30" s="114">
        <v>285524</v>
      </c>
      <c r="EL30" s="114">
        <v>106916</v>
      </c>
      <c r="EM30" s="112">
        <v>570787</v>
      </c>
      <c r="EN30" s="116">
        <v>570787</v>
      </c>
      <c r="EO30" s="110">
        <v>0</v>
      </c>
      <c r="EP30" s="114">
        <v>0</v>
      </c>
      <c r="EQ30" s="112">
        <v>0</v>
      </c>
      <c r="ER30" s="111">
        <v>0</v>
      </c>
      <c r="ES30" s="114">
        <v>0</v>
      </c>
      <c r="ET30" s="114">
        <v>0</v>
      </c>
      <c r="EU30" s="114">
        <v>0</v>
      </c>
      <c r="EV30" s="114">
        <v>0</v>
      </c>
      <c r="EW30" s="114">
        <v>0</v>
      </c>
      <c r="EX30" s="113">
        <v>0</v>
      </c>
      <c r="EY30" s="116">
        <v>0</v>
      </c>
      <c r="EZ30" s="110">
        <v>0</v>
      </c>
      <c r="FA30" s="114">
        <v>0</v>
      </c>
      <c r="FB30" s="112">
        <v>0</v>
      </c>
      <c r="FC30" s="348"/>
      <c r="FD30" s="114">
        <v>0</v>
      </c>
      <c r="FE30" s="114">
        <v>0</v>
      </c>
      <c r="FF30" s="114">
        <v>0</v>
      </c>
      <c r="FG30" s="114">
        <v>0</v>
      </c>
      <c r="FH30" s="114">
        <v>0</v>
      </c>
      <c r="FI30" s="113">
        <v>0</v>
      </c>
      <c r="FJ30" s="116">
        <v>0</v>
      </c>
      <c r="FK30" s="110">
        <v>599536</v>
      </c>
      <c r="FL30" s="114">
        <v>880281</v>
      </c>
      <c r="FM30" s="113">
        <v>1479817</v>
      </c>
      <c r="FN30" s="110">
        <v>0</v>
      </c>
      <c r="FO30" s="114">
        <v>973341</v>
      </c>
      <c r="FP30" s="114">
        <v>2105108</v>
      </c>
      <c r="FQ30" s="114">
        <v>1865578</v>
      </c>
      <c r="FR30" s="114">
        <v>2079815</v>
      </c>
      <c r="FS30" s="114">
        <v>1401451</v>
      </c>
      <c r="FT30" s="113">
        <v>8425293</v>
      </c>
      <c r="FU30" s="116">
        <v>9905110</v>
      </c>
      <c r="FV30" s="115">
        <v>388936</v>
      </c>
      <c r="FW30" s="114">
        <v>670881</v>
      </c>
      <c r="FX30" s="112">
        <v>1059817</v>
      </c>
      <c r="FY30" s="111">
        <v>0</v>
      </c>
      <c r="FZ30" s="114">
        <v>955341</v>
      </c>
      <c r="GA30" s="114">
        <v>2105108</v>
      </c>
      <c r="GB30" s="114">
        <v>1851718</v>
      </c>
      <c r="GC30" s="114">
        <v>2079815</v>
      </c>
      <c r="GD30" s="114">
        <v>1353481</v>
      </c>
      <c r="GE30" s="113">
        <v>8345463</v>
      </c>
      <c r="GF30" s="319">
        <v>9405280</v>
      </c>
      <c r="GG30" s="115">
        <v>12600</v>
      </c>
      <c r="GH30" s="114">
        <v>37000</v>
      </c>
      <c r="GI30" s="112">
        <v>49600</v>
      </c>
      <c r="GJ30" s="111">
        <v>0</v>
      </c>
      <c r="GK30" s="114">
        <v>18000</v>
      </c>
      <c r="GL30" s="114">
        <v>0</v>
      </c>
      <c r="GM30" s="114">
        <v>13860</v>
      </c>
      <c r="GN30" s="114">
        <v>0</v>
      </c>
      <c r="GO30" s="114">
        <v>47970</v>
      </c>
      <c r="GP30" s="113">
        <v>79830</v>
      </c>
      <c r="GQ30" s="116">
        <v>129430</v>
      </c>
      <c r="GR30" s="110">
        <v>198000</v>
      </c>
      <c r="GS30" s="114">
        <v>172400</v>
      </c>
      <c r="GT30" s="113">
        <v>370400</v>
      </c>
      <c r="GU30" s="110">
        <v>0</v>
      </c>
      <c r="GV30" s="114">
        <v>0</v>
      </c>
      <c r="GW30" s="114">
        <v>0</v>
      </c>
      <c r="GX30" s="114">
        <v>0</v>
      </c>
      <c r="GY30" s="114">
        <v>0</v>
      </c>
      <c r="GZ30" s="114">
        <v>0</v>
      </c>
      <c r="HA30" s="112">
        <v>0</v>
      </c>
      <c r="HB30" s="116">
        <v>370400</v>
      </c>
      <c r="HC30" s="110">
        <v>62037</v>
      </c>
      <c r="HD30" s="114">
        <v>500546</v>
      </c>
      <c r="HE30" s="112">
        <v>562583</v>
      </c>
      <c r="HF30" s="111">
        <v>0</v>
      </c>
      <c r="HG30" s="114">
        <v>3074157</v>
      </c>
      <c r="HH30" s="114">
        <v>3505337</v>
      </c>
      <c r="HI30" s="114">
        <v>1731405</v>
      </c>
      <c r="HJ30" s="114">
        <v>4673369</v>
      </c>
      <c r="HK30" s="114">
        <v>2756551</v>
      </c>
      <c r="HL30" s="113">
        <v>15740819</v>
      </c>
      <c r="HM30" s="109">
        <v>16303402</v>
      </c>
      <c r="HN30" s="115">
        <v>365766</v>
      </c>
      <c r="HO30" s="114">
        <v>624703</v>
      </c>
      <c r="HP30" s="113">
        <v>990469</v>
      </c>
      <c r="HQ30" s="110">
        <v>0</v>
      </c>
      <c r="HR30" s="114">
        <v>4885676</v>
      </c>
      <c r="HS30" s="114">
        <v>3187188</v>
      </c>
      <c r="HT30" s="114">
        <v>2002337</v>
      </c>
      <c r="HU30" s="114">
        <v>2266054</v>
      </c>
      <c r="HV30" s="114">
        <v>997802</v>
      </c>
      <c r="HW30" s="112">
        <v>13339057</v>
      </c>
      <c r="HX30" s="116">
        <v>14329526</v>
      </c>
      <c r="HY30" s="150">
        <v>0</v>
      </c>
      <c r="HZ30" s="135">
        <v>0</v>
      </c>
      <c r="IA30" s="150">
        <v>0</v>
      </c>
      <c r="IB30" s="134">
        <v>0</v>
      </c>
      <c r="IC30" s="135">
        <v>8239444</v>
      </c>
      <c r="ID30" s="136">
        <v>4580991</v>
      </c>
      <c r="IE30" s="137">
        <v>4238855</v>
      </c>
      <c r="IF30" s="135">
        <v>2472949</v>
      </c>
      <c r="IG30" s="137">
        <v>540668</v>
      </c>
      <c r="IH30" s="138">
        <v>20072907</v>
      </c>
      <c r="II30" s="150">
        <v>20072907</v>
      </c>
      <c r="IJ30" s="232">
        <v>0</v>
      </c>
      <c r="IK30" s="236">
        <v>0</v>
      </c>
      <c r="IL30" s="237">
        <v>0</v>
      </c>
      <c r="IM30" s="140"/>
      <c r="IN30" s="119">
        <v>0</v>
      </c>
      <c r="IO30" s="119">
        <v>0</v>
      </c>
      <c r="IP30" s="119">
        <v>0</v>
      </c>
      <c r="IQ30" s="119">
        <v>0</v>
      </c>
      <c r="IR30" s="119">
        <v>0</v>
      </c>
      <c r="IS30" s="141">
        <v>0</v>
      </c>
      <c r="IT30" s="321">
        <v>0</v>
      </c>
      <c r="IU30" s="142">
        <v>0</v>
      </c>
      <c r="IV30" s="119">
        <v>0</v>
      </c>
      <c r="IW30" s="120">
        <v>0</v>
      </c>
      <c r="IX30" s="144"/>
      <c r="IY30" s="119">
        <v>0</v>
      </c>
      <c r="IZ30" s="119">
        <v>0</v>
      </c>
      <c r="JA30" s="119">
        <v>0</v>
      </c>
      <c r="JB30" s="119">
        <v>0</v>
      </c>
      <c r="JC30" s="119">
        <v>0</v>
      </c>
      <c r="JD30" s="120">
        <v>0</v>
      </c>
      <c r="JE30" s="121">
        <v>0</v>
      </c>
      <c r="JF30" s="142">
        <v>0</v>
      </c>
      <c r="JG30" s="119">
        <v>0</v>
      </c>
      <c r="JH30" s="141">
        <v>0</v>
      </c>
      <c r="JI30" s="118">
        <v>0</v>
      </c>
      <c r="JJ30" s="119">
        <v>4520414</v>
      </c>
      <c r="JK30" s="119">
        <v>2267133</v>
      </c>
      <c r="JL30" s="119">
        <v>1086373</v>
      </c>
      <c r="JM30" s="119">
        <v>947858</v>
      </c>
      <c r="JN30" s="119">
        <v>96993</v>
      </c>
      <c r="JO30" s="120">
        <v>8918771</v>
      </c>
      <c r="JP30" s="321">
        <v>8918771</v>
      </c>
      <c r="JQ30" s="142">
        <v>0</v>
      </c>
      <c r="JR30" s="119">
        <v>0</v>
      </c>
      <c r="JS30" s="141">
        <v>0</v>
      </c>
      <c r="JT30" s="118">
        <v>0</v>
      </c>
      <c r="JU30" s="119">
        <v>564083</v>
      </c>
      <c r="JV30" s="119">
        <v>345217</v>
      </c>
      <c r="JW30" s="119">
        <v>234364</v>
      </c>
      <c r="JX30" s="119">
        <v>0</v>
      </c>
      <c r="JY30" s="119">
        <v>214852</v>
      </c>
      <c r="JZ30" s="120">
        <v>1358516</v>
      </c>
      <c r="KA30" s="321">
        <v>1358516</v>
      </c>
      <c r="KB30" s="234">
        <v>0</v>
      </c>
      <c r="KC30" s="230">
        <v>0</v>
      </c>
      <c r="KD30" s="120">
        <v>0</v>
      </c>
      <c r="KE30" s="118">
        <v>0</v>
      </c>
      <c r="KF30" s="119">
        <v>412183</v>
      </c>
      <c r="KG30" s="119">
        <v>346709</v>
      </c>
      <c r="KH30" s="119">
        <v>999582</v>
      </c>
      <c r="KI30" s="119">
        <v>0</v>
      </c>
      <c r="KJ30" s="119">
        <v>228823</v>
      </c>
      <c r="KK30" s="120">
        <v>1987297</v>
      </c>
      <c r="KL30" s="143">
        <v>1987297</v>
      </c>
      <c r="KM30" s="232">
        <v>0</v>
      </c>
      <c r="KN30" s="236">
        <v>0</v>
      </c>
      <c r="KO30" s="237">
        <v>0</v>
      </c>
      <c r="KP30" s="140"/>
      <c r="KQ30" s="119">
        <v>2742764</v>
      </c>
      <c r="KR30" s="119">
        <v>1621932</v>
      </c>
      <c r="KS30" s="119">
        <v>1918536</v>
      </c>
      <c r="KT30" s="119">
        <v>1525091</v>
      </c>
      <c r="KU30" s="119">
        <v>0</v>
      </c>
      <c r="KV30" s="120">
        <v>7808323</v>
      </c>
      <c r="KW30" s="321">
        <v>7808323</v>
      </c>
      <c r="KX30" s="142">
        <v>0</v>
      </c>
      <c r="KY30" s="119">
        <v>0</v>
      </c>
      <c r="KZ30" s="120">
        <v>0</v>
      </c>
      <c r="LA30" s="145"/>
      <c r="LB30" s="119">
        <v>0</v>
      </c>
      <c r="LC30" s="119">
        <v>0</v>
      </c>
      <c r="LD30" s="119">
        <v>0</v>
      </c>
      <c r="LE30" s="119">
        <v>0</v>
      </c>
      <c r="LF30" s="119">
        <v>0</v>
      </c>
      <c r="LG30" s="120">
        <v>0</v>
      </c>
      <c r="LH30" s="121">
        <v>0</v>
      </c>
      <c r="LI30" s="142">
        <v>0</v>
      </c>
      <c r="LJ30" s="119">
        <v>0</v>
      </c>
      <c r="LK30" s="120">
        <v>0</v>
      </c>
      <c r="LL30" s="145"/>
      <c r="LM30" s="119">
        <v>0</v>
      </c>
      <c r="LN30" s="119">
        <v>0</v>
      </c>
      <c r="LO30" s="119">
        <v>0</v>
      </c>
      <c r="LP30" s="119">
        <v>0</v>
      </c>
      <c r="LQ30" s="119">
        <v>0</v>
      </c>
      <c r="LR30" s="120">
        <v>0</v>
      </c>
      <c r="LS30" s="321">
        <v>0</v>
      </c>
      <c r="LT30" s="142">
        <v>0</v>
      </c>
      <c r="LU30" s="119">
        <v>0</v>
      </c>
      <c r="LV30" s="120">
        <v>0</v>
      </c>
      <c r="LW30" s="145"/>
      <c r="LX30" s="119">
        <v>0</v>
      </c>
      <c r="LY30" s="119">
        <v>0</v>
      </c>
      <c r="LZ30" s="119">
        <v>0</v>
      </c>
      <c r="MA30" s="119">
        <v>0</v>
      </c>
      <c r="MB30" s="119">
        <v>0</v>
      </c>
      <c r="MC30" s="120">
        <v>0</v>
      </c>
      <c r="MD30" s="121">
        <v>0</v>
      </c>
      <c r="ME30" s="142">
        <v>0</v>
      </c>
      <c r="MF30" s="119">
        <v>0</v>
      </c>
      <c r="MG30" s="120">
        <v>0</v>
      </c>
      <c r="MH30" s="145"/>
      <c r="MI30" s="119">
        <v>4219472</v>
      </c>
      <c r="MJ30" s="119">
        <v>7904693</v>
      </c>
      <c r="MK30" s="119">
        <v>23964307</v>
      </c>
      <c r="ML30" s="119">
        <v>36353647</v>
      </c>
      <c r="MM30" s="119">
        <v>21484108</v>
      </c>
      <c r="MN30" s="120">
        <v>93926227</v>
      </c>
      <c r="MO30" s="143">
        <v>93926227</v>
      </c>
      <c r="MP30" s="142">
        <v>0</v>
      </c>
      <c r="MQ30" s="119">
        <v>0</v>
      </c>
      <c r="MR30" s="120">
        <v>0</v>
      </c>
      <c r="MS30" s="145"/>
      <c r="MT30" s="119">
        <v>889499</v>
      </c>
      <c r="MU30" s="119">
        <v>2475840</v>
      </c>
      <c r="MV30" s="119">
        <v>16908639</v>
      </c>
      <c r="MW30" s="119">
        <v>19223215</v>
      </c>
      <c r="MX30" s="119">
        <v>15544126</v>
      </c>
      <c r="MY30" s="120">
        <v>55041319</v>
      </c>
      <c r="MZ30" s="143">
        <v>55041319</v>
      </c>
      <c r="NA30" s="142">
        <v>0</v>
      </c>
      <c r="NB30" s="119">
        <v>0</v>
      </c>
      <c r="NC30" s="120">
        <v>0</v>
      </c>
      <c r="ND30" s="145"/>
      <c r="NE30" s="119">
        <v>3329973</v>
      </c>
      <c r="NF30" s="119">
        <v>5428853</v>
      </c>
      <c r="NG30" s="119">
        <v>7055668</v>
      </c>
      <c r="NH30" s="119">
        <v>16730157</v>
      </c>
      <c r="NI30" s="119">
        <v>5577026</v>
      </c>
      <c r="NJ30" s="120">
        <v>38121677</v>
      </c>
      <c r="NK30" s="321">
        <v>38121677</v>
      </c>
      <c r="NL30" s="142">
        <v>0</v>
      </c>
      <c r="NM30" s="119">
        <v>0</v>
      </c>
      <c r="NN30" s="120">
        <v>0</v>
      </c>
      <c r="NO30" s="145"/>
      <c r="NP30" s="119">
        <v>0</v>
      </c>
      <c r="NQ30" s="119">
        <v>0</v>
      </c>
      <c r="NR30" s="119">
        <v>0</v>
      </c>
      <c r="NS30" s="119">
        <v>0</v>
      </c>
      <c r="NT30" s="119">
        <v>362956</v>
      </c>
      <c r="NU30" s="120">
        <v>362956</v>
      </c>
      <c r="NV30" s="121">
        <v>362956</v>
      </c>
      <c r="NW30" s="142">
        <v>0</v>
      </c>
      <c r="NX30" s="119">
        <v>0</v>
      </c>
      <c r="NY30" s="120">
        <v>0</v>
      </c>
      <c r="NZ30" s="145"/>
      <c r="OA30" s="119">
        <v>0</v>
      </c>
      <c r="OB30" s="119">
        <v>0</v>
      </c>
      <c r="OC30" s="119">
        <v>0</v>
      </c>
      <c r="OD30" s="119">
        <v>400275</v>
      </c>
      <c r="OE30" s="119">
        <v>0</v>
      </c>
      <c r="OF30" s="120">
        <v>400275</v>
      </c>
      <c r="OG30" s="121">
        <v>400275</v>
      </c>
      <c r="OH30" s="142">
        <v>1617799</v>
      </c>
      <c r="OI30" s="119">
        <v>3651123</v>
      </c>
      <c r="OJ30" s="141">
        <v>5268922</v>
      </c>
      <c r="OK30" s="118">
        <v>0</v>
      </c>
      <c r="OL30" s="119">
        <v>40654005</v>
      </c>
      <c r="OM30" s="119">
        <v>38570516</v>
      </c>
      <c r="ON30" s="119">
        <v>45619129</v>
      </c>
      <c r="OO30" s="119">
        <v>66975364</v>
      </c>
      <c r="OP30" s="119">
        <v>39607865</v>
      </c>
      <c r="OQ30" s="120">
        <v>231426879</v>
      </c>
      <c r="OR30" s="143">
        <v>236695801</v>
      </c>
    </row>
    <row r="31" spans="1:408" ht="18.75" customHeight="1" x14ac:dyDescent="0.2">
      <c r="A31" s="62" t="s">
        <v>26</v>
      </c>
      <c r="B31" s="110">
        <v>1864277</v>
      </c>
      <c r="C31" s="114">
        <v>1984387</v>
      </c>
      <c r="D31" s="113">
        <v>3848664</v>
      </c>
      <c r="E31" s="109">
        <v>0</v>
      </c>
      <c r="F31" s="114">
        <v>23125142</v>
      </c>
      <c r="G31" s="114">
        <v>25271356</v>
      </c>
      <c r="H31" s="114">
        <v>20832439</v>
      </c>
      <c r="I31" s="114">
        <v>22875955</v>
      </c>
      <c r="J31" s="114">
        <v>22607849</v>
      </c>
      <c r="K31" s="173">
        <v>114712741</v>
      </c>
      <c r="L31" s="116">
        <v>118561405</v>
      </c>
      <c r="M31" s="110">
        <v>447102</v>
      </c>
      <c r="N31" s="114">
        <v>625886</v>
      </c>
      <c r="O31" s="113">
        <v>1072988</v>
      </c>
      <c r="P31" s="110">
        <v>0</v>
      </c>
      <c r="Q31" s="114">
        <v>6444844</v>
      </c>
      <c r="R31" s="114">
        <v>7317755</v>
      </c>
      <c r="S31" s="114">
        <v>5694063</v>
      </c>
      <c r="T31" s="114">
        <v>9525763</v>
      </c>
      <c r="U31" s="114">
        <v>12277028</v>
      </c>
      <c r="V31" s="113">
        <v>41259453</v>
      </c>
      <c r="W31" s="116">
        <v>42332441</v>
      </c>
      <c r="X31" s="110">
        <v>0</v>
      </c>
      <c r="Y31" s="114">
        <v>0</v>
      </c>
      <c r="Z31" s="113">
        <v>0</v>
      </c>
      <c r="AA31" s="110">
        <v>0</v>
      </c>
      <c r="AB31" s="114">
        <v>2934696</v>
      </c>
      <c r="AC31" s="114">
        <v>4062716</v>
      </c>
      <c r="AD31" s="114">
        <v>2619631</v>
      </c>
      <c r="AE31" s="114">
        <v>5857125</v>
      </c>
      <c r="AF31" s="114">
        <v>7693460</v>
      </c>
      <c r="AG31" s="113">
        <v>23167628</v>
      </c>
      <c r="AH31" s="116">
        <v>23167628</v>
      </c>
      <c r="AI31" s="110">
        <v>0</v>
      </c>
      <c r="AJ31" s="114">
        <v>0</v>
      </c>
      <c r="AK31" s="113">
        <v>0</v>
      </c>
      <c r="AL31" s="110">
        <v>0</v>
      </c>
      <c r="AM31" s="114">
        <v>0</v>
      </c>
      <c r="AN31" s="114">
        <v>157002</v>
      </c>
      <c r="AO31" s="114">
        <v>209760</v>
      </c>
      <c r="AP31" s="114">
        <v>679562</v>
      </c>
      <c r="AQ31" s="114">
        <v>1090930</v>
      </c>
      <c r="AR31" s="113">
        <v>2137254</v>
      </c>
      <c r="AS31" s="116">
        <v>2137254</v>
      </c>
      <c r="AT31" s="110">
        <v>263098</v>
      </c>
      <c r="AU31" s="114">
        <v>589835</v>
      </c>
      <c r="AV31" s="113">
        <v>852933</v>
      </c>
      <c r="AW31" s="110">
        <v>0</v>
      </c>
      <c r="AX31" s="114">
        <v>2544819</v>
      </c>
      <c r="AY31" s="114">
        <v>2130269</v>
      </c>
      <c r="AZ31" s="114">
        <v>1702219</v>
      </c>
      <c r="BA31" s="114">
        <v>2139230</v>
      </c>
      <c r="BB31" s="114">
        <v>2664285</v>
      </c>
      <c r="BC31" s="113">
        <v>11180822</v>
      </c>
      <c r="BD31" s="116">
        <v>12033755</v>
      </c>
      <c r="BE31" s="110">
        <v>29718</v>
      </c>
      <c r="BF31" s="114">
        <v>0</v>
      </c>
      <c r="BG31" s="112">
        <v>29718</v>
      </c>
      <c r="BH31" s="111">
        <v>0</v>
      </c>
      <c r="BI31" s="114">
        <v>212127</v>
      </c>
      <c r="BJ31" s="114">
        <v>228167</v>
      </c>
      <c r="BK31" s="114">
        <v>198899</v>
      </c>
      <c r="BL31" s="114">
        <v>17933</v>
      </c>
      <c r="BM31" s="114">
        <v>73035</v>
      </c>
      <c r="BN31" s="113">
        <v>730161</v>
      </c>
      <c r="BO31" s="116">
        <v>759879</v>
      </c>
      <c r="BP31" s="110">
        <v>154286</v>
      </c>
      <c r="BQ31" s="114">
        <v>36051</v>
      </c>
      <c r="BR31" s="113">
        <v>190337</v>
      </c>
      <c r="BS31" s="110">
        <v>0</v>
      </c>
      <c r="BT31" s="114">
        <v>753202</v>
      </c>
      <c r="BU31" s="114">
        <v>739601</v>
      </c>
      <c r="BV31" s="114">
        <v>963554</v>
      </c>
      <c r="BW31" s="114">
        <v>831913</v>
      </c>
      <c r="BX31" s="114">
        <v>755318</v>
      </c>
      <c r="BY31" s="113">
        <v>4043588</v>
      </c>
      <c r="BZ31" s="116">
        <v>4233925</v>
      </c>
      <c r="CA31" s="110">
        <v>66501</v>
      </c>
      <c r="CB31" s="114">
        <v>197598</v>
      </c>
      <c r="CC31" s="113">
        <v>264099</v>
      </c>
      <c r="CD31" s="110">
        <v>0</v>
      </c>
      <c r="CE31" s="114">
        <v>7027954</v>
      </c>
      <c r="CF31" s="114">
        <v>7118511</v>
      </c>
      <c r="CG31" s="114">
        <v>5227088</v>
      </c>
      <c r="CH31" s="114">
        <v>2750731</v>
      </c>
      <c r="CI31" s="114">
        <v>3138717</v>
      </c>
      <c r="CJ31" s="113">
        <v>25263001</v>
      </c>
      <c r="CK31" s="116">
        <v>25527100</v>
      </c>
      <c r="CL31" s="110">
        <v>0</v>
      </c>
      <c r="CM31" s="114">
        <v>0</v>
      </c>
      <c r="CN31" s="113">
        <v>0</v>
      </c>
      <c r="CO31" s="111">
        <v>0</v>
      </c>
      <c r="CP31" s="114">
        <v>6009839</v>
      </c>
      <c r="CQ31" s="114">
        <v>5492023</v>
      </c>
      <c r="CR31" s="114">
        <v>3948760</v>
      </c>
      <c r="CS31" s="114">
        <v>2117892</v>
      </c>
      <c r="CT31" s="114">
        <v>2228800</v>
      </c>
      <c r="CU31" s="113">
        <v>19797314</v>
      </c>
      <c r="CV31" s="116">
        <v>19797314</v>
      </c>
      <c r="CW31" s="110">
        <v>66501</v>
      </c>
      <c r="CX31" s="114">
        <v>197598</v>
      </c>
      <c r="CY31" s="113">
        <v>264099</v>
      </c>
      <c r="CZ31" s="110">
        <v>0</v>
      </c>
      <c r="DA31" s="114">
        <v>1018115</v>
      </c>
      <c r="DB31" s="114">
        <v>1626488</v>
      </c>
      <c r="DC31" s="114">
        <v>1278328</v>
      </c>
      <c r="DD31" s="114">
        <v>632839</v>
      </c>
      <c r="DE31" s="114">
        <v>909917</v>
      </c>
      <c r="DF31" s="113">
        <v>5465687</v>
      </c>
      <c r="DG31" s="116">
        <v>5729786</v>
      </c>
      <c r="DH31" s="110">
        <v>0</v>
      </c>
      <c r="DI31" s="114">
        <v>109543</v>
      </c>
      <c r="DJ31" s="112">
        <v>109543</v>
      </c>
      <c r="DK31" s="111">
        <v>0</v>
      </c>
      <c r="DL31" s="114">
        <v>522621</v>
      </c>
      <c r="DM31" s="114">
        <v>871376</v>
      </c>
      <c r="DN31" s="114">
        <v>1368513</v>
      </c>
      <c r="DO31" s="114">
        <v>2319834</v>
      </c>
      <c r="DP31" s="114">
        <v>1471523</v>
      </c>
      <c r="DQ31" s="113">
        <v>6553867</v>
      </c>
      <c r="DR31" s="116">
        <v>6663410</v>
      </c>
      <c r="DS31" s="110">
        <v>0</v>
      </c>
      <c r="DT31" s="114">
        <v>109543</v>
      </c>
      <c r="DU31" s="113">
        <v>109543</v>
      </c>
      <c r="DV31" s="110">
        <v>0</v>
      </c>
      <c r="DW31" s="114">
        <v>462238</v>
      </c>
      <c r="DX31" s="114">
        <v>772681</v>
      </c>
      <c r="DY31" s="114">
        <v>1150753</v>
      </c>
      <c r="DZ31" s="114">
        <v>2047168</v>
      </c>
      <c r="EA31" s="114">
        <v>1271860</v>
      </c>
      <c r="EB31" s="113">
        <v>5704700</v>
      </c>
      <c r="EC31" s="116">
        <v>5814243</v>
      </c>
      <c r="ED31" s="110">
        <v>0</v>
      </c>
      <c r="EE31" s="112">
        <v>0</v>
      </c>
      <c r="EF31" s="113">
        <v>0</v>
      </c>
      <c r="EG31" s="110">
        <v>0</v>
      </c>
      <c r="EH31" s="114">
        <v>60383</v>
      </c>
      <c r="EI31" s="114">
        <v>98695</v>
      </c>
      <c r="EJ31" s="114">
        <v>217760</v>
      </c>
      <c r="EK31" s="114">
        <v>272666</v>
      </c>
      <c r="EL31" s="114">
        <v>199663</v>
      </c>
      <c r="EM31" s="112">
        <v>849167</v>
      </c>
      <c r="EN31" s="116">
        <v>849167</v>
      </c>
      <c r="EO31" s="110">
        <v>0</v>
      </c>
      <c r="EP31" s="114">
        <v>0</v>
      </c>
      <c r="EQ31" s="112">
        <v>0</v>
      </c>
      <c r="ER31" s="111">
        <v>0</v>
      </c>
      <c r="ES31" s="114">
        <v>0</v>
      </c>
      <c r="ET31" s="114">
        <v>0</v>
      </c>
      <c r="EU31" s="114">
        <v>0</v>
      </c>
      <c r="EV31" s="114">
        <v>0</v>
      </c>
      <c r="EW31" s="114">
        <v>0</v>
      </c>
      <c r="EX31" s="113">
        <v>0</v>
      </c>
      <c r="EY31" s="116">
        <v>0</v>
      </c>
      <c r="EZ31" s="110">
        <v>0</v>
      </c>
      <c r="FA31" s="114">
        <v>0</v>
      </c>
      <c r="FB31" s="112">
        <v>0</v>
      </c>
      <c r="FC31" s="348"/>
      <c r="FD31" s="114">
        <v>0</v>
      </c>
      <c r="FE31" s="114">
        <v>0</v>
      </c>
      <c r="FF31" s="114">
        <v>0</v>
      </c>
      <c r="FG31" s="114">
        <v>0</v>
      </c>
      <c r="FH31" s="114">
        <v>0</v>
      </c>
      <c r="FI31" s="113">
        <v>0</v>
      </c>
      <c r="FJ31" s="116">
        <v>0</v>
      </c>
      <c r="FK31" s="110">
        <v>308280</v>
      </c>
      <c r="FL31" s="114">
        <v>491897</v>
      </c>
      <c r="FM31" s="113">
        <v>800177</v>
      </c>
      <c r="FN31" s="110">
        <v>0</v>
      </c>
      <c r="FO31" s="114">
        <v>1178137</v>
      </c>
      <c r="FP31" s="114">
        <v>2606020</v>
      </c>
      <c r="FQ31" s="114">
        <v>2006757</v>
      </c>
      <c r="FR31" s="114">
        <v>1660977</v>
      </c>
      <c r="FS31" s="114">
        <v>1994628</v>
      </c>
      <c r="FT31" s="113">
        <v>9446519</v>
      </c>
      <c r="FU31" s="116">
        <v>10246696</v>
      </c>
      <c r="FV31" s="115">
        <v>231780</v>
      </c>
      <c r="FW31" s="114">
        <v>491897</v>
      </c>
      <c r="FX31" s="112">
        <v>723677</v>
      </c>
      <c r="FY31" s="111">
        <v>0</v>
      </c>
      <c r="FZ31" s="114">
        <v>1084813</v>
      </c>
      <c r="GA31" s="114">
        <v>2278338</v>
      </c>
      <c r="GB31" s="114">
        <v>1577496</v>
      </c>
      <c r="GC31" s="114">
        <v>1514250</v>
      </c>
      <c r="GD31" s="114">
        <v>1724628</v>
      </c>
      <c r="GE31" s="113">
        <v>8179525</v>
      </c>
      <c r="GF31" s="319">
        <v>8903202</v>
      </c>
      <c r="GG31" s="115">
        <v>0</v>
      </c>
      <c r="GH31" s="114">
        <v>0</v>
      </c>
      <c r="GI31" s="112">
        <v>0</v>
      </c>
      <c r="GJ31" s="111">
        <v>0</v>
      </c>
      <c r="GK31" s="114">
        <v>93324</v>
      </c>
      <c r="GL31" s="114">
        <v>30888</v>
      </c>
      <c r="GM31" s="114">
        <v>52404</v>
      </c>
      <c r="GN31" s="114">
        <v>146727</v>
      </c>
      <c r="GO31" s="114">
        <v>90000</v>
      </c>
      <c r="GP31" s="113">
        <v>413343</v>
      </c>
      <c r="GQ31" s="116">
        <v>413343</v>
      </c>
      <c r="GR31" s="110">
        <v>76500</v>
      </c>
      <c r="GS31" s="114">
        <v>0</v>
      </c>
      <c r="GT31" s="113">
        <v>76500</v>
      </c>
      <c r="GU31" s="110">
        <v>0</v>
      </c>
      <c r="GV31" s="114">
        <v>0</v>
      </c>
      <c r="GW31" s="114">
        <v>296794</v>
      </c>
      <c r="GX31" s="114">
        <v>376857</v>
      </c>
      <c r="GY31" s="114">
        <v>0</v>
      </c>
      <c r="GZ31" s="114">
        <v>180000</v>
      </c>
      <c r="HA31" s="112">
        <v>853651</v>
      </c>
      <c r="HB31" s="116">
        <v>930151</v>
      </c>
      <c r="HC31" s="110">
        <v>667965</v>
      </c>
      <c r="HD31" s="114">
        <v>77914</v>
      </c>
      <c r="HE31" s="112">
        <v>745879</v>
      </c>
      <c r="HF31" s="111">
        <v>0</v>
      </c>
      <c r="HG31" s="114">
        <v>3639289</v>
      </c>
      <c r="HH31" s="114">
        <v>3996256</v>
      </c>
      <c r="HI31" s="114">
        <v>4181938</v>
      </c>
      <c r="HJ31" s="114">
        <v>4976595</v>
      </c>
      <c r="HK31" s="114">
        <v>2368976</v>
      </c>
      <c r="HL31" s="113">
        <v>19163054</v>
      </c>
      <c r="HM31" s="109">
        <v>19908933</v>
      </c>
      <c r="HN31" s="115">
        <v>374429</v>
      </c>
      <c r="HO31" s="114">
        <v>481549</v>
      </c>
      <c r="HP31" s="113">
        <v>855978</v>
      </c>
      <c r="HQ31" s="110">
        <v>0</v>
      </c>
      <c r="HR31" s="114">
        <v>4312297</v>
      </c>
      <c r="HS31" s="114">
        <v>3361438</v>
      </c>
      <c r="HT31" s="114">
        <v>2354080</v>
      </c>
      <c r="HU31" s="114">
        <v>1642055</v>
      </c>
      <c r="HV31" s="114">
        <v>1356977</v>
      </c>
      <c r="HW31" s="112">
        <v>13026847</v>
      </c>
      <c r="HX31" s="116">
        <v>13882825</v>
      </c>
      <c r="HY31" s="131">
        <v>105462</v>
      </c>
      <c r="HZ31" s="132">
        <v>0</v>
      </c>
      <c r="IA31" s="133">
        <v>105462</v>
      </c>
      <c r="IB31" s="146">
        <v>0</v>
      </c>
      <c r="IC31" s="132">
        <v>5625847</v>
      </c>
      <c r="ID31" s="147">
        <v>6175143</v>
      </c>
      <c r="IE31" s="133">
        <v>8444388</v>
      </c>
      <c r="IF31" s="132">
        <v>3817104</v>
      </c>
      <c r="IG31" s="133">
        <v>4108964</v>
      </c>
      <c r="IH31" s="148">
        <v>28171446</v>
      </c>
      <c r="II31" s="139">
        <v>28276908</v>
      </c>
      <c r="IJ31" s="232">
        <v>0</v>
      </c>
      <c r="IK31" s="236">
        <v>0</v>
      </c>
      <c r="IL31" s="237">
        <v>0</v>
      </c>
      <c r="IM31" s="140"/>
      <c r="IN31" s="119">
        <v>0</v>
      </c>
      <c r="IO31" s="119">
        <v>0</v>
      </c>
      <c r="IP31" s="119">
        <v>0</v>
      </c>
      <c r="IQ31" s="119">
        <v>0</v>
      </c>
      <c r="IR31" s="119">
        <v>0</v>
      </c>
      <c r="IS31" s="141">
        <v>0</v>
      </c>
      <c r="IT31" s="321">
        <v>0</v>
      </c>
      <c r="IU31" s="142">
        <v>0</v>
      </c>
      <c r="IV31" s="119">
        <v>0</v>
      </c>
      <c r="IW31" s="120">
        <v>0</v>
      </c>
      <c r="IX31" s="144"/>
      <c r="IY31" s="119">
        <v>0</v>
      </c>
      <c r="IZ31" s="119">
        <v>0</v>
      </c>
      <c r="JA31" s="119">
        <v>0</v>
      </c>
      <c r="JB31" s="119">
        <v>0</v>
      </c>
      <c r="JC31" s="119">
        <v>0</v>
      </c>
      <c r="JD31" s="120">
        <v>0</v>
      </c>
      <c r="JE31" s="121">
        <v>0</v>
      </c>
      <c r="JF31" s="142">
        <v>0</v>
      </c>
      <c r="JG31" s="119">
        <v>0</v>
      </c>
      <c r="JH31" s="141">
        <v>0</v>
      </c>
      <c r="JI31" s="118">
        <v>0</v>
      </c>
      <c r="JJ31" s="119">
        <v>1886765</v>
      </c>
      <c r="JK31" s="119">
        <v>2490293</v>
      </c>
      <c r="JL31" s="119">
        <v>1505793</v>
      </c>
      <c r="JM31" s="119">
        <v>1142504</v>
      </c>
      <c r="JN31" s="119">
        <v>1496247</v>
      </c>
      <c r="JO31" s="120">
        <v>8521602</v>
      </c>
      <c r="JP31" s="321">
        <v>8521602</v>
      </c>
      <c r="JQ31" s="142">
        <v>0</v>
      </c>
      <c r="JR31" s="119">
        <v>0</v>
      </c>
      <c r="JS31" s="141">
        <v>0</v>
      </c>
      <c r="JT31" s="118">
        <v>0</v>
      </c>
      <c r="JU31" s="119">
        <v>75249</v>
      </c>
      <c r="JV31" s="119">
        <v>236309</v>
      </c>
      <c r="JW31" s="119">
        <v>1180714</v>
      </c>
      <c r="JX31" s="119">
        <v>154079</v>
      </c>
      <c r="JY31" s="119">
        <v>362273</v>
      </c>
      <c r="JZ31" s="120">
        <v>2008624</v>
      </c>
      <c r="KA31" s="321">
        <v>2008624</v>
      </c>
      <c r="KB31" s="234">
        <v>105462</v>
      </c>
      <c r="KC31" s="230">
        <v>0</v>
      </c>
      <c r="KD31" s="120">
        <v>105462</v>
      </c>
      <c r="KE31" s="118">
        <v>0</v>
      </c>
      <c r="KF31" s="119">
        <v>1239727</v>
      </c>
      <c r="KG31" s="119">
        <v>1129216</v>
      </c>
      <c r="KH31" s="119">
        <v>915953</v>
      </c>
      <c r="KI31" s="119">
        <v>282805</v>
      </c>
      <c r="KJ31" s="119">
        <v>951972</v>
      </c>
      <c r="KK31" s="120">
        <v>4519673</v>
      </c>
      <c r="KL31" s="143">
        <v>4625135</v>
      </c>
      <c r="KM31" s="232">
        <v>0</v>
      </c>
      <c r="KN31" s="236">
        <v>0</v>
      </c>
      <c r="KO31" s="237">
        <v>0</v>
      </c>
      <c r="KP31" s="140"/>
      <c r="KQ31" s="119">
        <v>2424106</v>
      </c>
      <c r="KR31" s="119">
        <v>2087992</v>
      </c>
      <c r="KS31" s="119">
        <v>4841928</v>
      </c>
      <c r="KT31" s="119">
        <v>2237716</v>
      </c>
      <c r="KU31" s="119">
        <v>1298472</v>
      </c>
      <c r="KV31" s="120">
        <v>12890214</v>
      </c>
      <c r="KW31" s="321">
        <v>12890214</v>
      </c>
      <c r="KX31" s="142">
        <v>0</v>
      </c>
      <c r="KY31" s="119">
        <v>0</v>
      </c>
      <c r="KZ31" s="120">
        <v>0</v>
      </c>
      <c r="LA31" s="145"/>
      <c r="LB31" s="119">
        <v>0</v>
      </c>
      <c r="LC31" s="119">
        <v>0</v>
      </c>
      <c r="LD31" s="119">
        <v>0</v>
      </c>
      <c r="LE31" s="119">
        <v>0</v>
      </c>
      <c r="LF31" s="119">
        <v>0</v>
      </c>
      <c r="LG31" s="120">
        <v>0</v>
      </c>
      <c r="LH31" s="121">
        <v>0</v>
      </c>
      <c r="LI31" s="142">
        <v>0</v>
      </c>
      <c r="LJ31" s="119">
        <v>0</v>
      </c>
      <c r="LK31" s="120">
        <v>0</v>
      </c>
      <c r="LL31" s="145"/>
      <c r="LM31" s="119">
        <v>0</v>
      </c>
      <c r="LN31" s="119">
        <v>231333</v>
      </c>
      <c r="LO31" s="119">
        <v>0</v>
      </c>
      <c r="LP31" s="119">
        <v>0</v>
      </c>
      <c r="LQ31" s="119">
        <v>0</v>
      </c>
      <c r="LR31" s="120">
        <v>231333</v>
      </c>
      <c r="LS31" s="321">
        <v>231333</v>
      </c>
      <c r="LT31" s="142">
        <v>0</v>
      </c>
      <c r="LU31" s="119">
        <v>0</v>
      </c>
      <c r="LV31" s="120">
        <v>0</v>
      </c>
      <c r="LW31" s="145"/>
      <c r="LX31" s="119">
        <v>0</v>
      </c>
      <c r="LY31" s="119">
        <v>0</v>
      </c>
      <c r="LZ31" s="119">
        <v>0</v>
      </c>
      <c r="MA31" s="119">
        <v>0</v>
      </c>
      <c r="MB31" s="119">
        <v>0</v>
      </c>
      <c r="MC31" s="120">
        <v>0</v>
      </c>
      <c r="MD31" s="121">
        <v>0</v>
      </c>
      <c r="ME31" s="142">
        <v>0</v>
      </c>
      <c r="MF31" s="119">
        <v>0</v>
      </c>
      <c r="MG31" s="120">
        <v>0</v>
      </c>
      <c r="MH31" s="145"/>
      <c r="MI31" s="119">
        <v>3045452</v>
      </c>
      <c r="MJ31" s="119">
        <v>7584049</v>
      </c>
      <c r="MK31" s="119">
        <v>16780619</v>
      </c>
      <c r="ML31" s="119">
        <v>23186140</v>
      </c>
      <c r="MM31" s="119">
        <v>26822215</v>
      </c>
      <c r="MN31" s="120">
        <v>77418475</v>
      </c>
      <c r="MO31" s="143">
        <v>77418475</v>
      </c>
      <c r="MP31" s="142">
        <v>0</v>
      </c>
      <c r="MQ31" s="119">
        <v>0</v>
      </c>
      <c r="MR31" s="120">
        <v>0</v>
      </c>
      <c r="MS31" s="145"/>
      <c r="MT31" s="119">
        <v>211555</v>
      </c>
      <c r="MU31" s="119">
        <v>999989</v>
      </c>
      <c r="MV31" s="119">
        <v>9658565</v>
      </c>
      <c r="MW31" s="119">
        <v>17408267</v>
      </c>
      <c r="MX31" s="119">
        <v>15666157</v>
      </c>
      <c r="MY31" s="120">
        <v>43944533</v>
      </c>
      <c r="MZ31" s="143">
        <v>43944533</v>
      </c>
      <c r="NA31" s="142">
        <v>0</v>
      </c>
      <c r="NB31" s="119">
        <v>0</v>
      </c>
      <c r="NC31" s="120">
        <v>0</v>
      </c>
      <c r="ND31" s="145"/>
      <c r="NE31" s="119">
        <v>2833897</v>
      </c>
      <c r="NF31" s="119">
        <v>6584060</v>
      </c>
      <c r="NG31" s="119">
        <v>7122054</v>
      </c>
      <c r="NH31" s="119">
        <v>5777873</v>
      </c>
      <c r="NI31" s="119">
        <v>3051076</v>
      </c>
      <c r="NJ31" s="120">
        <v>25368960</v>
      </c>
      <c r="NK31" s="321">
        <v>25368960</v>
      </c>
      <c r="NL31" s="142">
        <v>0</v>
      </c>
      <c r="NM31" s="119">
        <v>0</v>
      </c>
      <c r="NN31" s="120">
        <v>0</v>
      </c>
      <c r="NO31" s="145"/>
      <c r="NP31" s="119">
        <v>0</v>
      </c>
      <c r="NQ31" s="119">
        <v>0</v>
      </c>
      <c r="NR31" s="119">
        <v>0</v>
      </c>
      <c r="NS31" s="119">
        <v>0</v>
      </c>
      <c r="NT31" s="119">
        <v>0</v>
      </c>
      <c r="NU31" s="120">
        <v>0</v>
      </c>
      <c r="NV31" s="121">
        <v>0</v>
      </c>
      <c r="NW31" s="142">
        <v>0</v>
      </c>
      <c r="NX31" s="119">
        <v>0</v>
      </c>
      <c r="NY31" s="120">
        <v>0</v>
      </c>
      <c r="NZ31" s="145"/>
      <c r="OA31" s="119">
        <v>0</v>
      </c>
      <c r="OB31" s="119">
        <v>0</v>
      </c>
      <c r="OC31" s="119">
        <v>0</v>
      </c>
      <c r="OD31" s="119">
        <v>0</v>
      </c>
      <c r="OE31" s="119">
        <v>8104982</v>
      </c>
      <c r="OF31" s="120">
        <v>8104982</v>
      </c>
      <c r="OG31" s="121">
        <v>8104982</v>
      </c>
      <c r="OH31" s="142">
        <v>1969739</v>
      </c>
      <c r="OI31" s="119">
        <v>1984387</v>
      </c>
      <c r="OJ31" s="141">
        <v>3954126</v>
      </c>
      <c r="OK31" s="118">
        <v>0</v>
      </c>
      <c r="OL31" s="119">
        <v>31796441</v>
      </c>
      <c r="OM31" s="119">
        <v>39030548</v>
      </c>
      <c r="ON31" s="119">
        <v>46057446</v>
      </c>
      <c r="OO31" s="119">
        <v>49879199</v>
      </c>
      <c r="OP31" s="119">
        <v>53539028</v>
      </c>
      <c r="OQ31" s="120">
        <v>220302662</v>
      </c>
      <c r="OR31" s="143">
        <v>224256788</v>
      </c>
    </row>
    <row r="32" spans="1:408" ht="18.75" customHeight="1" x14ac:dyDescent="0.2">
      <c r="A32" s="62" t="s">
        <v>27</v>
      </c>
      <c r="B32" s="110">
        <v>2785983</v>
      </c>
      <c r="C32" s="114">
        <v>5554873</v>
      </c>
      <c r="D32" s="113">
        <v>8340856</v>
      </c>
      <c r="E32" s="109">
        <v>0</v>
      </c>
      <c r="F32" s="114">
        <v>20616461</v>
      </c>
      <c r="G32" s="114">
        <v>22541257</v>
      </c>
      <c r="H32" s="114">
        <v>23155531</v>
      </c>
      <c r="I32" s="114">
        <v>24126332</v>
      </c>
      <c r="J32" s="114">
        <v>14776190</v>
      </c>
      <c r="K32" s="173">
        <v>105215771</v>
      </c>
      <c r="L32" s="116">
        <v>113556627</v>
      </c>
      <c r="M32" s="110">
        <v>672781</v>
      </c>
      <c r="N32" s="114">
        <v>1350039</v>
      </c>
      <c r="O32" s="113">
        <v>2022820</v>
      </c>
      <c r="P32" s="110">
        <v>0</v>
      </c>
      <c r="Q32" s="114">
        <v>4768042</v>
      </c>
      <c r="R32" s="114">
        <v>4815926</v>
      </c>
      <c r="S32" s="114">
        <v>7102527</v>
      </c>
      <c r="T32" s="114">
        <v>8122788</v>
      </c>
      <c r="U32" s="114">
        <v>7320074</v>
      </c>
      <c r="V32" s="113">
        <v>32129357</v>
      </c>
      <c r="W32" s="116">
        <v>34152177</v>
      </c>
      <c r="X32" s="110">
        <v>0</v>
      </c>
      <c r="Y32" s="114">
        <v>0</v>
      </c>
      <c r="Z32" s="113">
        <v>0</v>
      </c>
      <c r="AA32" s="110">
        <v>0</v>
      </c>
      <c r="AB32" s="114">
        <v>2772100</v>
      </c>
      <c r="AC32" s="114">
        <v>2476652</v>
      </c>
      <c r="AD32" s="114">
        <v>4362414</v>
      </c>
      <c r="AE32" s="114">
        <v>4415374</v>
      </c>
      <c r="AF32" s="114">
        <v>4168726</v>
      </c>
      <c r="AG32" s="113">
        <v>18195266</v>
      </c>
      <c r="AH32" s="116">
        <v>18195266</v>
      </c>
      <c r="AI32" s="110">
        <v>0</v>
      </c>
      <c r="AJ32" s="114">
        <v>0</v>
      </c>
      <c r="AK32" s="113">
        <v>0</v>
      </c>
      <c r="AL32" s="110">
        <v>0</v>
      </c>
      <c r="AM32" s="114">
        <v>11572</v>
      </c>
      <c r="AN32" s="114">
        <v>126302</v>
      </c>
      <c r="AO32" s="114">
        <v>291050</v>
      </c>
      <c r="AP32" s="114">
        <v>801954</v>
      </c>
      <c r="AQ32" s="114">
        <v>793015</v>
      </c>
      <c r="AR32" s="113">
        <v>2023893</v>
      </c>
      <c r="AS32" s="116">
        <v>2023893</v>
      </c>
      <c r="AT32" s="110">
        <v>548974</v>
      </c>
      <c r="AU32" s="114">
        <v>1009674</v>
      </c>
      <c r="AV32" s="113">
        <v>1558648</v>
      </c>
      <c r="AW32" s="110">
        <v>0</v>
      </c>
      <c r="AX32" s="114">
        <v>1155599</v>
      </c>
      <c r="AY32" s="114">
        <v>1446573</v>
      </c>
      <c r="AZ32" s="114">
        <v>1390359</v>
      </c>
      <c r="BA32" s="114">
        <v>1939438</v>
      </c>
      <c r="BB32" s="114">
        <v>1825218</v>
      </c>
      <c r="BC32" s="113">
        <v>7757187</v>
      </c>
      <c r="BD32" s="116">
        <v>9315835</v>
      </c>
      <c r="BE32" s="110">
        <v>0</v>
      </c>
      <c r="BF32" s="114">
        <v>114780</v>
      </c>
      <c r="BG32" s="112">
        <v>114780</v>
      </c>
      <c r="BH32" s="111">
        <v>0</v>
      </c>
      <c r="BI32" s="114">
        <v>0</v>
      </c>
      <c r="BJ32" s="114">
        <v>35550</v>
      </c>
      <c r="BK32" s="114">
        <v>35550</v>
      </c>
      <c r="BL32" s="114">
        <v>0</v>
      </c>
      <c r="BM32" s="114">
        <v>28541</v>
      </c>
      <c r="BN32" s="113">
        <v>99641</v>
      </c>
      <c r="BO32" s="116">
        <v>214421</v>
      </c>
      <c r="BP32" s="110">
        <v>123807</v>
      </c>
      <c r="BQ32" s="114">
        <v>225585</v>
      </c>
      <c r="BR32" s="113">
        <v>349392</v>
      </c>
      <c r="BS32" s="110">
        <v>0</v>
      </c>
      <c r="BT32" s="114">
        <v>828771</v>
      </c>
      <c r="BU32" s="114">
        <v>730849</v>
      </c>
      <c r="BV32" s="114">
        <v>1023154</v>
      </c>
      <c r="BW32" s="114">
        <v>966022</v>
      </c>
      <c r="BX32" s="114">
        <v>504574</v>
      </c>
      <c r="BY32" s="113">
        <v>4053370</v>
      </c>
      <c r="BZ32" s="116">
        <v>4402762</v>
      </c>
      <c r="CA32" s="110">
        <v>186081</v>
      </c>
      <c r="CB32" s="114">
        <v>995094</v>
      </c>
      <c r="CC32" s="113">
        <v>1181175</v>
      </c>
      <c r="CD32" s="110">
        <v>0</v>
      </c>
      <c r="CE32" s="114">
        <v>6784591</v>
      </c>
      <c r="CF32" s="114">
        <v>6776559</v>
      </c>
      <c r="CG32" s="114">
        <v>4101475</v>
      </c>
      <c r="CH32" s="114">
        <v>3347328</v>
      </c>
      <c r="CI32" s="114">
        <v>2061269</v>
      </c>
      <c r="CJ32" s="113">
        <v>23071222</v>
      </c>
      <c r="CK32" s="116">
        <v>24252397</v>
      </c>
      <c r="CL32" s="110">
        <v>0</v>
      </c>
      <c r="CM32" s="114">
        <v>0</v>
      </c>
      <c r="CN32" s="113">
        <v>0</v>
      </c>
      <c r="CO32" s="111">
        <v>0</v>
      </c>
      <c r="CP32" s="114">
        <v>5768146</v>
      </c>
      <c r="CQ32" s="114">
        <v>5348534</v>
      </c>
      <c r="CR32" s="114">
        <v>3369989</v>
      </c>
      <c r="CS32" s="114">
        <v>2822738</v>
      </c>
      <c r="CT32" s="114">
        <v>1704662</v>
      </c>
      <c r="CU32" s="113">
        <v>19014069</v>
      </c>
      <c r="CV32" s="116">
        <v>19014069</v>
      </c>
      <c r="CW32" s="110">
        <v>186081</v>
      </c>
      <c r="CX32" s="114">
        <v>995094</v>
      </c>
      <c r="CY32" s="113">
        <v>1181175</v>
      </c>
      <c r="CZ32" s="110">
        <v>0</v>
      </c>
      <c r="DA32" s="114">
        <v>1016445</v>
      </c>
      <c r="DB32" s="114">
        <v>1428025</v>
      </c>
      <c r="DC32" s="114">
        <v>731486</v>
      </c>
      <c r="DD32" s="114">
        <v>524590</v>
      </c>
      <c r="DE32" s="114">
        <v>356607</v>
      </c>
      <c r="DF32" s="113">
        <v>4057153</v>
      </c>
      <c r="DG32" s="116">
        <v>5238328</v>
      </c>
      <c r="DH32" s="110">
        <v>0</v>
      </c>
      <c r="DI32" s="114">
        <v>21531</v>
      </c>
      <c r="DJ32" s="112">
        <v>21531</v>
      </c>
      <c r="DK32" s="111">
        <v>0</v>
      </c>
      <c r="DL32" s="114">
        <v>519577</v>
      </c>
      <c r="DM32" s="114">
        <v>831611</v>
      </c>
      <c r="DN32" s="114">
        <v>1152660</v>
      </c>
      <c r="DO32" s="114">
        <v>915362</v>
      </c>
      <c r="DP32" s="114">
        <v>700003</v>
      </c>
      <c r="DQ32" s="113">
        <v>4119213</v>
      </c>
      <c r="DR32" s="116">
        <v>4140744</v>
      </c>
      <c r="DS32" s="110">
        <v>0</v>
      </c>
      <c r="DT32" s="114">
        <v>21531</v>
      </c>
      <c r="DU32" s="113">
        <v>21531</v>
      </c>
      <c r="DV32" s="110">
        <v>0</v>
      </c>
      <c r="DW32" s="114">
        <v>340813</v>
      </c>
      <c r="DX32" s="114">
        <v>809426</v>
      </c>
      <c r="DY32" s="114">
        <v>1067144</v>
      </c>
      <c r="DZ32" s="114">
        <v>671034</v>
      </c>
      <c r="EA32" s="114">
        <v>428982</v>
      </c>
      <c r="EB32" s="113">
        <v>3317399</v>
      </c>
      <c r="EC32" s="116">
        <v>3338930</v>
      </c>
      <c r="ED32" s="110">
        <v>0</v>
      </c>
      <c r="EE32" s="112">
        <v>0</v>
      </c>
      <c r="EF32" s="113">
        <v>0</v>
      </c>
      <c r="EG32" s="110">
        <v>0</v>
      </c>
      <c r="EH32" s="114">
        <v>178764</v>
      </c>
      <c r="EI32" s="114">
        <v>22185</v>
      </c>
      <c r="EJ32" s="114">
        <v>85516</v>
      </c>
      <c r="EK32" s="114">
        <v>244328</v>
      </c>
      <c r="EL32" s="114">
        <v>271021</v>
      </c>
      <c r="EM32" s="112">
        <v>801814</v>
      </c>
      <c r="EN32" s="116">
        <v>801814</v>
      </c>
      <c r="EO32" s="110">
        <v>0</v>
      </c>
      <c r="EP32" s="114">
        <v>0</v>
      </c>
      <c r="EQ32" s="112">
        <v>0</v>
      </c>
      <c r="ER32" s="111">
        <v>0</v>
      </c>
      <c r="ES32" s="114">
        <v>0</v>
      </c>
      <c r="ET32" s="114">
        <v>0</v>
      </c>
      <c r="EU32" s="114">
        <v>0</v>
      </c>
      <c r="EV32" s="114">
        <v>0</v>
      </c>
      <c r="EW32" s="114">
        <v>0</v>
      </c>
      <c r="EX32" s="113">
        <v>0</v>
      </c>
      <c r="EY32" s="116">
        <v>0</v>
      </c>
      <c r="EZ32" s="110">
        <v>0</v>
      </c>
      <c r="FA32" s="114">
        <v>0</v>
      </c>
      <c r="FB32" s="112">
        <v>0</v>
      </c>
      <c r="FC32" s="348"/>
      <c r="FD32" s="114">
        <v>0</v>
      </c>
      <c r="FE32" s="114">
        <v>0</v>
      </c>
      <c r="FF32" s="114">
        <v>0</v>
      </c>
      <c r="FG32" s="114">
        <v>0</v>
      </c>
      <c r="FH32" s="114">
        <v>0</v>
      </c>
      <c r="FI32" s="113">
        <v>0</v>
      </c>
      <c r="FJ32" s="116">
        <v>0</v>
      </c>
      <c r="FK32" s="110">
        <v>758908</v>
      </c>
      <c r="FL32" s="114">
        <v>1071440</v>
      </c>
      <c r="FM32" s="113">
        <v>1830348</v>
      </c>
      <c r="FN32" s="110">
        <v>0</v>
      </c>
      <c r="FO32" s="114">
        <v>399638</v>
      </c>
      <c r="FP32" s="114">
        <v>1922302</v>
      </c>
      <c r="FQ32" s="114">
        <v>1530466</v>
      </c>
      <c r="FR32" s="114">
        <v>1335914</v>
      </c>
      <c r="FS32" s="114">
        <v>1214221</v>
      </c>
      <c r="FT32" s="113">
        <v>6402541</v>
      </c>
      <c r="FU32" s="116">
        <v>8232889</v>
      </c>
      <c r="FV32" s="115">
        <v>350983</v>
      </c>
      <c r="FW32" s="114">
        <v>716470</v>
      </c>
      <c r="FX32" s="112">
        <v>1067453</v>
      </c>
      <c r="FY32" s="111">
        <v>0</v>
      </c>
      <c r="FZ32" s="114">
        <v>361138</v>
      </c>
      <c r="GA32" s="114">
        <v>1829737</v>
      </c>
      <c r="GB32" s="114">
        <v>1407918</v>
      </c>
      <c r="GC32" s="114">
        <v>1244042</v>
      </c>
      <c r="GD32" s="114">
        <v>1106455</v>
      </c>
      <c r="GE32" s="113">
        <v>5949290</v>
      </c>
      <c r="GF32" s="319">
        <v>7016743</v>
      </c>
      <c r="GG32" s="115">
        <v>21384</v>
      </c>
      <c r="GH32" s="114">
        <v>115060</v>
      </c>
      <c r="GI32" s="112">
        <v>136444</v>
      </c>
      <c r="GJ32" s="111">
        <v>0</v>
      </c>
      <c r="GK32" s="114">
        <v>0</v>
      </c>
      <c r="GL32" s="114">
        <v>0</v>
      </c>
      <c r="GM32" s="114">
        <v>79428</v>
      </c>
      <c r="GN32" s="114">
        <v>91872</v>
      </c>
      <c r="GO32" s="114">
        <v>107766</v>
      </c>
      <c r="GP32" s="113">
        <v>279066</v>
      </c>
      <c r="GQ32" s="116">
        <v>415510</v>
      </c>
      <c r="GR32" s="110">
        <v>386541</v>
      </c>
      <c r="GS32" s="114">
        <v>239910</v>
      </c>
      <c r="GT32" s="113">
        <v>626451</v>
      </c>
      <c r="GU32" s="110">
        <v>0</v>
      </c>
      <c r="GV32" s="114">
        <v>38500</v>
      </c>
      <c r="GW32" s="114">
        <v>92565</v>
      </c>
      <c r="GX32" s="114">
        <v>43120</v>
      </c>
      <c r="GY32" s="114">
        <v>0</v>
      </c>
      <c r="GZ32" s="114">
        <v>0</v>
      </c>
      <c r="HA32" s="112">
        <v>174185</v>
      </c>
      <c r="HB32" s="116">
        <v>800636</v>
      </c>
      <c r="HC32" s="110">
        <v>699409</v>
      </c>
      <c r="HD32" s="114">
        <v>1452818</v>
      </c>
      <c r="HE32" s="112">
        <v>2152227</v>
      </c>
      <c r="HF32" s="111">
        <v>0</v>
      </c>
      <c r="HG32" s="114">
        <v>5231155</v>
      </c>
      <c r="HH32" s="114">
        <v>5651573</v>
      </c>
      <c r="HI32" s="114">
        <v>7211513</v>
      </c>
      <c r="HJ32" s="114">
        <v>9086679</v>
      </c>
      <c r="HK32" s="114">
        <v>2684430</v>
      </c>
      <c r="HL32" s="113">
        <v>29865350</v>
      </c>
      <c r="HM32" s="109">
        <v>32017577</v>
      </c>
      <c r="HN32" s="115">
        <v>468804</v>
      </c>
      <c r="HO32" s="114">
        <v>663951</v>
      </c>
      <c r="HP32" s="113">
        <v>1132755</v>
      </c>
      <c r="HQ32" s="110">
        <v>0</v>
      </c>
      <c r="HR32" s="114">
        <v>2913458</v>
      </c>
      <c r="HS32" s="114">
        <v>2543286</v>
      </c>
      <c r="HT32" s="114">
        <v>2056890</v>
      </c>
      <c r="HU32" s="114">
        <v>1318261</v>
      </c>
      <c r="HV32" s="114">
        <v>796193</v>
      </c>
      <c r="HW32" s="112">
        <v>9628088</v>
      </c>
      <c r="HX32" s="116">
        <v>10760843</v>
      </c>
      <c r="HY32" s="150">
        <v>0</v>
      </c>
      <c r="HZ32" s="135">
        <v>0</v>
      </c>
      <c r="IA32" s="150">
        <v>0</v>
      </c>
      <c r="IB32" s="134">
        <v>0</v>
      </c>
      <c r="IC32" s="135">
        <v>6645596</v>
      </c>
      <c r="ID32" s="136">
        <v>2830378</v>
      </c>
      <c r="IE32" s="137">
        <v>5313721</v>
      </c>
      <c r="IF32" s="135">
        <v>2499642</v>
      </c>
      <c r="IG32" s="137">
        <v>1682931</v>
      </c>
      <c r="IH32" s="138">
        <v>18972268</v>
      </c>
      <c r="II32" s="150">
        <v>18972268</v>
      </c>
      <c r="IJ32" s="232">
        <v>0</v>
      </c>
      <c r="IK32" s="236">
        <v>0</v>
      </c>
      <c r="IL32" s="237">
        <v>0</v>
      </c>
      <c r="IM32" s="140"/>
      <c r="IN32" s="119">
        <v>0</v>
      </c>
      <c r="IO32" s="119">
        <v>107592</v>
      </c>
      <c r="IP32" s="119">
        <v>169722</v>
      </c>
      <c r="IQ32" s="119">
        <v>0</v>
      </c>
      <c r="IR32" s="119">
        <v>0</v>
      </c>
      <c r="IS32" s="141">
        <v>277314</v>
      </c>
      <c r="IT32" s="321">
        <v>277314</v>
      </c>
      <c r="IU32" s="142">
        <v>0</v>
      </c>
      <c r="IV32" s="119">
        <v>0</v>
      </c>
      <c r="IW32" s="120">
        <v>0</v>
      </c>
      <c r="IX32" s="144"/>
      <c r="IY32" s="119">
        <v>0</v>
      </c>
      <c r="IZ32" s="119">
        <v>0</v>
      </c>
      <c r="JA32" s="119">
        <v>0</v>
      </c>
      <c r="JB32" s="119">
        <v>0</v>
      </c>
      <c r="JC32" s="119">
        <v>0</v>
      </c>
      <c r="JD32" s="120">
        <v>0</v>
      </c>
      <c r="JE32" s="121">
        <v>0</v>
      </c>
      <c r="JF32" s="142">
        <v>0</v>
      </c>
      <c r="JG32" s="119">
        <v>0</v>
      </c>
      <c r="JH32" s="141">
        <v>0</v>
      </c>
      <c r="JI32" s="118">
        <v>0</v>
      </c>
      <c r="JJ32" s="119">
        <v>1846573</v>
      </c>
      <c r="JK32" s="119">
        <v>1170409</v>
      </c>
      <c r="JL32" s="119">
        <v>654767</v>
      </c>
      <c r="JM32" s="119">
        <v>34337</v>
      </c>
      <c r="JN32" s="119">
        <v>0</v>
      </c>
      <c r="JO32" s="120">
        <v>3706086</v>
      </c>
      <c r="JP32" s="321">
        <v>3706086</v>
      </c>
      <c r="JQ32" s="142">
        <v>0</v>
      </c>
      <c r="JR32" s="119">
        <v>0</v>
      </c>
      <c r="JS32" s="141">
        <v>0</v>
      </c>
      <c r="JT32" s="118">
        <v>0</v>
      </c>
      <c r="JU32" s="119">
        <v>360085</v>
      </c>
      <c r="JV32" s="119">
        <v>157968</v>
      </c>
      <c r="JW32" s="119">
        <v>116757</v>
      </c>
      <c r="JX32" s="119">
        <v>301653</v>
      </c>
      <c r="JY32" s="119">
        <v>60714</v>
      </c>
      <c r="JZ32" s="120">
        <v>997177</v>
      </c>
      <c r="KA32" s="321">
        <v>997177</v>
      </c>
      <c r="KB32" s="234">
        <v>0</v>
      </c>
      <c r="KC32" s="230">
        <v>0</v>
      </c>
      <c r="KD32" s="120">
        <v>0</v>
      </c>
      <c r="KE32" s="118">
        <v>0</v>
      </c>
      <c r="KF32" s="119">
        <v>0</v>
      </c>
      <c r="KG32" s="119">
        <v>194790</v>
      </c>
      <c r="KH32" s="119">
        <v>0</v>
      </c>
      <c r="KI32" s="119">
        <v>0</v>
      </c>
      <c r="KJ32" s="119">
        <v>0</v>
      </c>
      <c r="KK32" s="120">
        <v>194790</v>
      </c>
      <c r="KL32" s="143">
        <v>194790</v>
      </c>
      <c r="KM32" s="232">
        <v>0</v>
      </c>
      <c r="KN32" s="236">
        <v>0</v>
      </c>
      <c r="KO32" s="237">
        <v>0</v>
      </c>
      <c r="KP32" s="140"/>
      <c r="KQ32" s="119">
        <v>4438938</v>
      </c>
      <c r="KR32" s="119">
        <v>1199619</v>
      </c>
      <c r="KS32" s="119">
        <v>1598031</v>
      </c>
      <c r="KT32" s="119">
        <v>282933</v>
      </c>
      <c r="KU32" s="119">
        <v>753997</v>
      </c>
      <c r="KV32" s="120">
        <v>8273518</v>
      </c>
      <c r="KW32" s="321">
        <v>8273518</v>
      </c>
      <c r="KX32" s="142">
        <v>0</v>
      </c>
      <c r="KY32" s="119">
        <v>0</v>
      </c>
      <c r="KZ32" s="120">
        <v>0</v>
      </c>
      <c r="LA32" s="145"/>
      <c r="LB32" s="119">
        <v>0</v>
      </c>
      <c r="LC32" s="119">
        <v>0</v>
      </c>
      <c r="LD32" s="119">
        <v>0</v>
      </c>
      <c r="LE32" s="119">
        <v>0</v>
      </c>
      <c r="LF32" s="119">
        <v>0</v>
      </c>
      <c r="LG32" s="120">
        <v>0</v>
      </c>
      <c r="LH32" s="121">
        <v>0</v>
      </c>
      <c r="LI32" s="142">
        <v>0</v>
      </c>
      <c r="LJ32" s="119">
        <v>0</v>
      </c>
      <c r="LK32" s="120">
        <v>0</v>
      </c>
      <c r="LL32" s="145"/>
      <c r="LM32" s="119">
        <v>0</v>
      </c>
      <c r="LN32" s="119">
        <v>0</v>
      </c>
      <c r="LO32" s="119">
        <v>2494041</v>
      </c>
      <c r="LP32" s="119">
        <v>1880719</v>
      </c>
      <c r="LQ32" s="119">
        <v>868220</v>
      </c>
      <c r="LR32" s="120">
        <v>5242980</v>
      </c>
      <c r="LS32" s="321">
        <v>5242980</v>
      </c>
      <c r="LT32" s="142">
        <v>0</v>
      </c>
      <c r="LU32" s="119">
        <v>0</v>
      </c>
      <c r="LV32" s="120">
        <v>0</v>
      </c>
      <c r="LW32" s="145"/>
      <c r="LX32" s="119">
        <v>0</v>
      </c>
      <c r="LY32" s="119">
        <v>0</v>
      </c>
      <c r="LZ32" s="119">
        <v>280403</v>
      </c>
      <c r="MA32" s="119">
        <v>0</v>
      </c>
      <c r="MB32" s="119">
        <v>0</v>
      </c>
      <c r="MC32" s="120">
        <v>280403</v>
      </c>
      <c r="MD32" s="121">
        <v>280403</v>
      </c>
      <c r="ME32" s="142">
        <v>0</v>
      </c>
      <c r="MF32" s="119">
        <v>0</v>
      </c>
      <c r="MG32" s="120">
        <v>0</v>
      </c>
      <c r="MH32" s="145"/>
      <c r="MI32" s="119">
        <v>2080897</v>
      </c>
      <c r="MJ32" s="119">
        <v>3644942</v>
      </c>
      <c r="MK32" s="119">
        <v>15953908</v>
      </c>
      <c r="ML32" s="119">
        <v>20945049</v>
      </c>
      <c r="MM32" s="119">
        <v>17023718</v>
      </c>
      <c r="MN32" s="120">
        <v>59648514</v>
      </c>
      <c r="MO32" s="143">
        <v>59648514</v>
      </c>
      <c r="MP32" s="142">
        <v>0</v>
      </c>
      <c r="MQ32" s="119">
        <v>0</v>
      </c>
      <c r="MR32" s="120">
        <v>0</v>
      </c>
      <c r="MS32" s="145"/>
      <c r="MT32" s="119">
        <v>414768</v>
      </c>
      <c r="MU32" s="119">
        <v>460300</v>
      </c>
      <c r="MV32" s="119">
        <v>8685296</v>
      </c>
      <c r="MW32" s="119">
        <v>15038855</v>
      </c>
      <c r="MX32" s="119">
        <v>12734632</v>
      </c>
      <c r="MY32" s="120">
        <v>37333851</v>
      </c>
      <c r="MZ32" s="143">
        <v>37333851</v>
      </c>
      <c r="NA32" s="142">
        <v>0</v>
      </c>
      <c r="NB32" s="119">
        <v>0</v>
      </c>
      <c r="NC32" s="120">
        <v>0</v>
      </c>
      <c r="ND32" s="145"/>
      <c r="NE32" s="119">
        <v>1666129</v>
      </c>
      <c r="NF32" s="119">
        <v>3184642</v>
      </c>
      <c r="NG32" s="119">
        <v>7283705</v>
      </c>
      <c r="NH32" s="119">
        <v>5228003</v>
      </c>
      <c r="NI32" s="119">
        <v>3760901</v>
      </c>
      <c r="NJ32" s="120">
        <v>21123380</v>
      </c>
      <c r="NK32" s="321">
        <v>21123380</v>
      </c>
      <c r="NL32" s="142">
        <v>0</v>
      </c>
      <c r="NM32" s="119">
        <v>0</v>
      </c>
      <c r="NN32" s="120">
        <v>0</v>
      </c>
      <c r="NO32" s="145"/>
      <c r="NP32" s="119">
        <v>0</v>
      </c>
      <c r="NQ32" s="119">
        <v>0</v>
      </c>
      <c r="NR32" s="119">
        <v>0</v>
      </c>
      <c r="NS32" s="119">
        <v>0</v>
      </c>
      <c r="NT32" s="119">
        <v>0</v>
      </c>
      <c r="NU32" s="120">
        <v>0</v>
      </c>
      <c r="NV32" s="121">
        <v>0</v>
      </c>
      <c r="NW32" s="142">
        <v>0</v>
      </c>
      <c r="NX32" s="119">
        <v>0</v>
      </c>
      <c r="NY32" s="120">
        <v>0</v>
      </c>
      <c r="NZ32" s="145"/>
      <c r="OA32" s="119">
        <v>0</v>
      </c>
      <c r="OB32" s="119">
        <v>0</v>
      </c>
      <c r="OC32" s="119">
        <v>-15093</v>
      </c>
      <c r="OD32" s="119">
        <v>678191</v>
      </c>
      <c r="OE32" s="119">
        <v>528185</v>
      </c>
      <c r="OF32" s="120">
        <v>1191283</v>
      </c>
      <c r="OG32" s="121">
        <v>1191283</v>
      </c>
      <c r="OH32" s="142">
        <v>2785983</v>
      </c>
      <c r="OI32" s="119">
        <v>5554873</v>
      </c>
      <c r="OJ32" s="141">
        <v>8340856</v>
      </c>
      <c r="OK32" s="118">
        <v>0</v>
      </c>
      <c r="OL32" s="119">
        <v>29342954</v>
      </c>
      <c r="OM32" s="119">
        <v>29016577</v>
      </c>
      <c r="ON32" s="119">
        <v>44423160</v>
      </c>
      <c r="OO32" s="119">
        <v>47571023</v>
      </c>
      <c r="OP32" s="119">
        <v>33482839</v>
      </c>
      <c r="OQ32" s="120">
        <v>183836553</v>
      </c>
      <c r="OR32" s="143">
        <v>192177409</v>
      </c>
    </row>
    <row r="33" spans="1:408" ht="18.75" customHeight="1" x14ac:dyDescent="0.2">
      <c r="A33" s="62" t="s">
        <v>28</v>
      </c>
      <c r="B33" s="110">
        <v>120851</v>
      </c>
      <c r="C33" s="114">
        <v>472782</v>
      </c>
      <c r="D33" s="113">
        <v>593633</v>
      </c>
      <c r="E33" s="109">
        <v>0</v>
      </c>
      <c r="F33" s="114">
        <v>5250177</v>
      </c>
      <c r="G33" s="114">
        <v>8203896</v>
      </c>
      <c r="H33" s="114">
        <v>6078641</v>
      </c>
      <c r="I33" s="114">
        <v>5729618</v>
      </c>
      <c r="J33" s="114">
        <v>5811626</v>
      </c>
      <c r="K33" s="173">
        <v>31073958</v>
      </c>
      <c r="L33" s="116">
        <v>31667591</v>
      </c>
      <c r="M33" s="110">
        <v>47448</v>
      </c>
      <c r="N33" s="114">
        <v>71224</v>
      </c>
      <c r="O33" s="113">
        <v>118672</v>
      </c>
      <c r="P33" s="110">
        <v>0</v>
      </c>
      <c r="Q33" s="114">
        <v>1273606</v>
      </c>
      <c r="R33" s="114">
        <v>1848000</v>
      </c>
      <c r="S33" s="114">
        <v>952836</v>
      </c>
      <c r="T33" s="114">
        <v>1450095</v>
      </c>
      <c r="U33" s="114">
        <v>2769804</v>
      </c>
      <c r="V33" s="113">
        <v>8294341</v>
      </c>
      <c r="W33" s="116">
        <v>8413013</v>
      </c>
      <c r="X33" s="110">
        <v>0</v>
      </c>
      <c r="Y33" s="114">
        <v>0</v>
      </c>
      <c r="Z33" s="113">
        <v>0</v>
      </c>
      <c r="AA33" s="110">
        <v>0</v>
      </c>
      <c r="AB33" s="114">
        <v>650347</v>
      </c>
      <c r="AC33" s="114">
        <v>666961</v>
      </c>
      <c r="AD33" s="114">
        <v>406673</v>
      </c>
      <c r="AE33" s="114">
        <v>313118</v>
      </c>
      <c r="AF33" s="114">
        <v>1386998</v>
      </c>
      <c r="AG33" s="113">
        <v>3424097</v>
      </c>
      <c r="AH33" s="116">
        <v>3424097</v>
      </c>
      <c r="AI33" s="110">
        <v>0</v>
      </c>
      <c r="AJ33" s="114">
        <v>0</v>
      </c>
      <c r="AK33" s="113">
        <v>0</v>
      </c>
      <c r="AL33" s="110">
        <v>0</v>
      </c>
      <c r="AM33" s="114">
        <v>0</v>
      </c>
      <c r="AN33" s="114">
        <v>0</v>
      </c>
      <c r="AO33" s="114">
        <v>50715</v>
      </c>
      <c r="AP33" s="114">
        <v>236319</v>
      </c>
      <c r="AQ33" s="114">
        <v>291290</v>
      </c>
      <c r="AR33" s="113">
        <v>578324</v>
      </c>
      <c r="AS33" s="116">
        <v>578324</v>
      </c>
      <c r="AT33" s="110">
        <v>44766</v>
      </c>
      <c r="AU33" s="114">
        <v>65860</v>
      </c>
      <c r="AV33" s="113">
        <v>110626</v>
      </c>
      <c r="AW33" s="110">
        <v>0</v>
      </c>
      <c r="AX33" s="114">
        <v>294183</v>
      </c>
      <c r="AY33" s="114">
        <v>922528</v>
      </c>
      <c r="AZ33" s="114">
        <v>283426</v>
      </c>
      <c r="BA33" s="114">
        <v>651993</v>
      </c>
      <c r="BB33" s="114">
        <v>843230</v>
      </c>
      <c r="BC33" s="113">
        <v>2995360</v>
      </c>
      <c r="BD33" s="116">
        <v>3105986</v>
      </c>
      <c r="BE33" s="110">
        <v>0</v>
      </c>
      <c r="BF33" s="114">
        <v>0</v>
      </c>
      <c r="BG33" s="112">
        <v>0</v>
      </c>
      <c r="BH33" s="111">
        <v>0</v>
      </c>
      <c r="BI33" s="114">
        <v>187976</v>
      </c>
      <c r="BJ33" s="114">
        <v>0</v>
      </c>
      <c r="BK33" s="114">
        <v>0</v>
      </c>
      <c r="BL33" s="114">
        <v>26663</v>
      </c>
      <c r="BM33" s="114">
        <v>71100</v>
      </c>
      <c r="BN33" s="113">
        <v>285739</v>
      </c>
      <c r="BO33" s="116">
        <v>285739</v>
      </c>
      <c r="BP33" s="110">
        <v>2682</v>
      </c>
      <c r="BQ33" s="114">
        <v>5364</v>
      </c>
      <c r="BR33" s="113">
        <v>8046</v>
      </c>
      <c r="BS33" s="110">
        <v>0</v>
      </c>
      <c r="BT33" s="114">
        <v>141100</v>
      </c>
      <c r="BU33" s="114">
        <v>258511</v>
      </c>
      <c r="BV33" s="114">
        <v>212022</v>
      </c>
      <c r="BW33" s="114">
        <v>222002</v>
      </c>
      <c r="BX33" s="114">
        <v>177186</v>
      </c>
      <c r="BY33" s="113">
        <v>1010821</v>
      </c>
      <c r="BZ33" s="116">
        <v>1018867</v>
      </c>
      <c r="CA33" s="110">
        <v>0</v>
      </c>
      <c r="CB33" s="114">
        <v>214183</v>
      </c>
      <c r="CC33" s="113">
        <v>214183</v>
      </c>
      <c r="CD33" s="110">
        <v>0</v>
      </c>
      <c r="CE33" s="114">
        <v>1946910</v>
      </c>
      <c r="CF33" s="114">
        <v>3078035</v>
      </c>
      <c r="CG33" s="114">
        <v>2329963</v>
      </c>
      <c r="CH33" s="114">
        <v>1662539</v>
      </c>
      <c r="CI33" s="114">
        <v>1302301</v>
      </c>
      <c r="CJ33" s="113">
        <v>10319748</v>
      </c>
      <c r="CK33" s="116">
        <v>10533931</v>
      </c>
      <c r="CL33" s="110">
        <v>0</v>
      </c>
      <c r="CM33" s="114">
        <v>0</v>
      </c>
      <c r="CN33" s="113">
        <v>0</v>
      </c>
      <c r="CO33" s="111">
        <v>0</v>
      </c>
      <c r="CP33" s="114">
        <v>1872548</v>
      </c>
      <c r="CQ33" s="114">
        <v>2458122</v>
      </c>
      <c r="CR33" s="114">
        <v>1840813</v>
      </c>
      <c r="CS33" s="114">
        <v>1304789</v>
      </c>
      <c r="CT33" s="114">
        <v>1048466</v>
      </c>
      <c r="CU33" s="113">
        <v>8524738</v>
      </c>
      <c r="CV33" s="116">
        <v>8524738</v>
      </c>
      <c r="CW33" s="110">
        <v>0</v>
      </c>
      <c r="CX33" s="114">
        <v>214183</v>
      </c>
      <c r="CY33" s="113">
        <v>214183</v>
      </c>
      <c r="CZ33" s="110">
        <v>0</v>
      </c>
      <c r="DA33" s="114">
        <v>74362</v>
      </c>
      <c r="DB33" s="114">
        <v>619913</v>
      </c>
      <c r="DC33" s="114">
        <v>489150</v>
      </c>
      <c r="DD33" s="114">
        <v>357750</v>
      </c>
      <c r="DE33" s="114">
        <v>253835</v>
      </c>
      <c r="DF33" s="113">
        <v>1795010</v>
      </c>
      <c r="DG33" s="116">
        <v>2009193</v>
      </c>
      <c r="DH33" s="110">
        <v>0</v>
      </c>
      <c r="DI33" s="114">
        <v>29555</v>
      </c>
      <c r="DJ33" s="112">
        <v>29555</v>
      </c>
      <c r="DK33" s="111">
        <v>0</v>
      </c>
      <c r="DL33" s="114">
        <v>59240</v>
      </c>
      <c r="DM33" s="114">
        <v>270439</v>
      </c>
      <c r="DN33" s="114">
        <v>799193</v>
      </c>
      <c r="DO33" s="114">
        <v>485335</v>
      </c>
      <c r="DP33" s="114">
        <v>151359</v>
      </c>
      <c r="DQ33" s="113">
        <v>1765566</v>
      </c>
      <c r="DR33" s="116">
        <v>1795121</v>
      </c>
      <c r="DS33" s="110">
        <v>0</v>
      </c>
      <c r="DT33" s="114">
        <v>29555</v>
      </c>
      <c r="DU33" s="113">
        <v>29555</v>
      </c>
      <c r="DV33" s="110">
        <v>0</v>
      </c>
      <c r="DW33" s="114">
        <v>13192</v>
      </c>
      <c r="DX33" s="114">
        <v>113125</v>
      </c>
      <c r="DY33" s="114">
        <v>686367</v>
      </c>
      <c r="DZ33" s="114">
        <v>329815</v>
      </c>
      <c r="EA33" s="114">
        <v>151359</v>
      </c>
      <c r="EB33" s="113">
        <v>1293858</v>
      </c>
      <c r="EC33" s="116">
        <v>1323413</v>
      </c>
      <c r="ED33" s="110">
        <v>0</v>
      </c>
      <c r="EE33" s="112">
        <v>0</v>
      </c>
      <c r="EF33" s="113">
        <v>0</v>
      </c>
      <c r="EG33" s="110">
        <v>0</v>
      </c>
      <c r="EH33" s="114">
        <v>46048</v>
      </c>
      <c r="EI33" s="114">
        <v>157314</v>
      </c>
      <c r="EJ33" s="114">
        <v>112826</v>
      </c>
      <c r="EK33" s="114">
        <v>155520</v>
      </c>
      <c r="EL33" s="114">
        <v>0</v>
      </c>
      <c r="EM33" s="112">
        <v>471708</v>
      </c>
      <c r="EN33" s="116">
        <v>471708</v>
      </c>
      <c r="EO33" s="110">
        <v>0</v>
      </c>
      <c r="EP33" s="114">
        <v>0</v>
      </c>
      <c r="EQ33" s="112">
        <v>0</v>
      </c>
      <c r="ER33" s="111">
        <v>0</v>
      </c>
      <c r="ES33" s="114">
        <v>0</v>
      </c>
      <c r="ET33" s="114">
        <v>0</v>
      </c>
      <c r="EU33" s="114">
        <v>0</v>
      </c>
      <c r="EV33" s="114">
        <v>0</v>
      </c>
      <c r="EW33" s="114">
        <v>0</v>
      </c>
      <c r="EX33" s="113">
        <v>0</v>
      </c>
      <c r="EY33" s="116">
        <v>0</v>
      </c>
      <c r="EZ33" s="110">
        <v>0</v>
      </c>
      <c r="FA33" s="114">
        <v>0</v>
      </c>
      <c r="FB33" s="112">
        <v>0</v>
      </c>
      <c r="FC33" s="348"/>
      <c r="FD33" s="114">
        <v>0</v>
      </c>
      <c r="FE33" s="114">
        <v>0</v>
      </c>
      <c r="FF33" s="114">
        <v>0</v>
      </c>
      <c r="FG33" s="114">
        <v>0</v>
      </c>
      <c r="FH33" s="114">
        <v>0</v>
      </c>
      <c r="FI33" s="113">
        <v>0</v>
      </c>
      <c r="FJ33" s="116">
        <v>0</v>
      </c>
      <c r="FK33" s="110">
        <v>33983</v>
      </c>
      <c r="FL33" s="114">
        <v>83360</v>
      </c>
      <c r="FM33" s="113">
        <v>117343</v>
      </c>
      <c r="FN33" s="110">
        <v>0</v>
      </c>
      <c r="FO33" s="114">
        <v>169541</v>
      </c>
      <c r="FP33" s="114">
        <v>801403</v>
      </c>
      <c r="FQ33" s="114">
        <v>391353</v>
      </c>
      <c r="FR33" s="114">
        <v>458468</v>
      </c>
      <c r="FS33" s="114">
        <v>506859</v>
      </c>
      <c r="FT33" s="113">
        <v>2327624</v>
      </c>
      <c r="FU33" s="116">
        <v>2444967</v>
      </c>
      <c r="FV33" s="115">
        <v>33983</v>
      </c>
      <c r="FW33" s="114">
        <v>83360</v>
      </c>
      <c r="FX33" s="112">
        <v>117343</v>
      </c>
      <c r="FY33" s="111">
        <v>0</v>
      </c>
      <c r="FZ33" s="114">
        <v>169541</v>
      </c>
      <c r="GA33" s="114">
        <v>743637</v>
      </c>
      <c r="GB33" s="114">
        <v>391353</v>
      </c>
      <c r="GC33" s="114">
        <v>439856</v>
      </c>
      <c r="GD33" s="114">
        <v>506859</v>
      </c>
      <c r="GE33" s="113">
        <v>2251246</v>
      </c>
      <c r="GF33" s="319">
        <v>2368589</v>
      </c>
      <c r="GG33" s="115">
        <v>0</v>
      </c>
      <c r="GH33" s="114">
        <v>0</v>
      </c>
      <c r="GI33" s="112">
        <v>0</v>
      </c>
      <c r="GJ33" s="111">
        <v>0</v>
      </c>
      <c r="GK33" s="114">
        <v>0</v>
      </c>
      <c r="GL33" s="114">
        <v>15444</v>
      </c>
      <c r="GM33" s="114">
        <v>0</v>
      </c>
      <c r="GN33" s="114">
        <v>18612</v>
      </c>
      <c r="GO33" s="114">
        <v>0</v>
      </c>
      <c r="GP33" s="113">
        <v>34056</v>
      </c>
      <c r="GQ33" s="116">
        <v>34056</v>
      </c>
      <c r="GR33" s="110">
        <v>0</v>
      </c>
      <c r="GS33" s="114">
        <v>0</v>
      </c>
      <c r="GT33" s="113">
        <v>0</v>
      </c>
      <c r="GU33" s="110">
        <v>0</v>
      </c>
      <c r="GV33" s="114">
        <v>0</v>
      </c>
      <c r="GW33" s="114">
        <v>42322</v>
      </c>
      <c r="GX33" s="114">
        <v>0</v>
      </c>
      <c r="GY33" s="114">
        <v>0</v>
      </c>
      <c r="GZ33" s="114">
        <v>0</v>
      </c>
      <c r="HA33" s="112">
        <v>42322</v>
      </c>
      <c r="HB33" s="116">
        <v>42322</v>
      </c>
      <c r="HC33" s="110">
        <v>0</v>
      </c>
      <c r="HD33" s="114">
        <v>0</v>
      </c>
      <c r="HE33" s="112">
        <v>0</v>
      </c>
      <c r="HF33" s="111">
        <v>0</v>
      </c>
      <c r="HG33" s="114">
        <v>859947</v>
      </c>
      <c r="HH33" s="114">
        <v>1073318</v>
      </c>
      <c r="HI33" s="114">
        <v>1029867</v>
      </c>
      <c r="HJ33" s="114">
        <v>1200090</v>
      </c>
      <c r="HK33" s="114">
        <v>729286</v>
      </c>
      <c r="HL33" s="113">
        <v>4892508</v>
      </c>
      <c r="HM33" s="109">
        <v>4892508</v>
      </c>
      <c r="HN33" s="115">
        <v>39420</v>
      </c>
      <c r="HO33" s="114">
        <v>74460</v>
      </c>
      <c r="HP33" s="113">
        <v>113880</v>
      </c>
      <c r="HQ33" s="110">
        <v>0</v>
      </c>
      <c r="HR33" s="114">
        <v>940933</v>
      </c>
      <c r="HS33" s="114">
        <v>1132701</v>
      </c>
      <c r="HT33" s="114">
        <v>575429</v>
      </c>
      <c r="HU33" s="114">
        <v>473091</v>
      </c>
      <c r="HV33" s="114">
        <v>352017</v>
      </c>
      <c r="HW33" s="112">
        <v>3474171</v>
      </c>
      <c r="HX33" s="116">
        <v>3588051</v>
      </c>
      <c r="HY33" s="131">
        <v>0</v>
      </c>
      <c r="HZ33" s="132">
        <v>0</v>
      </c>
      <c r="IA33" s="133">
        <v>0</v>
      </c>
      <c r="IB33" s="146">
        <v>0</v>
      </c>
      <c r="IC33" s="132">
        <v>802991</v>
      </c>
      <c r="ID33" s="147">
        <v>1655809</v>
      </c>
      <c r="IE33" s="133">
        <v>2329542</v>
      </c>
      <c r="IF33" s="132">
        <v>638460</v>
      </c>
      <c r="IG33" s="133">
        <v>1154519</v>
      </c>
      <c r="IH33" s="148">
        <v>6581321</v>
      </c>
      <c r="II33" s="139">
        <v>6581321</v>
      </c>
      <c r="IJ33" s="232">
        <v>0</v>
      </c>
      <c r="IK33" s="236">
        <v>0</v>
      </c>
      <c r="IL33" s="237">
        <v>0</v>
      </c>
      <c r="IM33" s="140"/>
      <c r="IN33" s="119">
        <v>0</v>
      </c>
      <c r="IO33" s="119">
        <v>0</v>
      </c>
      <c r="IP33" s="119">
        <v>0</v>
      </c>
      <c r="IQ33" s="119">
        <v>0</v>
      </c>
      <c r="IR33" s="119">
        <v>0</v>
      </c>
      <c r="IS33" s="141">
        <v>0</v>
      </c>
      <c r="IT33" s="321">
        <v>0</v>
      </c>
      <c r="IU33" s="142">
        <v>0</v>
      </c>
      <c r="IV33" s="119">
        <v>0</v>
      </c>
      <c r="IW33" s="120">
        <v>0</v>
      </c>
      <c r="IX33" s="144"/>
      <c r="IY33" s="119">
        <v>0</v>
      </c>
      <c r="IZ33" s="119">
        <v>0</v>
      </c>
      <c r="JA33" s="119">
        <v>0</v>
      </c>
      <c r="JB33" s="119">
        <v>0</v>
      </c>
      <c r="JC33" s="119">
        <v>0</v>
      </c>
      <c r="JD33" s="120">
        <v>0</v>
      </c>
      <c r="JE33" s="121">
        <v>0</v>
      </c>
      <c r="JF33" s="142">
        <v>0</v>
      </c>
      <c r="JG33" s="119">
        <v>0</v>
      </c>
      <c r="JH33" s="141">
        <v>0</v>
      </c>
      <c r="JI33" s="118">
        <v>0</v>
      </c>
      <c r="JJ33" s="119">
        <v>653645</v>
      </c>
      <c r="JK33" s="119">
        <v>628504</v>
      </c>
      <c r="JL33" s="119">
        <v>80253</v>
      </c>
      <c r="JM33" s="119">
        <v>346392</v>
      </c>
      <c r="JN33" s="119">
        <v>44901</v>
      </c>
      <c r="JO33" s="120">
        <v>1753695</v>
      </c>
      <c r="JP33" s="321">
        <v>1753695</v>
      </c>
      <c r="JQ33" s="142">
        <v>0</v>
      </c>
      <c r="JR33" s="119">
        <v>0</v>
      </c>
      <c r="JS33" s="141">
        <v>0</v>
      </c>
      <c r="JT33" s="118">
        <v>0</v>
      </c>
      <c r="JU33" s="119">
        <v>149346</v>
      </c>
      <c r="JV33" s="119">
        <v>0</v>
      </c>
      <c r="JW33" s="119">
        <v>355896</v>
      </c>
      <c r="JX33" s="119">
        <v>0</v>
      </c>
      <c r="JY33" s="119">
        <v>33568</v>
      </c>
      <c r="JZ33" s="120">
        <v>538810</v>
      </c>
      <c r="KA33" s="321">
        <v>538810</v>
      </c>
      <c r="KB33" s="234">
        <v>0</v>
      </c>
      <c r="KC33" s="230">
        <v>0</v>
      </c>
      <c r="KD33" s="120">
        <v>0</v>
      </c>
      <c r="KE33" s="118">
        <v>0</v>
      </c>
      <c r="KF33" s="119">
        <v>0</v>
      </c>
      <c r="KG33" s="119">
        <v>0</v>
      </c>
      <c r="KH33" s="119">
        <v>0</v>
      </c>
      <c r="KI33" s="119">
        <v>0</v>
      </c>
      <c r="KJ33" s="119">
        <v>0</v>
      </c>
      <c r="KK33" s="120">
        <v>0</v>
      </c>
      <c r="KL33" s="143">
        <v>0</v>
      </c>
      <c r="KM33" s="232">
        <v>0</v>
      </c>
      <c r="KN33" s="236">
        <v>0</v>
      </c>
      <c r="KO33" s="237">
        <v>0</v>
      </c>
      <c r="KP33" s="140"/>
      <c r="KQ33" s="119">
        <v>0</v>
      </c>
      <c r="KR33" s="119">
        <v>1027305</v>
      </c>
      <c r="KS33" s="119">
        <v>1641906</v>
      </c>
      <c r="KT33" s="119">
        <v>292068</v>
      </c>
      <c r="KU33" s="119">
        <v>1076050</v>
      </c>
      <c r="KV33" s="120">
        <v>4037329</v>
      </c>
      <c r="KW33" s="321">
        <v>4037329</v>
      </c>
      <c r="KX33" s="142">
        <v>0</v>
      </c>
      <c r="KY33" s="119">
        <v>0</v>
      </c>
      <c r="KZ33" s="120">
        <v>0</v>
      </c>
      <c r="LA33" s="145"/>
      <c r="LB33" s="119">
        <v>0</v>
      </c>
      <c r="LC33" s="119">
        <v>0</v>
      </c>
      <c r="LD33" s="119">
        <v>0</v>
      </c>
      <c r="LE33" s="119">
        <v>0</v>
      </c>
      <c r="LF33" s="119">
        <v>0</v>
      </c>
      <c r="LG33" s="120">
        <v>0</v>
      </c>
      <c r="LH33" s="121">
        <v>0</v>
      </c>
      <c r="LI33" s="142">
        <v>0</v>
      </c>
      <c r="LJ33" s="119">
        <v>0</v>
      </c>
      <c r="LK33" s="120">
        <v>0</v>
      </c>
      <c r="LL33" s="145"/>
      <c r="LM33" s="119">
        <v>0</v>
      </c>
      <c r="LN33" s="119">
        <v>0</v>
      </c>
      <c r="LO33" s="119">
        <v>251487</v>
      </c>
      <c r="LP33" s="119">
        <v>0</v>
      </c>
      <c r="LQ33" s="119">
        <v>0</v>
      </c>
      <c r="LR33" s="120">
        <v>251487</v>
      </c>
      <c r="LS33" s="321">
        <v>251487</v>
      </c>
      <c r="LT33" s="142">
        <v>0</v>
      </c>
      <c r="LU33" s="119">
        <v>0</v>
      </c>
      <c r="LV33" s="120">
        <v>0</v>
      </c>
      <c r="LW33" s="145"/>
      <c r="LX33" s="119">
        <v>0</v>
      </c>
      <c r="LY33" s="119">
        <v>0</v>
      </c>
      <c r="LZ33" s="119">
        <v>0</v>
      </c>
      <c r="MA33" s="119">
        <v>0</v>
      </c>
      <c r="MB33" s="119">
        <v>0</v>
      </c>
      <c r="MC33" s="120">
        <v>0</v>
      </c>
      <c r="MD33" s="121">
        <v>0</v>
      </c>
      <c r="ME33" s="142">
        <v>0</v>
      </c>
      <c r="MF33" s="119">
        <v>0</v>
      </c>
      <c r="MG33" s="120">
        <v>0</v>
      </c>
      <c r="MH33" s="145"/>
      <c r="MI33" s="119">
        <v>568507</v>
      </c>
      <c r="MJ33" s="119">
        <v>2367221</v>
      </c>
      <c r="MK33" s="119">
        <v>4974560</v>
      </c>
      <c r="ML33" s="119">
        <v>8401320</v>
      </c>
      <c r="MM33" s="119">
        <v>4364145</v>
      </c>
      <c r="MN33" s="120">
        <v>20675753</v>
      </c>
      <c r="MO33" s="143">
        <v>20675753</v>
      </c>
      <c r="MP33" s="142">
        <v>0</v>
      </c>
      <c r="MQ33" s="119">
        <v>0</v>
      </c>
      <c r="MR33" s="120">
        <v>0</v>
      </c>
      <c r="MS33" s="145"/>
      <c r="MT33" s="119">
        <v>0</v>
      </c>
      <c r="MU33" s="119">
        <v>211158</v>
      </c>
      <c r="MV33" s="119">
        <v>3209670</v>
      </c>
      <c r="MW33" s="119">
        <v>4426455</v>
      </c>
      <c r="MX33" s="119">
        <v>3436483</v>
      </c>
      <c r="MY33" s="120">
        <v>11283766</v>
      </c>
      <c r="MZ33" s="143">
        <v>11283766</v>
      </c>
      <c r="NA33" s="142">
        <v>0</v>
      </c>
      <c r="NB33" s="119">
        <v>0</v>
      </c>
      <c r="NC33" s="120">
        <v>0</v>
      </c>
      <c r="ND33" s="145"/>
      <c r="NE33" s="119">
        <v>568507</v>
      </c>
      <c r="NF33" s="119">
        <v>2156063</v>
      </c>
      <c r="NG33" s="119">
        <v>1764890</v>
      </c>
      <c r="NH33" s="119">
        <v>3974865</v>
      </c>
      <c r="NI33" s="119">
        <v>927662</v>
      </c>
      <c r="NJ33" s="120">
        <v>9391987</v>
      </c>
      <c r="NK33" s="321">
        <v>9391987</v>
      </c>
      <c r="NL33" s="142">
        <v>0</v>
      </c>
      <c r="NM33" s="119">
        <v>0</v>
      </c>
      <c r="NN33" s="120">
        <v>0</v>
      </c>
      <c r="NO33" s="145"/>
      <c r="NP33" s="119">
        <v>0</v>
      </c>
      <c r="NQ33" s="119">
        <v>0</v>
      </c>
      <c r="NR33" s="119">
        <v>0</v>
      </c>
      <c r="NS33" s="119">
        <v>0</v>
      </c>
      <c r="NT33" s="119">
        <v>0</v>
      </c>
      <c r="NU33" s="120">
        <v>0</v>
      </c>
      <c r="NV33" s="121">
        <v>0</v>
      </c>
      <c r="NW33" s="142">
        <v>0</v>
      </c>
      <c r="NX33" s="119">
        <v>0</v>
      </c>
      <c r="NY33" s="120">
        <v>0</v>
      </c>
      <c r="NZ33" s="145"/>
      <c r="OA33" s="119">
        <v>0</v>
      </c>
      <c r="OB33" s="119">
        <v>0</v>
      </c>
      <c r="OC33" s="119">
        <v>0</v>
      </c>
      <c r="OD33" s="119">
        <v>0</v>
      </c>
      <c r="OE33" s="119">
        <v>0</v>
      </c>
      <c r="OF33" s="120">
        <v>0</v>
      </c>
      <c r="OG33" s="121">
        <v>0</v>
      </c>
      <c r="OH33" s="142">
        <v>120851</v>
      </c>
      <c r="OI33" s="119">
        <v>472782</v>
      </c>
      <c r="OJ33" s="141">
        <v>593633</v>
      </c>
      <c r="OK33" s="118">
        <v>0</v>
      </c>
      <c r="OL33" s="119">
        <v>6621675</v>
      </c>
      <c r="OM33" s="119">
        <v>12226926</v>
      </c>
      <c r="ON33" s="119">
        <v>13382743</v>
      </c>
      <c r="OO33" s="119">
        <v>14769398</v>
      </c>
      <c r="OP33" s="119">
        <v>11330290</v>
      </c>
      <c r="OQ33" s="120">
        <v>58331032</v>
      </c>
      <c r="OR33" s="143">
        <v>58924665</v>
      </c>
    </row>
    <row r="34" spans="1:408" ht="18.75" customHeight="1" x14ac:dyDescent="0.2">
      <c r="A34" s="62" t="s">
        <v>29</v>
      </c>
      <c r="B34" s="110">
        <v>348253</v>
      </c>
      <c r="C34" s="114">
        <v>655414</v>
      </c>
      <c r="D34" s="113">
        <v>1003667</v>
      </c>
      <c r="E34" s="109">
        <v>0</v>
      </c>
      <c r="F34" s="114">
        <v>7378753</v>
      </c>
      <c r="G34" s="114">
        <v>10373679</v>
      </c>
      <c r="H34" s="114">
        <v>7644710</v>
      </c>
      <c r="I34" s="114">
        <v>9302480</v>
      </c>
      <c r="J34" s="114">
        <v>6275061</v>
      </c>
      <c r="K34" s="173">
        <v>40974683</v>
      </c>
      <c r="L34" s="116">
        <v>41978350</v>
      </c>
      <c r="M34" s="110">
        <v>82579</v>
      </c>
      <c r="N34" s="114">
        <v>252235</v>
      </c>
      <c r="O34" s="113">
        <v>334814</v>
      </c>
      <c r="P34" s="110">
        <v>0</v>
      </c>
      <c r="Q34" s="114">
        <v>1804800</v>
      </c>
      <c r="R34" s="114">
        <v>2427131</v>
      </c>
      <c r="S34" s="114">
        <v>1623149</v>
      </c>
      <c r="T34" s="114">
        <v>3810146</v>
      </c>
      <c r="U34" s="114">
        <v>2177387</v>
      </c>
      <c r="V34" s="113">
        <v>11842613</v>
      </c>
      <c r="W34" s="116">
        <v>12177427</v>
      </c>
      <c r="X34" s="110">
        <v>0</v>
      </c>
      <c r="Y34" s="114">
        <v>0</v>
      </c>
      <c r="Z34" s="113">
        <v>0</v>
      </c>
      <c r="AA34" s="110">
        <v>0</v>
      </c>
      <c r="AB34" s="114">
        <v>990180</v>
      </c>
      <c r="AC34" s="114">
        <v>1233578</v>
      </c>
      <c r="AD34" s="114">
        <v>848027</v>
      </c>
      <c r="AE34" s="114">
        <v>2444463</v>
      </c>
      <c r="AF34" s="114">
        <v>1366449</v>
      </c>
      <c r="AG34" s="113">
        <v>6882697</v>
      </c>
      <c r="AH34" s="116">
        <v>6882697</v>
      </c>
      <c r="AI34" s="110">
        <v>0</v>
      </c>
      <c r="AJ34" s="114">
        <v>0</v>
      </c>
      <c r="AK34" s="113">
        <v>0</v>
      </c>
      <c r="AL34" s="110">
        <v>0</v>
      </c>
      <c r="AM34" s="114">
        <v>26271</v>
      </c>
      <c r="AN34" s="114">
        <v>137907</v>
      </c>
      <c r="AO34" s="114">
        <v>47320</v>
      </c>
      <c r="AP34" s="114">
        <v>289401</v>
      </c>
      <c r="AQ34" s="114">
        <v>278872</v>
      </c>
      <c r="AR34" s="113">
        <v>779771</v>
      </c>
      <c r="AS34" s="116">
        <v>779771</v>
      </c>
      <c r="AT34" s="110">
        <v>51916</v>
      </c>
      <c r="AU34" s="114">
        <v>202654</v>
      </c>
      <c r="AV34" s="113">
        <v>254570</v>
      </c>
      <c r="AW34" s="110">
        <v>0</v>
      </c>
      <c r="AX34" s="114">
        <v>527454</v>
      </c>
      <c r="AY34" s="114">
        <v>701853</v>
      </c>
      <c r="AZ34" s="114">
        <v>613135</v>
      </c>
      <c r="BA34" s="114">
        <v>675833</v>
      </c>
      <c r="BB34" s="114">
        <v>354048</v>
      </c>
      <c r="BC34" s="113">
        <v>2872323</v>
      </c>
      <c r="BD34" s="116">
        <v>3126893</v>
      </c>
      <c r="BE34" s="110">
        <v>0</v>
      </c>
      <c r="BF34" s="114">
        <v>42255</v>
      </c>
      <c r="BG34" s="112">
        <v>42255</v>
      </c>
      <c r="BH34" s="111">
        <v>0</v>
      </c>
      <c r="BI34" s="114">
        <v>86040</v>
      </c>
      <c r="BJ34" s="114">
        <v>116390</v>
      </c>
      <c r="BK34" s="114">
        <v>0</v>
      </c>
      <c r="BL34" s="114">
        <v>108252</v>
      </c>
      <c r="BM34" s="114">
        <v>0</v>
      </c>
      <c r="BN34" s="113">
        <v>310682</v>
      </c>
      <c r="BO34" s="116">
        <v>352937</v>
      </c>
      <c r="BP34" s="110">
        <v>30663</v>
      </c>
      <c r="BQ34" s="114">
        <v>7326</v>
      </c>
      <c r="BR34" s="113">
        <v>37989</v>
      </c>
      <c r="BS34" s="110">
        <v>0</v>
      </c>
      <c r="BT34" s="114">
        <v>174855</v>
      </c>
      <c r="BU34" s="114">
        <v>237403</v>
      </c>
      <c r="BV34" s="114">
        <v>114667</v>
      </c>
      <c r="BW34" s="114">
        <v>292197</v>
      </c>
      <c r="BX34" s="114">
        <v>178018</v>
      </c>
      <c r="BY34" s="113">
        <v>997140</v>
      </c>
      <c r="BZ34" s="116">
        <v>1035129</v>
      </c>
      <c r="CA34" s="110">
        <v>19404</v>
      </c>
      <c r="CB34" s="114">
        <v>50589</v>
      </c>
      <c r="CC34" s="113">
        <v>69993</v>
      </c>
      <c r="CD34" s="110">
        <v>0</v>
      </c>
      <c r="CE34" s="114">
        <v>2969867</v>
      </c>
      <c r="CF34" s="114">
        <v>2972455</v>
      </c>
      <c r="CG34" s="114">
        <v>2612448</v>
      </c>
      <c r="CH34" s="114">
        <v>1934447</v>
      </c>
      <c r="CI34" s="114">
        <v>1243466</v>
      </c>
      <c r="CJ34" s="113">
        <v>11732683</v>
      </c>
      <c r="CK34" s="116">
        <v>11802676</v>
      </c>
      <c r="CL34" s="110">
        <v>0</v>
      </c>
      <c r="CM34" s="114">
        <v>0</v>
      </c>
      <c r="CN34" s="113">
        <v>0</v>
      </c>
      <c r="CO34" s="111">
        <v>0</v>
      </c>
      <c r="CP34" s="114">
        <v>2211791</v>
      </c>
      <c r="CQ34" s="114">
        <v>2476980</v>
      </c>
      <c r="CR34" s="114">
        <v>2222657</v>
      </c>
      <c r="CS34" s="114">
        <v>1634653</v>
      </c>
      <c r="CT34" s="114">
        <v>1093538</v>
      </c>
      <c r="CU34" s="113">
        <v>9639619</v>
      </c>
      <c r="CV34" s="116">
        <v>9639619</v>
      </c>
      <c r="CW34" s="110">
        <v>19404</v>
      </c>
      <c r="CX34" s="114">
        <v>50589</v>
      </c>
      <c r="CY34" s="113">
        <v>69993</v>
      </c>
      <c r="CZ34" s="110">
        <v>0</v>
      </c>
      <c r="DA34" s="114">
        <v>758076</v>
      </c>
      <c r="DB34" s="114">
        <v>495475</v>
      </c>
      <c r="DC34" s="114">
        <v>389791</v>
      </c>
      <c r="DD34" s="114">
        <v>299794</v>
      </c>
      <c r="DE34" s="114">
        <v>149928</v>
      </c>
      <c r="DF34" s="113">
        <v>2093064</v>
      </c>
      <c r="DG34" s="116">
        <v>2163057</v>
      </c>
      <c r="DH34" s="110">
        <v>0</v>
      </c>
      <c r="DI34" s="114">
        <v>0</v>
      </c>
      <c r="DJ34" s="112">
        <v>0</v>
      </c>
      <c r="DK34" s="111">
        <v>0</v>
      </c>
      <c r="DL34" s="114">
        <v>97436</v>
      </c>
      <c r="DM34" s="114">
        <v>807862</v>
      </c>
      <c r="DN34" s="114">
        <v>1447653</v>
      </c>
      <c r="DO34" s="114">
        <v>837568</v>
      </c>
      <c r="DP34" s="114">
        <v>788772</v>
      </c>
      <c r="DQ34" s="113">
        <v>3979291</v>
      </c>
      <c r="DR34" s="116">
        <v>3979291</v>
      </c>
      <c r="DS34" s="110">
        <v>0</v>
      </c>
      <c r="DT34" s="114">
        <v>0</v>
      </c>
      <c r="DU34" s="113">
        <v>0</v>
      </c>
      <c r="DV34" s="110">
        <v>0</v>
      </c>
      <c r="DW34" s="114">
        <v>97436</v>
      </c>
      <c r="DX34" s="114">
        <v>807862</v>
      </c>
      <c r="DY34" s="114">
        <v>1437872</v>
      </c>
      <c r="DZ34" s="114">
        <v>752990</v>
      </c>
      <c r="EA34" s="114">
        <v>702192</v>
      </c>
      <c r="EB34" s="113">
        <v>3798352</v>
      </c>
      <c r="EC34" s="116">
        <v>3798352</v>
      </c>
      <c r="ED34" s="110">
        <v>0</v>
      </c>
      <c r="EE34" s="112">
        <v>0</v>
      </c>
      <c r="EF34" s="113">
        <v>0</v>
      </c>
      <c r="EG34" s="110">
        <v>0</v>
      </c>
      <c r="EH34" s="114">
        <v>0</v>
      </c>
      <c r="EI34" s="114">
        <v>0</v>
      </c>
      <c r="EJ34" s="114">
        <v>9781</v>
      </c>
      <c r="EK34" s="114">
        <v>84578</v>
      </c>
      <c r="EL34" s="114">
        <v>86580</v>
      </c>
      <c r="EM34" s="112">
        <v>180939</v>
      </c>
      <c r="EN34" s="116">
        <v>180939</v>
      </c>
      <c r="EO34" s="110">
        <v>0</v>
      </c>
      <c r="EP34" s="114">
        <v>0</v>
      </c>
      <c r="EQ34" s="112">
        <v>0</v>
      </c>
      <c r="ER34" s="111">
        <v>0</v>
      </c>
      <c r="ES34" s="114">
        <v>0</v>
      </c>
      <c r="ET34" s="114">
        <v>0</v>
      </c>
      <c r="EU34" s="114">
        <v>0</v>
      </c>
      <c r="EV34" s="114">
        <v>0</v>
      </c>
      <c r="EW34" s="114">
        <v>0</v>
      </c>
      <c r="EX34" s="113">
        <v>0</v>
      </c>
      <c r="EY34" s="116">
        <v>0</v>
      </c>
      <c r="EZ34" s="110">
        <v>0</v>
      </c>
      <c r="FA34" s="114">
        <v>0</v>
      </c>
      <c r="FB34" s="112">
        <v>0</v>
      </c>
      <c r="FC34" s="348"/>
      <c r="FD34" s="114">
        <v>0</v>
      </c>
      <c r="FE34" s="114">
        <v>0</v>
      </c>
      <c r="FF34" s="114">
        <v>0</v>
      </c>
      <c r="FG34" s="114">
        <v>0</v>
      </c>
      <c r="FH34" s="114">
        <v>0</v>
      </c>
      <c r="FI34" s="113">
        <v>0</v>
      </c>
      <c r="FJ34" s="116">
        <v>0</v>
      </c>
      <c r="FK34" s="110">
        <v>141150</v>
      </c>
      <c r="FL34" s="114">
        <v>200670</v>
      </c>
      <c r="FM34" s="113">
        <v>341820</v>
      </c>
      <c r="FN34" s="110">
        <v>0</v>
      </c>
      <c r="FO34" s="114">
        <v>381915</v>
      </c>
      <c r="FP34" s="114">
        <v>965410</v>
      </c>
      <c r="FQ34" s="114">
        <v>508980</v>
      </c>
      <c r="FR34" s="114">
        <v>868796</v>
      </c>
      <c r="FS34" s="114">
        <v>575163</v>
      </c>
      <c r="FT34" s="113">
        <v>3300264</v>
      </c>
      <c r="FU34" s="116">
        <v>3642084</v>
      </c>
      <c r="FV34" s="115">
        <v>118430</v>
      </c>
      <c r="FW34" s="114">
        <v>200670</v>
      </c>
      <c r="FX34" s="112">
        <v>319100</v>
      </c>
      <c r="FY34" s="111">
        <v>0</v>
      </c>
      <c r="FZ34" s="114">
        <v>271915</v>
      </c>
      <c r="GA34" s="114">
        <v>842799</v>
      </c>
      <c r="GB34" s="114">
        <v>508980</v>
      </c>
      <c r="GC34" s="114">
        <v>817475</v>
      </c>
      <c r="GD34" s="114">
        <v>575163</v>
      </c>
      <c r="GE34" s="113">
        <v>3016332</v>
      </c>
      <c r="GF34" s="319">
        <v>3335432</v>
      </c>
      <c r="GG34" s="115">
        <v>22720</v>
      </c>
      <c r="GH34" s="114">
        <v>0</v>
      </c>
      <c r="GI34" s="112">
        <v>22720</v>
      </c>
      <c r="GJ34" s="111">
        <v>0</v>
      </c>
      <c r="GK34" s="114">
        <v>90000</v>
      </c>
      <c r="GL34" s="114">
        <v>0</v>
      </c>
      <c r="GM34" s="114">
        <v>0</v>
      </c>
      <c r="GN34" s="114">
        <v>51321</v>
      </c>
      <c r="GO34" s="114">
        <v>0</v>
      </c>
      <c r="GP34" s="113">
        <v>141321</v>
      </c>
      <c r="GQ34" s="116">
        <v>164041</v>
      </c>
      <c r="GR34" s="110">
        <v>0</v>
      </c>
      <c r="GS34" s="114">
        <v>0</v>
      </c>
      <c r="GT34" s="113">
        <v>0</v>
      </c>
      <c r="GU34" s="110">
        <v>0</v>
      </c>
      <c r="GV34" s="114">
        <v>20000</v>
      </c>
      <c r="GW34" s="114">
        <v>122611</v>
      </c>
      <c r="GX34" s="114">
        <v>0</v>
      </c>
      <c r="GY34" s="114">
        <v>0</v>
      </c>
      <c r="GZ34" s="114">
        <v>0</v>
      </c>
      <c r="HA34" s="112">
        <v>142611</v>
      </c>
      <c r="HB34" s="116">
        <v>142611</v>
      </c>
      <c r="HC34" s="110">
        <v>0</v>
      </c>
      <c r="HD34" s="114">
        <v>0</v>
      </c>
      <c r="HE34" s="112">
        <v>0</v>
      </c>
      <c r="HF34" s="111">
        <v>0</v>
      </c>
      <c r="HG34" s="114">
        <v>1010477</v>
      </c>
      <c r="HH34" s="114">
        <v>1943258</v>
      </c>
      <c r="HI34" s="114">
        <v>609123</v>
      </c>
      <c r="HJ34" s="114">
        <v>1133756</v>
      </c>
      <c r="HK34" s="114">
        <v>1111446</v>
      </c>
      <c r="HL34" s="113">
        <v>5808060</v>
      </c>
      <c r="HM34" s="109">
        <v>5808060</v>
      </c>
      <c r="HN34" s="115">
        <v>105120</v>
      </c>
      <c r="HO34" s="114">
        <v>151920</v>
      </c>
      <c r="HP34" s="113">
        <v>257040</v>
      </c>
      <c r="HQ34" s="110">
        <v>0</v>
      </c>
      <c r="HR34" s="114">
        <v>1114258</v>
      </c>
      <c r="HS34" s="114">
        <v>1257563</v>
      </c>
      <c r="HT34" s="114">
        <v>843357</v>
      </c>
      <c r="HU34" s="114">
        <v>717767</v>
      </c>
      <c r="HV34" s="114">
        <v>378827</v>
      </c>
      <c r="HW34" s="112">
        <v>4311772</v>
      </c>
      <c r="HX34" s="116">
        <v>4568812</v>
      </c>
      <c r="HY34" s="150">
        <v>44901</v>
      </c>
      <c r="HZ34" s="135">
        <v>229347</v>
      </c>
      <c r="IA34" s="150">
        <v>274248</v>
      </c>
      <c r="IB34" s="134">
        <v>0</v>
      </c>
      <c r="IC34" s="135">
        <v>1929585</v>
      </c>
      <c r="ID34" s="136">
        <v>2792375</v>
      </c>
      <c r="IE34" s="137">
        <v>3885684</v>
      </c>
      <c r="IF34" s="135">
        <v>3513241</v>
      </c>
      <c r="IG34" s="137">
        <v>2038878</v>
      </c>
      <c r="IH34" s="138">
        <v>14159763</v>
      </c>
      <c r="II34" s="150">
        <v>14434011</v>
      </c>
      <c r="IJ34" s="232">
        <v>0</v>
      </c>
      <c r="IK34" s="236">
        <v>0</v>
      </c>
      <c r="IL34" s="237">
        <v>0</v>
      </c>
      <c r="IM34" s="140"/>
      <c r="IN34" s="119">
        <v>0</v>
      </c>
      <c r="IO34" s="119">
        <v>0</v>
      </c>
      <c r="IP34" s="119">
        <v>0</v>
      </c>
      <c r="IQ34" s="119">
        <v>0</v>
      </c>
      <c r="IR34" s="119">
        <v>0</v>
      </c>
      <c r="IS34" s="141">
        <v>0</v>
      </c>
      <c r="IT34" s="321">
        <v>0</v>
      </c>
      <c r="IU34" s="142">
        <v>0</v>
      </c>
      <c r="IV34" s="119">
        <v>0</v>
      </c>
      <c r="IW34" s="120">
        <v>0</v>
      </c>
      <c r="IX34" s="144"/>
      <c r="IY34" s="119">
        <v>0</v>
      </c>
      <c r="IZ34" s="119">
        <v>0</v>
      </c>
      <c r="JA34" s="119">
        <v>0</v>
      </c>
      <c r="JB34" s="119">
        <v>0</v>
      </c>
      <c r="JC34" s="119">
        <v>0</v>
      </c>
      <c r="JD34" s="120">
        <v>0</v>
      </c>
      <c r="JE34" s="121">
        <v>0</v>
      </c>
      <c r="JF34" s="142">
        <v>0</v>
      </c>
      <c r="JG34" s="119">
        <v>0</v>
      </c>
      <c r="JH34" s="141">
        <v>0</v>
      </c>
      <c r="JI34" s="118">
        <v>0</v>
      </c>
      <c r="JJ34" s="119">
        <v>944088</v>
      </c>
      <c r="JK34" s="119">
        <v>1147400</v>
      </c>
      <c r="JL34" s="119">
        <v>257241</v>
      </c>
      <c r="JM34" s="119">
        <v>117918</v>
      </c>
      <c r="JN34" s="119">
        <v>0</v>
      </c>
      <c r="JO34" s="120">
        <v>2466647</v>
      </c>
      <c r="JP34" s="321">
        <v>2466647</v>
      </c>
      <c r="JQ34" s="142">
        <v>0</v>
      </c>
      <c r="JR34" s="119">
        <v>0</v>
      </c>
      <c r="JS34" s="141">
        <v>0</v>
      </c>
      <c r="JT34" s="118">
        <v>0</v>
      </c>
      <c r="JU34" s="119">
        <v>96903</v>
      </c>
      <c r="JV34" s="119">
        <v>71217</v>
      </c>
      <c r="JW34" s="119">
        <v>412282</v>
      </c>
      <c r="JX34" s="119">
        <v>28152</v>
      </c>
      <c r="JY34" s="119">
        <v>0</v>
      </c>
      <c r="JZ34" s="120">
        <v>608554</v>
      </c>
      <c r="KA34" s="321">
        <v>608554</v>
      </c>
      <c r="KB34" s="234">
        <v>44901</v>
      </c>
      <c r="KC34" s="230">
        <v>229347</v>
      </c>
      <c r="KD34" s="120">
        <v>274248</v>
      </c>
      <c r="KE34" s="118">
        <v>0</v>
      </c>
      <c r="KF34" s="119">
        <v>366198</v>
      </c>
      <c r="KG34" s="119">
        <v>179046</v>
      </c>
      <c r="KH34" s="119">
        <v>730170</v>
      </c>
      <c r="KI34" s="119">
        <v>887945</v>
      </c>
      <c r="KJ34" s="119">
        <v>289314</v>
      </c>
      <c r="KK34" s="120">
        <v>2452673</v>
      </c>
      <c r="KL34" s="143">
        <v>2726921</v>
      </c>
      <c r="KM34" s="232">
        <v>0</v>
      </c>
      <c r="KN34" s="236">
        <v>0</v>
      </c>
      <c r="KO34" s="237">
        <v>0</v>
      </c>
      <c r="KP34" s="140"/>
      <c r="KQ34" s="119">
        <v>522396</v>
      </c>
      <c r="KR34" s="119">
        <v>806157</v>
      </c>
      <c r="KS34" s="119">
        <v>800046</v>
      </c>
      <c r="KT34" s="119">
        <v>280629</v>
      </c>
      <c r="KU34" s="119">
        <v>572040</v>
      </c>
      <c r="KV34" s="120">
        <v>2981268</v>
      </c>
      <c r="KW34" s="321">
        <v>2981268</v>
      </c>
      <c r="KX34" s="142">
        <v>0</v>
      </c>
      <c r="KY34" s="119">
        <v>0</v>
      </c>
      <c r="KZ34" s="120">
        <v>0</v>
      </c>
      <c r="LA34" s="145"/>
      <c r="LB34" s="119">
        <v>0</v>
      </c>
      <c r="LC34" s="119">
        <v>0</v>
      </c>
      <c r="LD34" s="119">
        <v>0</v>
      </c>
      <c r="LE34" s="119">
        <v>0</v>
      </c>
      <c r="LF34" s="119">
        <v>0</v>
      </c>
      <c r="LG34" s="120">
        <v>0</v>
      </c>
      <c r="LH34" s="121">
        <v>0</v>
      </c>
      <c r="LI34" s="142">
        <v>0</v>
      </c>
      <c r="LJ34" s="119">
        <v>0</v>
      </c>
      <c r="LK34" s="120">
        <v>0</v>
      </c>
      <c r="LL34" s="145"/>
      <c r="LM34" s="119">
        <v>0</v>
      </c>
      <c r="LN34" s="119">
        <v>588555</v>
      </c>
      <c r="LO34" s="119">
        <v>1685945</v>
      </c>
      <c r="LP34" s="119">
        <v>2198597</v>
      </c>
      <c r="LQ34" s="119">
        <v>1177524</v>
      </c>
      <c r="LR34" s="120">
        <v>5650621</v>
      </c>
      <c r="LS34" s="321">
        <v>5650621</v>
      </c>
      <c r="LT34" s="142">
        <v>0</v>
      </c>
      <c r="LU34" s="119">
        <v>0</v>
      </c>
      <c r="LV34" s="120">
        <v>0</v>
      </c>
      <c r="LW34" s="145"/>
      <c r="LX34" s="119">
        <v>0</v>
      </c>
      <c r="LY34" s="119">
        <v>0</v>
      </c>
      <c r="LZ34" s="119">
        <v>0</v>
      </c>
      <c r="MA34" s="119">
        <v>0</v>
      </c>
      <c r="MB34" s="119">
        <v>0</v>
      </c>
      <c r="MC34" s="120">
        <v>0</v>
      </c>
      <c r="MD34" s="121">
        <v>0</v>
      </c>
      <c r="ME34" s="142">
        <v>0</v>
      </c>
      <c r="MF34" s="119">
        <v>0</v>
      </c>
      <c r="MG34" s="120">
        <v>0</v>
      </c>
      <c r="MH34" s="145"/>
      <c r="MI34" s="119">
        <v>732858</v>
      </c>
      <c r="MJ34" s="119">
        <v>2597864</v>
      </c>
      <c r="MK34" s="119">
        <v>7102387</v>
      </c>
      <c r="ML34" s="119">
        <v>13098816</v>
      </c>
      <c r="MM34" s="119">
        <v>8779820</v>
      </c>
      <c r="MN34" s="120">
        <v>32311745</v>
      </c>
      <c r="MO34" s="143">
        <v>32311745</v>
      </c>
      <c r="MP34" s="142">
        <v>0</v>
      </c>
      <c r="MQ34" s="119">
        <v>0</v>
      </c>
      <c r="MR34" s="120">
        <v>0</v>
      </c>
      <c r="MS34" s="145"/>
      <c r="MT34" s="119">
        <v>0</v>
      </c>
      <c r="MU34" s="119">
        <v>473171</v>
      </c>
      <c r="MV34" s="119">
        <v>4830965</v>
      </c>
      <c r="MW34" s="119">
        <v>8669387</v>
      </c>
      <c r="MX34" s="119">
        <v>5628426</v>
      </c>
      <c r="MY34" s="120">
        <v>19601949</v>
      </c>
      <c r="MZ34" s="143">
        <v>19601949</v>
      </c>
      <c r="NA34" s="142">
        <v>0</v>
      </c>
      <c r="NB34" s="119">
        <v>0</v>
      </c>
      <c r="NC34" s="120">
        <v>0</v>
      </c>
      <c r="ND34" s="145"/>
      <c r="NE34" s="119">
        <v>732858</v>
      </c>
      <c r="NF34" s="119">
        <v>2124693</v>
      </c>
      <c r="NG34" s="119">
        <v>2271422</v>
      </c>
      <c r="NH34" s="119">
        <v>4429429</v>
      </c>
      <c r="NI34" s="119">
        <v>2389862</v>
      </c>
      <c r="NJ34" s="120">
        <v>11948264</v>
      </c>
      <c r="NK34" s="321">
        <v>11948264</v>
      </c>
      <c r="NL34" s="142">
        <v>0</v>
      </c>
      <c r="NM34" s="119">
        <v>0</v>
      </c>
      <c r="NN34" s="120">
        <v>0</v>
      </c>
      <c r="NO34" s="145"/>
      <c r="NP34" s="119">
        <v>0</v>
      </c>
      <c r="NQ34" s="119">
        <v>0</v>
      </c>
      <c r="NR34" s="119">
        <v>0</v>
      </c>
      <c r="NS34" s="119">
        <v>0</v>
      </c>
      <c r="NT34" s="119">
        <v>368925</v>
      </c>
      <c r="NU34" s="120">
        <v>368925</v>
      </c>
      <c r="NV34" s="121">
        <v>368925</v>
      </c>
      <c r="NW34" s="142">
        <v>0</v>
      </c>
      <c r="NX34" s="119">
        <v>0</v>
      </c>
      <c r="NY34" s="120">
        <v>0</v>
      </c>
      <c r="NZ34" s="145"/>
      <c r="OA34" s="119">
        <v>0</v>
      </c>
      <c r="OB34" s="119">
        <v>0</v>
      </c>
      <c r="OC34" s="119">
        <v>0</v>
      </c>
      <c r="OD34" s="119">
        <v>0</v>
      </c>
      <c r="OE34" s="119">
        <v>392607</v>
      </c>
      <c r="OF34" s="120">
        <v>392607</v>
      </c>
      <c r="OG34" s="121">
        <v>392607</v>
      </c>
      <c r="OH34" s="142">
        <v>393154</v>
      </c>
      <c r="OI34" s="119">
        <v>884761</v>
      </c>
      <c r="OJ34" s="141">
        <v>1277915</v>
      </c>
      <c r="OK34" s="118">
        <v>0</v>
      </c>
      <c r="OL34" s="119">
        <v>10041196</v>
      </c>
      <c r="OM34" s="119">
        <v>15763918</v>
      </c>
      <c r="ON34" s="119">
        <v>18632781</v>
      </c>
      <c r="OO34" s="119">
        <v>25914537</v>
      </c>
      <c r="OP34" s="119">
        <v>17093759</v>
      </c>
      <c r="OQ34" s="120">
        <v>87446191</v>
      </c>
      <c r="OR34" s="143">
        <v>88724106</v>
      </c>
    </row>
    <row r="35" spans="1:408" ht="18.75" customHeight="1" x14ac:dyDescent="0.2">
      <c r="A35" s="62" t="s">
        <v>30</v>
      </c>
      <c r="B35" s="110">
        <v>590036</v>
      </c>
      <c r="C35" s="114">
        <v>675409</v>
      </c>
      <c r="D35" s="174">
        <v>1265445</v>
      </c>
      <c r="E35" s="175">
        <v>0</v>
      </c>
      <c r="F35" s="176">
        <v>6748341</v>
      </c>
      <c r="G35" s="176">
        <v>7287395</v>
      </c>
      <c r="H35" s="176">
        <v>9227923</v>
      </c>
      <c r="I35" s="176">
        <v>8000594</v>
      </c>
      <c r="J35" s="176">
        <v>3891541</v>
      </c>
      <c r="K35" s="177">
        <v>35155794</v>
      </c>
      <c r="L35" s="116">
        <v>36421239</v>
      </c>
      <c r="M35" s="110">
        <v>242700</v>
      </c>
      <c r="N35" s="114">
        <v>328650</v>
      </c>
      <c r="O35" s="113">
        <v>571350</v>
      </c>
      <c r="P35" s="110">
        <v>0</v>
      </c>
      <c r="Q35" s="114">
        <v>1608985</v>
      </c>
      <c r="R35" s="114">
        <v>2346227</v>
      </c>
      <c r="S35" s="114">
        <v>2872340</v>
      </c>
      <c r="T35" s="114">
        <v>3003166</v>
      </c>
      <c r="U35" s="114">
        <v>2241119</v>
      </c>
      <c r="V35" s="113">
        <v>12071837</v>
      </c>
      <c r="W35" s="116">
        <v>12643187</v>
      </c>
      <c r="X35" s="110">
        <v>0</v>
      </c>
      <c r="Y35" s="114">
        <v>0</v>
      </c>
      <c r="Z35" s="113">
        <v>0</v>
      </c>
      <c r="AA35" s="110">
        <v>0</v>
      </c>
      <c r="AB35" s="114">
        <v>532061</v>
      </c>
      <c r="AC35" s="114">
        <v>1125572</v>
      </c>
      <c r="AD35" s="114">
        <v>1554547</v>
      </c>
      <c r="AE35" s="114">
        <v>1397720</v>
      </c>
      <c r="AF35" s="114">
        <v>1359353</v>
      </c>
      <c r="AG35" s="113">
        <v>5969253</v>
      </c>
      <c r="AH35" s="116">
        <v>5969253</v>
      </c>
      <c r="AI35" s="110">
        <v>0</v>
      </c>
      <c r="AJ35" s="114">
        <v>0</v>
      </c>
      <c r="AK35" s="113">
        <v>0</v>
      </c>
      <c r="AL35" s="110">
        <v>0</v>
      </c>
      <c r="AM35" s="114">
        <v>50715</v>
      </c>
      <c r="AN35" s="114">
        <v>109512</v>
      </c>
      <c r="AO35" s="114">
        <v>123723</v>
      </c>
      <c r="AP35" s="114">
        <v>383545</v>
      </c>
      <c r="AQ35" s="114">
        <v>409099</v>
      </c>
      <c r="AR35" s="113">
        <v>1076594</v>
      </c>
      <c r="AS35" s="116">
        <v>1076594</v>
      </c>
      <c r="AT35" s="110">
        <v>202524</v>
      </c>
      <c r="AU35" s="114">
        <v>313980</v>
      </c>
      <c r="AV35" s="113">
        <v>516504</v>
      </c>
      <c r="AW35" s="110">
        <v>0</v>
      </c>
      <c r="AX35" s="114">
        <v>636908</v>
      </c>
      <c r="AY35" s="114">
        <v>893379</v>
      </c>
      <c r="AZ35" s="114">
        <v>855037</v>
      </c>
      <c r="BA35" s="114">
        <v>964893</v>
      </c>
      <c r="BB35" s="114">
        <v>288077</v>
      </c>
      <c r="BC35" s="113">
        <v>3638294</v>
      </c>
      <c r="BD35" s="116">
        <v>4154798</v>
      </c>
      <c r="BE35" s="110">
        <v>0</v>
      </c>
      <c r="BF35" s="114">
        <v>0</v>
      </c>
      <c r="BG35" s="112">
        <v>0</v>
      </c>
      <c r="BH35" s="111">
        <v>0</v>
      </c>
      <c r="BI35" s="114">
        <v>84150</v>
      </c>
      <c r="BJ35" s="114">
        <v>0</v>
      </c>
      <c r="BK35" s="114">
        <v>68832</v>
      </c>
      <c r="BL35" s="114">
        <v>33460</v>
      </c>
      <c r="BM35" s="114">
        <v>0</v>
      </c>
      <c r="BN35" s="113">
        <v>186442</v>
      </c>
      <c r="BO35" s="116">
        <v>186442</v>
      </c>
      <c r="BP35" s="110">
        <v>40176</v>
      </c>
      <c r="BQ35" s="114">
        <v>14670</v>
      </c>
      <c r="BR35" s="113">
        <v>54846</v>
      </c>
      <c r="BS35" s="110">
        <v>0</v>
      </c>
      <c r="BT35" s="114">
        <v>305151</v>
      </c>
      <c r="BU35" s="114">
        <v>217764</v>
      </c>
      <c r="BV35" s="114">
        <v>270201</v>
      </c>
      <c r="BW35" s="114">
        <v>223548</v>
      </c>
      <c r="BX35" s="114">
        <v>184590</v>
      </c>
      <c r="BY35" s="113">
        <v>1201254</v>
      </c>
      <c r="BZ35" s="116">
        <v>1256100</v>
      </c>
      <c r="CA35" s="110">
        <v>9702</v>
      </c>
      <c r="CB35" s="114">
        <v>43649</v>
      </c>
      <c r="CC35" s="113">
        <v>53351</v>
      </c>
      <c r="CD35" s="110">
        <v>0</v>
      </c>
      <c r="CE35" s="114">
        <v>2292353</v>
      </c>
      <c r="CF35" s="114">
        <v>1942410</v>
      </c>
      <c r="CG35" s="114">
        <v>2565045</v>
      </c>
      <c r="CH35" s="114">
        <v>1382649</v>
      </c>
      <c r="CI35" s="114">
        <v>184550</v>
      </c>
      <c r="CJ35" s="113">
        <v>8367007</v>
      </c>
      <c r="CK35" s="116">
        <v>8420358</v>
      </c>
      <c r="CL35" s="110">
        <v>0</v>
      </c>
      <c r="CM35" s="114">
        <v>0</v>
      </c>
      <c r="CN35" s="113">
        <v>0</v>
      </c>
      <c r="CO35" s="111">
        <v>0</v>
      </c>
      <c r="CP35" s="114">
        <v>1971383</v>
      </c>
      <c r="CQ35" s="114">
        <v>1485438</v>
      </c>
      <c r="CR35" s="114">
        <v>2503408</v>
      </c>
      <c r="CS35" s="114">
        <v>807993</v>
      </c>
      <c r="CT35" s="114">
        <v>184550</v>
      </c>
      <c r="CU35" s="113">
        <v>6952772</v>
      </c>
      <c r="CV35" s="116">
        <v>6952772</v>
      </c>
      <c r="CW35" s="110">
        <v>9702</v>
      </c>
      <c r="CX35" s="114">
        <v>43649</v>
      </c>
      <c r="CY35" s="113">
        <v>53351</v>
      </c>
      <c r="CZ35" s="110">
        <v>0</v>
      </c>
      <c r="DA35" s="114">
        <v>320970</v>
      </c>
      <c r="DB35" s="114">
        <v>456972</v>
      </c>
      <c r="DC35" s="114">
        <v>61637</v>
      </c>
      <c r="DD35" s="114">
        <v>574656</v>
      </c>
      <c r="DE35" s="114">
        <v>0</v>
      </c>
      <c r="DF35" s="113">
        <v>1414235</v>
      </c>
      <c r="DG35" s="116">
        <v>1467586</v>
      </c>
      <c r="DH35" s="110">
        <v>0</v>
      </c>
      <c r="DI35" s="114">
        <v>0</v>
      </c>
      <c r="DJ35" s="112">
        <v>0</v>
      </c>
      <c r="DK35" s="111">
        <v>0</v>
      </c>
      <c r="DL35" s="114">
        <v>178695</v>
      </c>
      <c r="DM35" s="114">
        <v>145006</v>
      </c>
      <c r="DN35" s="114">
        <v>1282035</v>
      </c>
      <c r="DO35" s="114">
        <v>1338200</v>
      </c>
      <c r="DP35" s="114">
        <v>212392</v>
      </c>
      <c r="DQ35" s="113">
        <v>3156328</v>
      </c>
      <c r="DR35" s="116">
        <v>3156328</v>
      </c>
      <c r="DS35" s="110">
        <v>0</v>
      </c>
      <c r="DT35" s="114">
        <v>0</v>
      </c>
      <c r="DU35" s="113">
        <v>0</v>
      </c>
      <c r="DV35" s="110">
        <v>0</v>
      </c>
      <c r="DW35" s="114">
        <v>178695</v>
      </c>
      <c r="DX35" s="114">
        <v>112426</v>
      </c>
      <c r="DY35" s="114">
        <v>1282035</v>
      </c>
      <c r="DZ35" s="114">
        <v>1338200</v>
      </c>
      <c r="EA35" s="114">
        <v>212392</v>
      </c>
      <c r="EB35" s="113">
        <v>3123748</v>
      </c>
      <c r="EC35" s="116">
        <v>3123748</v>
      </c>
      <c r="ED35" s="110">
        <v>0</v>
      </c>
      <c r="EE35" s="112">
        <v>0</v>
      </c>
      <c r="EF35" s="113">
        <v>0</v>
      </c>
      <c r="EG35" s="110">
        <v>0</v>
      </c>
      <c r="EH35" s="114">
        <v>0</v>
      </c>
      <c r="EI35" s="114">
        <v>32580</v>
      </c>
      <c r="EJ35" s="114">
        <v>0</v>
      </c>
      <c r="EK35" s="114">
        <v>0</v>
      </c>
      <c r="EL35" s="114">
        <v>0</v>
      </c>
      <c r="EM35" s="112">
        <v>32580</v>
      </c>
      <c r="EN35" s="116">
        <v>32580</v>
      </c>
      <c r="EO35" s="110">
        <v>0</v>
      </c>
      <c r="EP35" s="114">
        <v>0</v>
      </c>
      <c r="EQ35" s="112">
        <v>0</v>
      </c>
      <c r="ER35" s="111">
        <v>0</v>
      </c>
      <c r="ES35" s="114">
        <v>0</v>
      </c>
      <c r="ET35" s="114">
        <v>0</v>
      </c>
      <c r="EU35" s="114">
        <v>0</v>
      </c>
      <c r="EV35" s="114">
        <v>0</v>
      </c>
      <c r="EW35" s="114">
        <v>0</v>
      </c>
      <c r="EX35" s="113">
        <v>0</v>
      </c>
      <c r="EY35" s="116">
        <v>0</v>
      </c>
      <c r="EZ35" s="110">
        <v>0</v>
      </c>
      <c r="FA35" s="114">
        <v>0</v>
      </c>
      <c r="FB35" s="112">
        <v>0</v>
      </c>
      <c r="FC35" s="348"/>
      <c r="FD35" s="114">
        <v>0</v>
      </c>
      <c r="FE35" s="114">
        <v>0</v>
      </c>
      <c r="FF35" s="114">
        <v>0</v>
      </c>
      <c r="FG35" s="114">
        <v>0</v>
      </c>
      <c r="FH35" s="114">
        <v>0</v>
      </c>
      <c r="FI35" s="113">
        <v>0</v>
      </c>
      <c r="FJ35" s="116">
        <v>0</v>
      </c>
      <c r="FK35" s="110">
        <v>111710</v>
      </c>
      <c r="FL35" s="114">
        <v>146810</v>
      </c>
      <c r="FM35" s="113">
        <v>258520</v>
      </c>
      <c r="FN35" s="110">
        <v>0</v>
      </c>
      <c r="FO35" s="114">
        <v>657759</v>
      </c>
      <c r="FP35" s="114">
        <v>737081</v>
      </c>
      <c r="FQ35" s="114">
        <v>1099857</v>
      </c>
      <c r="FR35" s="114">
        <v>825436</v>
      </c>
      <c r="FS35" s="114">
        <v>471780</v>
      </c>
      <c r="FT35" s="113">
        <v>3791913</v>
      </c>
      <c r="FU35" s="116">
        <v>4050433</v>
      </c>
      <c r="FV35" s="115">
        <v>111710</v>
      </c>
      <c r="FW35" s="114">
        <v>146810</v>
      </c>
      <c r="FX35" s="112">
        <v>258520</v>
      </c>
      <c r="FY35" s="111">
        <v>0</v>
      </c>
      <c r="FZ35" s="114">
        <v>427863</v>
      </c>
      <c r="GA35" s="114">
        <v>737081</v>
      </c>
      <c r="GB35" s="114">
        <v>919857</v>
      </c>
      <c r="GC35" s="114">
        <v>746236</v>
      </c>
      <c r="GD35" s="114">
        <v>389160</v>
      </c>
      <c r="GE35" s="113">
        <v>3220197</v>
      </c>
      <c r="GF35" s="319">
        <v>3478717</v>
      </c>
      <c r="GG35" s="115">
        <v>0</v>
      </c>
      <c r="GH35" s="114">
        <v>0</v>
      </c>
      <c r="GI35" s="112">
        <v>0</v>
      </c>
      <c r="GJ35" s="111">
        <v>0</v>
      </c>
      <c r="GK35" s="114">
        <v>49896</v>
      </c>
      <c r="GL35" s="114">
        <v>0</v>
      </c>
      <c r="GM35" s="114">
        <v>0</v>
      </c>
      <c r="GN35" s="114">
        <v>0</v>
      </c>
      <c r="GO35" s="114">
        <v>82620</v>
      </c>
      <c r="GP35" s="113">
        <v>132516</v>
      </c>
      <c r="GQ35" s="116">
        <v>132516</v>
      </c>
      <c r="GR35" s="110">
        <v>0</v>
      </c>
      <c r="GS35" s="114">
        <v>0</v>
      </c>
      <c r="GT35" s="113">
        <v>0</v>
      </c>
      <c r="GU35" s="110">
        <v>0</v>
      </c>
      <c r="GV35" s="114">
        <v>180000</v>
      </c>
      <c r="GW35" s="114">
        <v>0</v>
      </c>
      <c r="GX35" s="114">
        <v>180000</v>
      </c>
      <c r="GY35" s="114">
        <v>79200</v>
      </c>
      <c r="GZ35" s="114">
        <v>0</v>
      </c>
      <c r="HA35" s="112">
        <v>439200</v>
      </c>
      <c r="HB35" s="116">
        <v>439200</v>
      </c>
      <c r="HC35" s="110">
        <v>116424</v>
      </c>
      <c r="HD35" s="114">
        <v>0</v>
      </c>
      <c r="HE35" s="112">
        <v>116424</v>
      </c>
      <c r="HF35" s="111">
        <v>0</v>
      </c>
      <c r="HG35" s="114">
        <v>894147</v>
      </c>
      <c r="HH35" s="114">
        <v>1174599</v>
      </c>
      <c r="HI35" s="114">
        <v>438258</v>
      </c>
      <c r="HJ35" s="114">
        <v>769851</v>
      </c>
      <c r="HK35" s="114">
        <v>527820</v>
      </c>
      <c r="HL35" s="113">
        <v>3804675</v>
      </c>
      <c r="HM35" s="109">
        <v>3921099</v>
      </c>
      <c r="HN35" s="115">
        <v>109500</v>
      </c>
      <c r="HO35" s="114">
        <v>156300</v>
      </c>
      <c r="HP35" s="113">
        <v>265800</v>
      </c>
      <c r="HQ35" s="110">
        <v>0</v>
      </c>
      <c r="HR35" s="114">
        <v>1116402</v>
      </c>
      <c r="HS35" s="114">
        <v>942072</v>
      </c>
      <c r="HT35" s="114">
        <v>970388</v>
      </c>
      <c r="HU35" s="114">
        <v>681292</v>
      </c>
      <c r="HV35" s="114">
        <v>253880</v>
      </c>
      <c r="HW35" s="112">
        <v>3964034</v>
      </c>
      <c r="HX35" s="116">
        <v>4229834</v>
      </c>
      <c r="HY35" s="131">
        <v>25834</v>
      </c>
      <c r="HZ35" s="132">
        <v>0</v>
      </c>
      <c r="IA35" s="133">
        <v>25834</v>
      </c>
      <c r="IB35" s="146">
        <v>0</v>
      </c>
      <c r="IC35" s="132">
        <v>3595699</v>
      </c>
      <c r="ID35" s="147">
        <v>1919372</v>
      </c>
      <c r="IE35" s="133">
        <v>2459859</v>
      </c>
      <c r="IF35" s="132">
        <v>1905406</v>
      </c>
      <c r="IG35" s="133">
        <v>1196523</v>
      </c>
      <c r="IH35" s="148">
        <v>11076859</v>
      </c>
      <c r="II35" s="139">
        <v>11102693</v>
      </c>
      <c r="IJ35" s="232">
        <v>0</v>
      </c>
      <c r="IK35" s="236">
        <v>0</v>
      </c>
      <c r="IL35" s="237">
        <v>0</v>
      </c>
      <c r="IM35" s="140"/>
      <c r="IN35" s="119">
        <v>67059</v>
      </c>
      <c r="IO35" s="119">
        <v>0</v>
      </c>
      <c r="IP35" s="119">
        <v>177669</v>
      </c>
      <c r="IQ35" s="119">
        <v>0</v>
      </c>
      <c r="IR35" s="119">
        <v>0</v>
      </c>
      <c r="IS35" s="141">
        <v>244728</v>
      </c>
      <c r="IT35" s="321">
        <v>244728</v>
      </c>
      <c r="IU35" s="142">
        <v>0</v>
      </c>
      <c r="IV35" s="119">
        <v>0</v>
      </c>
      <c r="IW35" s="120">
        <v>0</v>
      </c>
      <c r="IX35" s="144"/>
      <c r="IY35" s="119">
        <v>0</v>
      </c>
      <c r="IZ35" s="119">
        <v>0</v>
      </c>
      <c r="JA35" s="119">
        <v>0</v>
      </c>
      <c r="JB35" s="119">
        <v>0</v>
      </c>
      <c r="JC35" s="119">
        <v>0</v>
      </c>
      <c r="JD35" s="120">
        <v>0</v>
      </c>
      <c r="JE35" s="121">
        <v>0</v>
      </c>
      <c r="JF35" s="142">
        <v>0</v>
      </c>
      <c r="JG35" s="119">
        <v>0</v>
      </c>
      <c r="JH35" s="141">
        <v>0</v>
      </c>
      <c r="JI35" s="118">
        <v>0</v>
      </c>
      <c r="JJ35" s="119">
        <v>1138008</v>
      </c>
      <c r="JK35" s="119">
        <v>1161381</v>
      </c>
      <c r="JL35" s="119">
        <v>538564</v>
      </c>
      <c r="JM35" s="119">
        <v>505800</v>
      </c>
      <c r="JN35" s="119">
        <v>7047</v>
      </c>
      <c r="JO35" s="120">
        <v>3350800</v>
      </c>
      <c r="JP35" s="321">
        <v>3350800</v>
      </c>
      <c r="JQ35" s="142">
        <v>25834</v>
      </c>
      <c r="JR35" s="119">
        <v>0</v>
      </c>
      <c r="JS35" s="141">
        <v>25834</v>
      </c>
      <c r="JT35" s="118">
        <v>0</v>
      </c>
      <c r="JU35" s="119">
        <v>21123</v>
      </c>
      <c r="JV35" s="119">
        <v>36925</v>
      </c>
      <c r="JW35" s="119">
        <v>260525</v>
      </c>
      <c r="JX35" s="119">
        <v>0</v>
      </c>
      <c r="JY35" s="119">
        <v>0</v>
      </c>
      <c r="JZ35" s="120">
        <v>318573</v>
      </c>
      <c r="KA35" s="321">
        <v>344407</v>
      </c>
      <c r="KB35" s="234">
        <v>0</v>
      </c>
      <c r="KC35" s="230">
        <v>0</v>
      </c>
      <c r="KD35" s="120">
        <v>0</v>
      </c>
      <c r="KE35" s="118">
        <v>0</v>
      </c>
      <c r="KF35" s="119">
        <v>0</v>
      </c>
      <c r="KG35" s="119">
        <v>0</v>
      </c>
      <c r="KH35" s="119">
        <v>0</v>
      </c>
      <c r="KI35" s="119">
        <v>376872</v>
      </c>
      <c r="KJ35" s="119">
        <v>613624</v>
      </c>
      <c r="KK35" s="120">
        <v>990496</v>
      </c>
      <c r="KL35" s="143">
        <v>990496</v>
      </c>
      <c r="KM35" s="232">
        <v>0</v>
      </c>
      <c r="KN35" s="236">
        <v>0</v>
      </c>
      <c r="KO35" s="237">
        <v>0</v>
      </c>
      <c r="KP35" s="140"/>
      <c r="KQ35" s="119">
        <v>2369509</v>
      </c>
      <c r="KR35" s="119">
        <v>721066</v>
      </c>
      <c r="KS35" s="119">
        <v>1483101</v>
      </c>
      <c r="KT35" s="119">
        <v>1022734</v>
      </c>
      <c r="KU35" s="119">
        <v>575852</v>
      </c>
      <c r="KV35" s="120">
        <v>6172262</v>
      </c>
      <c r="KW35" s="321">
        <v>6172262</v>
      </c>
      <c r="KX35" s="142">
        <v>0</v>
      </c>
      <c r="KY35" s="119">
        <v>0</v>
      </c>
      <c r="KZ35" s="120">
        <v>0</v>
      </c>
      <c r="LA35" s="145"/>
      <c r="LB35" s="119">
        <v>0</v>
      </c>
      <c r="LC35" s="119">
        <v>0</v>
      </c>
      <c r="LD35" s="119">
        <v>0</v>
      </c>
      <c r="LE35" s="119">
        <v>0</v>
      </c>
      <c r="LF35" s="119">
        <v>0</v>
      </c>
      <c r="LG35" s="120">
        <v>0</v>
      </c>
      <c r="LH35" s="121">
        <v>0</v>
      </c>
      <c r="LI35" s="142">
        <v>0</v>
      </c>
      <c r="LJ35" s="119">
        <v>0</v>
      </c>
      <c r="LK35" s="120">
        <v>0</v>
      </c>
      <c r="LL35" s="145"/>
      <c r="LM35" s="119">
        <v>0</v>
      </c>
      <c r="LN35" s="119">
        <v>0</v>
      </c>
      <c r="LO35" s="119">
        <v>0</v>
      </c>
      <c r="LP35" s="119">
        <v>0</v>
      </c>
      <c r="LQ35" s="119">
        <v>0</v>
      </c>
      <c r="LR35" s="120">
        <v>0</v>
      </c>
      <c r="LS35" s="321">
        <v>0</v>
      </c>
      <c r="LT35" s="142">
        <v>0</v>
      </c>
      <c r="LU35" s="119">
        <v>0</v>
      </c>
      <c r="LV35" s="120">
        <v>0</v>
      </c>
      <c r="LW35" s="145"/>
      <c r="LX35" s="119">
        <v>0</v>
      </c>
      <c r="LY35" s="119">
        <v>0</v>
      </c>
      <c r="LZ35" s="119">
        <v>0</v>
      </c>
      <c r="MA35" s="119">
        <v>0</v>
      </c>
      <c r="MB35" s="119">
        <v>0</v>
      </c>
      <c r="MC35" s="120">
        <v>0</v>
      </c>
      <c r="MD35" s="121">
        <v>0</v>
      </c>
      <c r="ME35" s="142">
        <v>0</v>
      </c>
      <c r="MF35" s="119">
        <v>0</v>
      </c>
      <c r="MG35" s="120">
        <v>0</v>
      </c>
      <c r="MH35" s="145"/>
      <c r="MI35" s="119">
        <v>1405689</v>
      </c>
      <c r="MJ35" s="119">
        <v>2343493</v>
      </c>
      <c r="MK35" s="119">
        <v>8826587</v>
      </c>
      <c r="ML35" s="119">
        <v>11847654</v>
      </c>
      <c r="MM35" s="119">
        <v>8119862</v>
      </c>
      <c r="MN35" s="120">
        <v>32543285</v>
      </c>
      <c r="MO35" s="143">
        <v>32543285</v>
      </c>
      <c r="MP35" s="142">
        <v>0</v>
      </c>
      <c r="MQ35" s="119">
        <v>0</v>
      </c>
      <c r="MR35" s="120">
        <v>0</v>
      </c>
      <c r="MS35" s="145"/>
      <c r="MT35" s="119">
        <v>229401</v>
      </c>
      <c r="MU35" s="119">
        <v>460998</v>
      </c>
      <c r="MV35" s="119">
        <v>5777044</v>
      </c>
      <c r="MW35" s="119">
        <v>5643112</v>
      </c>
      <c r="MX35" s="119">
        <v>5511068</v>
      </c>
      <c r="MY35" s="120">
        <v>17621623</v>
      </c>
      <c r="MZ35" s="143">
        <v>17621623</v>
      </c>
      <c r="NA35" s="142">
        <v>0</v>
      </c>
      <c r="NB35" s="119">
        <v>0</v>
      </c>
      <c r="NC35" s="120">
        <v>0</v>
      </c>
      <c r="ND35" s="145"/>
      <c r="NE35" s="119">
        <v>1176288</v>
      </c>
      <c r="NF35" s="119">
        <v>1627759</v>
      </c>
      <c r="NG35" s="119">
        <v>3049543</v>
      </c>
      <c r="NH35" s="119">
        <v>6204542</v>
      </c>
      <c r="NI35" s="119">
        <v>1802021</v>
      </c>
      <c r="NJ35" s="120">
        <v>13860153</v>
      </c>
      <c r="NK35" s="321">
        <v>13860153</v>
      </c>
      <c r="NL35" s="142">
        <v>0</v>
      </c>
      <c r="NM35" s="119">
        <v>0</v>
      </c>
      <c r="NN35" s="120">
        <v>0</v>
      </c>
      <c r="NO35" s="145"/>
      <c r="NP35" s="119">
        <v>0</v>
      </c>
      <c r="NQ35" s="119">
        <v>0</v>
      </c>
      <c r="NR35" s="119">
        <v>0</v>
      </c>
      <c r="NS35" s="119">
        <v>0</v>
      </c>
      <c r="NT35" s="119">
        <v>0</v>
      </c>
      <c r="NU35" s="120">
        <v>0</v>
      </c>
      <c r="NV35" s="121">
        <v>0</v>
      </c>
      <c r="NW35" s="142">
        <v>0</v>
      </c>
      <c r="NX35" s="119">
        <v>0</v>
      </c>
      <c r="NY35" s="120">
        <v>0</v>
      </c>
      <c r="NZ35" s="145"/>
      <c r="OA35" s="119">
        <v>0</v>
      </c>
      <c r="OB35" s="119">
        <v>254736</v>
      </c>
      <c r="OC35" s="119">
        <v>0</v>
      </c>
      <c r="OD35" s="119">
        <v>0</v>
      </c>
      <c r="OE35" s="119">
        <v>806773</v>
      </c>
      <c r="OF35" s="120">
        <v>1061509</v>
      </c>
      <c r="OG35" s="121">
        <v>1061509</v>
      </c>
      <c r="OH35" s="142">
        <v>615870</v>
      </c>
      <c r="OI35" s="119">
        <v>675409</v>
      </c>
      <c r="OJ35" s="141">
        <v>1291279</v>
      </c>
      <c r="OK35" s="118">
        <v>0</v>
      </c>
      <c r="OL35" s="119">
        <v>11749729</v>
      </c>
      <c r="OM35" s="119">
        <v>11550260</v>
      </c>
      <c r="ON35" s="119">
        <v>20514369</v>
      </c>
      <c r="OO35" s="119">
        <v>21753654</v>
      </c>
      <c r="OP35" s="119">
        <v>13207926</v>
      </c>
      <c r="OQ35" s="120">
        <v>78775938</v>
      </c>
      <c r="OR35" s="143">
        <v>80067217</v>
      </c>
    </row>
    <row r="36" spans="1:408" ht="18.75" customHeight="1" x14ac:dyDescent="0.2">
      <c r="A36" s="62" t="s">
        <v>31</v>
      </c>
      <c r="B36" s="110">
        <v>602876</v>
      </c>
      <c r="C36" s="114">
        <v>902891</v>
      </c>
      <c r="D36" s="113">
        <v>1505767</v>
      </c>
      <c r="E36" s="109">
        <v>0</v>
      </c>
      <c r="F36" s="114">
        <v>7222924</v>
      </c>
      <c r="G36" s="114">
        <v>10358599</v>
      </c>
      <c r="H36" s="114">
        <v>9223192</v>
      </c>
      <c r="I36" s="114">
        <v>4685848</v>
      </c>
      <c r="J36" s="114">
        <v>4166916</v>
      </c>
      <c r="K36" s="173">
        <v>35657479</v>
      </c>
      <c r="L36" s="116">
        <v>37163246</v>
      </c>
      <c r="M36" s="110">
        <v>96022</v>
      </c>
      <c r="N36" s="114">
        <v>110619</v>
      </c>
      <c r="O36" s="113">
        <v>206641</v>
      </c>
      <c r="P36" s="110">
        <v>0</v>
      </c>
      <c r="Q36" s="114">
        <v>1430753</v>
      </c>
      <c r="R36" s="114">
        <v>1933260</v>
      </c>
      <c r="S36" s="114">
        <v>1789521</v>
      </c>
      <c r="T36" s="114">
        <v>1572337</v>
      </c>
      <c r="U36" s="114">
        <v>2134051</v>
      </c>
      <c r="V36" s="113">
        <v>8859922</v>
      </c>
      <c r="W36" s="116">
        <v>9066563</v>
      </c>
      <c r="X36" s="110">
        <v>0</v>
      </c>
      <c r="Y36" s="114">
        <v>0</v>
      </c>
      <c r="Z36" s="113">
        <v>0</v>
      </c>
      <c r="AA36" s="110">
        <v>0</v>
      </c>
      <c r="AB36" s="114">
        <v>722384</v>
      </c>
      <c r="AC36" s="114">
        <v>681786</v>
      </c>
      <c r="AD36" s="114">
        <v>246112</v>
      </c>
      <c r="AE36" s="114">
        <v>319955</v>
      </c>
      <c r="AF36" s="114">
        <v>1242306</v>
      </c>
      <c r="AG36" s="113">
        <v>3212543</v>
      </c>
      <c r="AH36" s="116">
        <v>3212543</v>
      </c>
      <c r="AI36" s="110">
        <v>0</v>
      </c>
      <c r="AJ36" s="114">
        <v>0</v>
      </c>
      <c r="AK36" s="113">
        <v>0</v>
      </c>
      <c r="AL36" s="110">
        <v>0</v>
      </c>
      <c r="AM36" s="114">
        <v>0</v>
      </c>
      <c r="AN36" s="114">
        <v>139256</v>
      </c>
      <c r="AO36" s="114">
        <v>415064</v>
      </c>
      <c r="AP36" s="114">
        <v>315153</v>
      </c>
      <c r="AQ36" s="114">
        <v>288425</v>
      </c>
      <c r="AR36" s="113">
        <v>1157898</v>
      </c>
      <c r="AS36" s="116">
        <v>1157898</v>
      </c>
      <c r="AT36" s="110">
        <v>72010</v>
      </c>
      <c r="AU36" s="114">
        <v>85266</v>
      </c>
      <c r="AV36" s="113">
        <v>157276</v>
      </c>
      <c r="AW36" s="110">
        <v>0</v>
      </c>
      <c r="AX36" s="114">
        <v>437150</v>
      </c>
      <c r="AY36" s="114">
        <v>678707</v>
      </c>
      <c r="AZ36" s="114">
        <v>777569</v>
      </c>
      <c r="BA36" s="114">
        <v>678796</v>
      </c>
      <c r="BB36" s="114">
        <v>375301</v>
      </c>
      <c r="BC36" s="113">
        <v>2947523</v>
      </c>
      <c r="BD36" s="116">
        <v>3104799</v>
      </c>
      <c r="BE36" s="110">
        <v>0</v>
      </c>
      <c r="BF36" s="114">
        <v>25353</v>
      </c>
      <c r="BG36" s="112">
        <v>25353</v>
      </c>
      <c r="BH36" s="111">
        <v>0</v>
      </c>
      <c r="BI36" s="114">
        <v>43020</v>
      </c>
      <c r="BJ36" s="114">
        <v>230621</v>
      </c>
      <c r="BK36" s="114">
        <v>156295</v>
      </c>
      <c r="BL36" s="114">
        <v>148928</v>
      </c>
      <c r="BM36" s="114">
        <v>136233</v>
      </c>
      <c r="BN36" s="113">
        <v>715097</v>
      </c>
      <c r="BO36" s="116">
        <v>740450</v>
      </c>
      <c r="BP36" s="110">
        <v>24012</v>
      </c>
      <c r="BQ36" s="114">
        <v>0</v>
      </c>
      <c r="BR36" s="113">
        <v>24012</v>
      </c>
      <c r="BS36" s="110">
        <v>0</v>
      </c>
      <c r="BT36" s="114">
        <v>228199</v>
      </c>
      <c r="BU36" s="114">
        <v>202890</v>
      </c>
      <c r="BV36" s="114">
        <v>194481</v>
      </c>
      <c r="BW36" s="114">
        <v>109505</v>
      </c>
      <c r="BX36" s="114">
        <v>91786</v>
      </c>
      <c r="BY36" s="113">
        <v>826861</v>
      </c>
      <c r="BZ36" s="116">
        <v>850873</v>
      </c>
      <c r="CA36" s="110">
        <v>0</v>
      </c>
      <c r="CB36" s="114">
        <v>41517</v>
      </c>
      <c r="CC36" s="113">
        <v>41517</v>
      </c>
      <c r="CD36" s="110">
        <v>0</v>
      </c>
      <c r="CE36" s="114">
        <v>2083408</v>
      </c>
      <c r="CF36" s="114">
        <v>3962915</v>
      </c>
      <c r="CG36" s="114">
        <v>2473742</v>
      </c>
      <c r="CH36" s="114">
        <v>1701998</v>
      </c>
      <c r="CI36" s="114">
        <v>851966</v>
      </c>
      <c r="CJ36" s="113">
        <v>11074029</v>
      </c>
      <c r="CK36" s="116">
        <v>11115546</v>
      </c>
      <c r="CL36" s="110">
        <v>0</v>
      </c>
      <c r="CM36" s="114">
        <v>0</v>
      </c>
      <c r="CN36" s="113">
        <v>0</v>
      </c>
      <c r="CO36" s="111">
        <v>0</v>
      </c>
      <c r="CP36" s="114">
        <v>1948624</v>
      </c>
      <c r="CQ36" s="114">
        <v>3278596</v>
      </c>
      <c r="CR36" s="114">
        <v>2012566</v>
      </c>
      <c r="CS36" s="114">
        <v>1408470</v>
      </c>
      <c r="CT36" s="114">
        <v>679045</v>
      </c>
      <c r="CU36" s="113">
        <v>9327301</v>
      </c>
      <c r="CV36" s="116">
        <v>9327301</v>
      </c>
      <c r="CW36" s="110">
        <v>0</v>
      </c>
      <c r="CX36" s="114">
        <v>41517</v>
      </c>
      <c r="CY36" s="113">
        <v>41517</v>
      </c>
      <c r="CZ36" s="110">
        <v>0</v>
      </c>
      <c r="DA36" s="114">
        <v>134784</v>
      </c>
      <c r="DB36" s="114">
        <v>684319</v>
      </c>
      <c r="DC36" s="114">
        <v>461176</v>
      </c>
      <c r="DD36" s="114">
        <v>293528</v>
      </c>
      <c r="DE36" s="114">
        <v>172921</v>
      </c>
      <c r="DF36" s="113">
        <v>1746728</v>
      </c>
      <c r="DG36" s="116">
        <v>1788245</v>
      </c>
      <c r="DH36" s="110">
        <v>0</v>
      </c>
      <c r="DI36" s="114">
        <v>0</v>
      </c>
      <c r="DJ36" s="112">
        <v>0</v>
      </c>
      <c r="DK36" s="111">
        <v>0</v>
      </c>
      <c r="DL36" s="114">
        <v>70619</v>
      </c>
      <c r="DM36" s="114">
        <v>862753</v>
      </c>
      <c r="DN36" s="114">
        <v>1821264</v>
      </c>
      <c r="DO36" s="114">
        <v>215529</v>
      </c>
      <c r="DP36" s="114">
        <v>179160</v>
      </c>
      <c r="DQ36" s="113">
        <v>3149325</v>
      </c>
      <c r="DR36" s="116">
        <v>3149325</v>
      </c>
      <c r="DS36" s="110">
        <v>0</v>
      </c>
      <c r="DT36" s="114">
        <v>0</v>
      </c>
      <c r="DU36" s="113">
        <v>0</v>
      </c>
      <c r="DV36" s="110">
        <v>0</v>
      </c>
      <c r="DW36" s="114">
        <v>70619</v>
      </c>
      <c r="DX36" s="114">
        <v>862753</v>
      </c>
      <c r="DY36" s="114">
        <v>1821264</v>
      </c>
      <c r="DZ36" s="114">
        <v>215529</v>
      </c>
      <c r="EA36" s="114">
        <v>179160</v>
      </c>
      <c r="EB36" s="113">
        <v>3149325</v>
      </c>
      <c r="EC36" s="116">
        <v>3149325</v>
      </c>
      <c r="ED36" s="110">
        <v>0</v>
      </c>
      <c r="EE36" s="112">
        <v>0</v>
      </c>
      <c r="EF36" s="113">
        <v>0</v>
      </c>
      <c r="EG36" s="110">
        <v>0</v>
      </c>
      <c r="EH36" s="114">
        <v>0</v>
      </c>
      <c r="EI36" s="114">
        <v>0</v>
      </c>
      <c r="EJ36" s="114">
        <v>0</v>
      </c>
      <c r="EK36" s="114">
        <v>0</v>
      </c>
      <c r="EL36" s="114">
        <v>0</v>
      </c>
      <c r="EM36" s="112">
        <v>0</v>
      </c>
      <c r="EN36" s="116">
        <v>0</v>
      </c>
      <c r="EO36" s="110">
        <v>0</v>
      </c>
      <c r="EP36" s="114">
        <v>0</v>
      </c>
      <c r="EQ36" s="112">
        <v>0</v>
      </c>
      <c r="ER36" s="111">
        <v>0</v>
      </c>
      <c r="ES36" s="114">
        <v>0</v>
      </c>
      <c r="ET36" s="114">
        <v>0</v>
      </c>
      <c r="EU36" s="114">
        <v>0</v>
      </c>
      <c r="EV36" s="114">
        <v>0</v>
      </c>
      <c r="EW36" s="114">
        <v>0</v>
      </c>
      <c r="EX36" s="113">
        <v>0</v>
      </c>
      <c r="EY36" s="116">
        <v>0</v>
      </c>
      <c r="EZ36" s="110">
        <v>0</v>
      </c>
      <c r="FA36" s="114">
        <v>0</v>
      </c>
      <c r="FB36" s="112">
        <v>0</v>
      </c>
      <c r="FC36" s="348"/>
      <c r="FD36" s="114">
        <v>0</v>
      </c>
      <c r="FE36" s="114">
        <v>0</v>
      </c>
      <c r="FF36" s="114">
        <v>0</v>
      </c>
      <c r="FG36" s="114">
        <v>0</v>
      </c>
      <c r="FH36" s="114">
        <v>0</v>
      </c>
      <c r="FI36" s="113">
        <v>0</v>
      </c>
      <c r="FJ36" s="116">
        <v>0</v>
      </c>
      <c r="FK36" s="110">
        <v>333759</v>
      </c>
      <c r="FL36" s="114">
        <v>319869</v>
      </c>
      <c r="FM36" s="113">
        <v>653628</v>
      </c>
      <c r="FN36" s="110">
        <v>0</v>
      </c>
      <c r="FO36" s="114">
        <v>700412</v>
      </c>
      <c r="FP36" s="114">
        <v>1038108</v>
      </c>
      <c r="FQ36" s="114">
        <v>866427</v>
      </c>
      <c r="FR36" s="114">
        <v>551219</v>
      </c>
      <c r="FS36" s="114">
        <v>452816</v>
      </c>
      <c r="FT36" s="113">
        <v>3608982</v>
      </c>
      <c r="FU36" s="116">
        <v>4262610</v>
      </c>
      <c r="FV36" s="115">
        <v>125859</v>
      </c>
      <c r="FW36" s="114">
        <v>319869</v>
      </c>
      <c r="FX36" s="112">
        <v>445728</v>
      </c>
      <c r="FY36" s="111">
        <v>0</v>
      </c>
      <c r="FZ36" s="114">
        <v>559812</v>
      </c>
      <c r="GA36" s="114">
        <v>981588</v>
      </c>
      <c r="GB36" s="114">
        <v>811507</v>
      </c>
      <c r="GC36" s="114">
        <v>483719</v>
      </c>
      <c r="GD36" s="114">
        <v>452816</v>
      </c>
      <c r="GE36" s="113">
        <v>3289442</v>
      </c>
      <c r="GF36" s="319">
        <v>3735170</v>
      </c>
      <c r="GG36" s="115">
        <v>0</v>
      </c>
      <c r="GH36" s="114">
        <v>0</v>
      </c>
      <c r="GI36" s="112">
        <v>0</v>
      </c>
      <c r="GJ36" s="111">
        <v>0</v>
      </c>
      <c r="GK36" s="114">
        <v>37800</v>
      </c>
      <c r="GL36" s="114">
        <v>13320</v>
      </c>
      <c r="GM36" s="114">
        <v>54920</v>
      </c>
      <c r="GN36" s="114">
        <v>67500</v>
      </c>
      <c r="GO36" s="114">
        <v>0</v>
      </c>
      <c r="GP36" s="113">
        <v>173540</v>
      </c>
      <c r="GQ36" s="116">
        <v>173540</v>
      </c>
      <c r="GR36" s="110">
        <v>207900</v>
      </c>
      <c r="GS36" s="114">
        <v>0</v>
      </c>
      <c r="GT36" s="113">
        <v>207900</v>
      </c>
      <c r="GU36" s="110">
        <v>0</v>
      </c>
      <c r="GV36" s="114">
        <v>102800</v>
      </c>
      <c r="GW36" s="114">
        <v>43200</v>
      </c>
      <c r="GX36" s="114">
        <v>0</v>
      </c>
      <c r="GY36" s="114">
        <v>0</v>
      </c>
      <c r="GZ36" s="114">
        <v>0</v>
      </c>
      <c r="HA36" s="112">
        <v>146000</v>
      </c>
      <c r="HB36" s="116">
        <v>353900</v>
      </c>
      <c r="HC36" s="110">
        <v>58257</v>
      </c>
      <c r="HD36" s="114">
        <v>195084</v>
      </c>
      <c r="HE36" s="112">
        <v>253341</v>
      </c>
      <c r="HF36" s="111">
        <v>0</v>
      </c>
      <c r="HG36" s="114">
        <v>1685780</v>
      </c>
      <c r="HH36" s="114">
        <v>1296675</v>
      </c>
      <c r="HI36" s="114">
        <v>1378162</v>
      </c>
      <c r="HJ36" s="114">
        <v>247248</v>
      </c>
      <c r="HK36" s="114">
        <v>299116</v>
      </c>
      <c r="HL36" s="113">
        <v>4906981</v>
      </c>
      <c r="HM36" s="109">
        <v>5160322</v>
      </c>
      <c r="HN36" s="115">
        <v>114838</v>
      </c>
      <c r="HO36" s="114">
        <v>235802</v>
      </c>
      <c r="HP36" s="113">
        <v>350640</v>
      </c>
      <c r="HQ36" s="110">
        <v>0</v>
      </c>
      <c r="HR36" s="114">
        <v>1251952</v>
      </c>
      <c r="HS36" s="114">
        <v>1264888</v>
      </c>
      <c r="HT36" s="114">
        <v>894076</v>
      </c>
      <c r="HU36" s="114">
        <v>397517</v>
      </c>
      <c r="HV36" s="114">
        <v>249807</v>
      </c>
      <c r="HW36" s="112">
        <v>4058240</v>
      </c>
      <c r="HX36" s="116">
        <v>4408880</v>
      </c>
      <c r="HY36" s="150">
        <v>0</v>
      </c>
      <c r="HZ36" s="135">
        <v>176414</v>
      </c>
      <c r="IA36" s="150">
        <v>176414</v>
      </c>
      <c r="IB36" s="134">
        <v>0</v>
      </c>
      <c r="IC36" s="135">
        <v>3468093</v>
      </c>
      <c r="ID36" s="136">
        <v>5047171</v>
      </c>
      <c r="IE36" s="137">
        <v>6590481</v>
      </c>
      <c r="IF36" s="135">
        <v>2789046</v>
      </c>
      <c r="IG36" s="137">
        <v>1474648</v>
      </c>
      <c r="IH36" s="138">
        <v>19369439</v>
      </c>
      <c r="II36" s="150">
        <v>19545853</v>
      </c>
      <c r="IJ36" s="232">
        <v>0</v>
      </c>
      <c r="IK36" s="236">
        <v>0</v>
      </c>
      <c r="IL36" s="237">
        <v>0</v>
      </c>
      <c r="IM36" s="140"/>
      <c r="IN36" s="119">
        <v>0</v>
      </c>
      <c r="IO36" s="119">
        <v>190022</v>
      </c>
      <c r="IP36" s="119">
        <v>0</v>
      </c>
      <c r="IQ36" s="119">
        <v>0</v>
      </c>
      <c r="IR36" s="119">
        <v>0</v>
      </c>
      <c r="IS36" s="141">
        <v>190022</v>
      </c>
      <c r="IT36" s="321">
        <v>190022</v>
      </c>
      <c r="IU36" s="142">
        <v>0</v>
      </c>
      <c r="IV36" s="119">
        <v>0</v>
      </c>
      <c r="IW36" s="120">
        <v>0</v>
      </c>
      <c r="IX36" s="144"/>
      <c r="IY36" s="119">
        <v>0</v>
      </c>
      <c r="IZ36" s="119">
        <v>0</v>
      </c>
      <c r="JA36" s="119">
        <v>0</v>
      </c>
      <c r="JB36" s="119">
        <v>0</v>
      </c>
      <c r="JC36" s="119">
        <v>0</v>
      </c>
      <c r="JD36" s="120">
        <v>0</v>
      </c>
      <c r="JE36" s="121">
        <v>0</v>
      </c>
      <c r="JF36" s="142">
        <v>0</v>
      </c>
      <c r="JG36" s="119">
        <v>0</v>
      </c>
      <c r="JH36" s="141">
        <v>0</v>
      </c>
      <c r="JI36" s="118">
        <v>0</v>
      </c>
      <c r="JJ36" s="119">
        <v>898529</v>
      </c>
      <c r="JK36" s="119">
        <v>697128</v>
      </c>
      <c r="JL36" s="119">
        <v>791231</v>
      </c>
      <c r="JM36" s="119">
        <v>0</v>
      </c>
      <c r="JN36" s="119">
        <v>371268</v>
      </c>
      <c r="JO36" s="120">
        <v>2758156</v>
      </c>
      <c r="JP36" s="321">
        <v>2758156</v>
      </c>
      <c r="JQ36" s="142">
        <v>0</v>
      </c>
      <c r="JR36" s="119">
        <v>0</v>
      </c>
      <c r="JS36" s="141">
        <v>0</v>
      </c>
      <c r="JT36" s="118">
        <v>0</v>
      </c>
      <c r="JU36" s="119">
        <v>0</v>
      </c>
      <c r="JV36" s="119">
        <v>154305</v>
      </c>
      <c r="JW36" s="119">
        <v>142264</v>
      </c>
      <c r="JX36" s="119">
        <v>0</v>
      </c>
      <c r="JY36" s="119">
        <v>0</v>
      </c>
      <c r="JZ36" s="120">
        <v>296569</v>
      </c>
      <c r="KA36" s="321">
        <v>296569</v>
      </c>
      <c r="KB36" s="234">
        <v>0</v>
      </c>
      <c r="KC36" s="230">
        <v>176414</v>
      </c>
      <c r="KD36" s="120">
        <v>176414</v>
      </c>
      <c r="KE36" s="118">
        <v>0</v>
      </c>
      <c r="KF36" s="119">
        <v>977292</v>
      </c>
      <c r="KG36" s="119">
        <v>1358732</v>
      </c>
      <c r="KH36" s="119">
        <v>2096286</v>
      </c>
      <c r="KI36" s="119">
        <v>288044</v>
      </c>
      <c r="KJ36" s="119">
        <v>313837</v>
      </c>
      <c r="KK36" s="120">
        <v>5034191</v>
      </c>
      <c r="KL36" s="143">
        <v>5210605</v>
      </c>
      <c r="KM36" s="232">
        <v>0</v>
      </c>
      <c r="KN36" s="236">
        <v>0</v>
      </c>
      <c r="KO36" s="237">
        <v>0</v>
      </c>
      <c r="KP36" s="140"/>
      <c r="KQ36" s="119">
        <v>1592272</v>
      </c>
      <c r="KR36" s="119">
        <v>2646984</v>
      </c>
      <c r="KS36" s="119">
        <v>3560700</v>
      </c>
      <c r="KT36" s="119">
        <v>2501002</v>
      </c>
      <c r="KU36" s="119">
        <v>789543</v>
      </c>
      <c r="KV36" s="120">
        <v>11090501</v>
      </c>
      <c r="KW36" s="321">
        <v>11090501</v>
      </c>
      <c r="KX36" s="142">
        <v>0</v>
      </c>
      <c r="KY36" s="119">
        <v>0</v>
      </c>
      <c r="KZ36" s="120">
        <v>0</v>
      </c>
      <c r="LA36" s="145"/>
      <c r="LB36" s="119">
        <v>0</v>
      </c>
      <c r="LC36" s="119">
        <v>0</v>
      </c>
      <c r="LD36" s="119">
        <v>0</v>
      </c>
      <c r="LE36" s="119">
        <v>0</v>
      </c>
      <c r="LF36" s="119">
        <v>0</v>
      </c>
      <c r="LG36" s="120">
        <v>0</v>
      </c>
      <c r="LH36" s="121">
        <v>0</v>
      </c>
      <c r="LI36" s="142">
        <v>0</v>
      </c>
      <c r="LJ36" s="119">
        <v>0</v>
      </c>
      <c r="LK36" s="120">
        <v>0</v>
      </c>
      <c r="LL36" s="145"/>
      <c r="LM36" s="119">
        <v>0</v>
      </c>
      <c r="LN36" s="119">
        <v>0</v>
      </c>
      <c r="LO36" s="119">
        <v>0</v>
      </c>
      <c r="LP36" s="119">
        <v>0</v>
      </c>
      <c r="LQ36" s="119">
        <v>0</v>
      </c>
      <c r="LR36" s="120">
        <v>0</v>
      </c>
      <c r="LS36" s="321">
        <v>0</v>
      </c>
      <c r="LT36" s="142">
        <v>0</v>
      </c>
      <c r="LU36" s="119">
        <v>0</v>
      </c>
      <c r="LV36" s="120">
        <v>0</v>
      </c>
      <c r="LW36" s="145"/>
      <c r="LX36" s="119">
        <v>0</v>
      </c>
      <c r="LY36" s="119">
        <v>0</v>
      </c>
      <c r="LZ36" s="119">
        <v>0</v>
      </c>
      <c r="MA36" s="119">
        <v>0</v>
      </c>
      <c r="MB36" s="119">
        <v>0</v>
      </c>
      <c r="MC36" s="120">
        <v>0</v>
      </c>
      <c r="MD36" s="121">
        <v>0</v>
      </c>
      <c r="ME36" s="142">
        <v>0</v>
      </c>
      <c r="MF36" s="119">
        <v>0</v>
      </c>
      <c r="MG36" s="120">
        <v>0</v>
      </c>
      <c r="MH36" s="145"/>
      <c r="MI36" s="119">
        <v>1197000</v>
      </c>
      <c r="MJ36" s="119">
        <v>4177811</v>
      </c>
      <c r="MK36" s="119">
        <v>9427888</v>
      </c>
      <c r="ML36" s="119">
        <v>8720164</v>
      </c>
      <c r="MM36" s="119">
        <v>8576050</v>
      </c>
      <c r="MN36" s="120">
        <v>32098913</v>
      </c>
      <c r="MO36" s="143">
        <v>32098913</v>
      </c>
      <c r="MP36" s="142">
        <v>0</v>
      </c>
      <c r="MQ36" s="119">
        <v>0</v>
      </c>
      <c r="MR36" s="120">
        <v>0</v>
      </c>
      <c r="MS36" s="145"/>
      <c r="MT36" s="119">
        <v>0</v>
      </c>
      <c r="MU36" s="119">
        <v>487254</v>
      </c>
      <c r="MV36" s="119">
        <v>6334724</v>
      </c>
      <c r="MW36" s="119">
        <v>6215542</v>
      </c>
      <c r="MX36" s="119">
        <v>6650273</v>
      </c>
      <c r="MY36" s="120">
        <v>19687793</v>
      </c>
      <c r="MZ36" s="143">
        <v>19687793</v>
      </c>
      <c r="NA36" s="142">
        <v>0</v>
      </c>
      <c r="NB36" s="119">
        <v>0</v>
      </c>
      <c r="NC36" s="120">
        <v>0</v>
      </c>
      <c r="ND36" s="145"/>
      <c r="NE36" s="119">
        <v>1197000</v>
      </c>
      <c r="NF36" s="119">
        <v>3690557</v>
      </c>
      <c r="NG36" s="119">
        <v>3093164</v>
      </c>
      <c r="NH36" s="119">
        <v>2139964</v>
      </c>
      <c r="NI36" s="119">
        <v>1568143</v>
      </c>
      <c r="NJ36" s="120">
        <v>11688828</v>
      </c>
      <c r="NK36" s="321">
        <v>11688828</v>
      </c>
      <c r="NL36" s="142">
        <v>0</v>
      </c>
      <c r="NM36" s="119">
        <v>0</v>
      </c>
      <c r="NN36" s="120">
        <v>0</v>
      </c>
      <c r="NO36" s="145"/>
      <c r="NP36" s="119">
        <v>0</v>
      </c>
      <c r="NQ36" s="119">
        <v>0</v>
      </c>
      <c r="NR36" s="119">
        <v>0</v>
      </c>
      <c r="NS36" s="119">
        <v>364658</v>
      </c>
      <c r="NT36" s="119">
        <v>0</v>
      </c>
      <c r="NU36" s="120">
        <v>364658</v>
      </c>
      <c r="NV36" s="121">
        <v>364658</v>
      </c>
      <c r="NW36" s="142">
        <v>0</v>
      </c>
      <c r="NX36" s="119">
        <v>0</v>
      </c>
      <c r="NY36" s="120">
        <v>0</v>
      </c>
      <c r="NZ36" s="145"/>
      <c r="OA36" s="119">
        <v>0</v>
      </c>
      <c r="OB36" s="119">
        <v>0</v>
      </c>
      <c r="OC36" s="119">
        <v>0</v>
      </c>
      <c r="OD36" s="119">
        <v>0</v>
      </c>
      <c r="OE36" s="119">
        <v>357634</v>
      </c>
      <c r="OF36" s="120">
        <v>357634</v>
      </c>
      <c r="OG36" s="121">
        <v>357634</v>
      </c>
      <c r="OH36" s="142">
        <v>602876</v>
      </c>
      <c r="OI36" s="119">
        <v>1079305</v>
      </c>
      <c r="OJ36" s="141">
        <v>1682181</v>
      </c>
      <c r="OK36" s="118">
        <v>0</v>
      </c>
      <c r="OL36" s="119">
        <v>11888017</v>
      </c>
      <c r="OM36" s="119">
        <v>19583581</v>
      </c>
      <c r="ON36" s="119">
        <v>25241561</v>
      </c>
      <c r="OO36" s="119">
        <v>16195058</v>
      </c>
      <c r="OP36" s="119">
        <v>14217614</v>
      </c>
      <c r="OQ36" s="120">
        <v>87125831</v>
      </c>
      <c r="OR36" s="143">
        <v>88808012</v>
      </c>
    </row>
    <row r="37" spans="1:408" ht="18.75" customHeight="1" x14ac:dyDescent="0.2">
      <c r="A37" s="62" t="s">
        <v>32</v>
      </c>
      <c r="B37" s="110">
        <v>611258</v>
      </c>
      <c r="C37" s="114">
        <v>1139063</v>
      </c>
      <c r="D37" s="174">
        <v>1750321</v>
      </c>
      <c r="E37" s="175">
        <v>0</v>
      </c>
      <c r="F37" s="176">
        <v>9258761</v>
      </c>
      <c r="G37" s="176">
        <v>10442195</v>
      </c>
      <c r="H37" s="176">
        <v>9801278</v>
      </c>
      <c r="I37" s="176">
        <v>7442172</v>
      </c>
      <c r="J37" s="176">
        <v>5952208</v>
      </c>
      <c r="K37" s="177">
        <v>42896614</v>
      </c>
      <c r="L37" s="116">
        <v>44646935</v>
      </c>
      <c r="M37" s="110">
        <v>154408</v>
      </c>
      <c r="N37" s="114">
        <v>267285</v>
      </c>
      <c r="O37" s="113">
        <v>421693</v>
      </c>
      <c r="P37" s="110">
        <v>0</v>
      </c>
      <c r="Q37" s="114">
        <v>2703046</v>
      </c>
      <c r="R37" s="114">
        <v>1790077</v>
      </c>
      <c r="S37" s="114">
        <v>2886811</v>
      </c>
      <c r="T37" s="114">
        <v>2428694</v>
      </c>
      <c r="U37" s="114">
        <v>3130772</v>
      </c>
      <c r="V37" s="113">
        <v>12939400</v>
      </c>
      <c r="W37" s="116">
        <v>13361093</v>
      </c>
      <c r="X37" s="110">
        <v>0</v>
      </c>
      <c r="Y37" s="114">
        <v>0</v>
      </c>
      <c r="Z37" s="113">
        <v>0</v>
      </c>
      <c r="AA37" s="110">
        <v>0</v>
      </c>
      <c r="AB37" s="114">
        <v>1203329</v>
      </c>
      <c r="AC37" s="114">
        <v>712557</v>
      </c>
      <c r="AD37" s="114">
        <v>1730112</v>
      </c>
      <c r="AE37" s="114">
        <v>1160214</v>
      </c>
      <c r="AF37" s="114">
        <v>1722884</v>
      </c>
      <c r="AG37" s="113">
        <v>6529096</v>
      </c>
      <c r="AH37" s="116">
        <v>6529096</v>
      </c>
      <c r="AI37" s="110">
        <v>0</v>
      </c>
      <c r="AJ37" s="114">
        <v>0</v>
      </c>
      <c r="AK37" s="113">
        <v>0</v>
      </c>
      <c r="AL37" s="110">
        <v>0</v>
      </c>
      <c r="AM37" s="114">
        <v>0</v>
      </c>
      <c r="AN37" s="114">
        <v>48672</v>
      </c>
      <c r="AO37" s="114">
        <v>51346</v>
      </c>
      <c r="AP37" s="114">
        <v>178274</v>
      </c>
      <c r="AQ37" s="114">
        <v>623911</v>
      </c>
      <c r="AR37" s="113">
        <v>902203</v>
      </c>
      <c r="AS37" s="116">
        <v>902203</v>
      </c>
      <c r="AT37" s="110">
        <v>142537</v>
      </c>
      <c r="AU37" s="114">
        <v>225030</v>
      </c>
      <c r="AV37" s="113">
        <v>367567</v>
      </c>
      <c r="AW37" s="110">
        <v>0</v>
      </c>
      <c r="AX37" s="114">
        <v>1133108</v>
      </c>
      <c r="AY37" s="114">
        <v>833546</v>
      </c>
      <c r="AZ37" s="114">
        <v>795707</v>
      </c>
      <c r="BA37" s="114">
        <v>736508</v>
      </c>
      <c r="BB37" s="114">
        <v>467271</v>
      </c>
      <c r="BC37" s="113">
        <v>3966140</v>
      </c>
      <c r="BD37" s="116">
        <v>4333707</v>
      </c>
      <c r="BE37" s="110">
        <v>0</v>
      </c>
      <c r="BF37" s="114">
        <v>42255</v>
      </c>
      <c r="BG37" s="112">
        <v>42255</v>
      </c>
      <c r="BH37" s="111">
        <v>0</v>
      </c>
      <c r="BI37" s="114">
        <v>237942</v>
      </c>
      <c r="BJ37" s="114">
        <v>0</v>
      </c>
      <c r="BK37" s="114">
        <v>69788</v>
      </c>
      <c r="BL37" s="114">
        <v>17208</v>
      </c>
      <c r="BM37" s="114">
        <v>142164</v>
      </c>
      <c r="BN37" s="113">
        <v>467102</v>
      </c>
      <c r="BO37" s="116">
        <v>509357</v>
      </c>
      <c r="BP37" s="110">
        <v>11871</v>
      </c>
      <c r="BQ37" s="114">
        <v>0</v>
      </c>
      <c r="BR37" s="113">
        <v>11871</v>
      </c>
      <c r="BS37" s="110">
        <v>0</v>
      </c>
      <c r="BT37" s="114">
        <v>128667</v>
      </c>
      <c r="BU37" s="114">
        <v>195302</v>
      </c>
      <c r="BV37" s="114">
        <v>239858</v>
      </c>
      <c r="BW37" s="114">
        <v>336490</v>
      </c>
      <c r="BX37" s="114">
        <v>174542</v>
      </c>
      <c r="BY37" s="113">
        <v>1074859</v>
      </c>
      <c r="BZ37" s="116">
        <v>1086730</v>
      </c>
      <c r="CA37" s="110">
        <v>0</v>
      </c>
      <c r="CB37" s="114">
        <v>44246</v>
      </c>
      <c r="CC37" s="113">
        <v>44246</v>
      </c>
      <c r="CD37" s="110">
        <v>0</v>
      </c>
      <c r="CE37" s="114">
        <v>3146271</v>
      </c>
      <c r="CF37" s="114">
        <v>4489331</v>
      </c>
      <c r="CG37" s="114">
        <v>2593467</v>
      </c>
      <c r="CH37" s="114">
        <v>2018594</v>
      </c>
      <c r="CI37" s="114">
        <v>1052643</v>
      </c>
      <c r="CJ37" s="113">
        <v>13300306</v>
      </c>
      <c r="CK37" s="116">
        <v>13344552</v>
      </c>
      <c r="CL37" s="110">
        <v>0</v>
      </c>
      <c r="CM37" s="114">
        <v>0</v>
      </c>
      <c r="CN37" s="113">
        <v>0</v>
      </c>
      <c r="CO37" s="111">
        <v>0</v>
      </c>
      <c r="CP37" s="114">
        <v>2672941</v>
      </c>
      <c r="CQ37" s="114">
        <v>3761193</v>
      </c>
      <c r="CR37" s="114">
        <v>2353093</v>
      </c>
      <c r="CS37" s="114">
        <v>1665789</v>
      </c>
      <c r="CT37" s="114">
        <v>779213</v>
      </c>
      <c r="CU37" s="113">
        <v>11232229</v>
      </c>
      <c r="CV37" s="116">
        <v>11232229</v>
      </c>
      <c r="CW37" s="110">
        <v>0</v>
      </c>
      <c r="CX37" s="114">
        <v>44246</v>
      </c>
      <c r="CY37" s="113">
        <v>44246</v>
      </c>
      <c r="CZ37" s="110">
        <v>0</v>
      </c>
      <c r="DA37" s="114">
        <v>473330</v>
      </c>
      <c r="DB37" s="114">
        <v>728138</v>
      </c>
      <c r="DC37" s="114">
        <v>240374</v>
      </c>
      <c r="DD37" s="114">
        <v>352805</v>
      </c>
      <c r="DE37" s="114">
        <v>273430</v>
      </c>
      <c r="DF37" s="113">
        <v>2068077</v>
      </c>
      <c r="DG37" s="116">
        <v>2112323</v>
      </c>
      <c r="DH37" s="110">
        <v>23946</v>
      </c>
      <c r="DI37" s="114">
        <v>0</v>
      </c>
      <c r="DJ37" s="112">
        <v>23946</v>
      </c>
      <c r="DK37" s="111">
        <v>0</v>
      </c>
      <c r="DL37" s="114">
        <v>174648</v>
      </c>
      <c r="DM37" s="114">
        <v>829807</v>
      </c>
      <c r="DN37" s="114">
        <v>789679</v>
      </c>
      <c r="DO37" s="114">
        <v>213534</v>
      </c>
      <c r="DP37" s="114">
        <v>189576</v>
      </c>
      <c r="DQ37" s="113">
        <v>2197244</v>
      </c>
      <c r="DR37" s="116">
        <v>2221190</v>
      </c>
      <c r="DS37" s="110">
        <v>23946</v>
      </c>
      <c r="DT37" s="114">
        <v>0</v>
      </c>
      <c r="DU37" s="113">
        <v>23946</v>
      </c>
      <c r="DV37" s="110">
        <v>0</v>
      </c>
      <c r="DW37" s="114">
        <v>155109</v>
      </c>
      <c r="DX37" s="114">
        <v>601666</v>
      </c>
      <c r="DY37" s="114">
        <v>758795</v>
      </c>
      <c r="DZ37" s="114">
        <v>103747</v>
      </c>
      <c r="EA37" s="114">
        <v>0</v>
      </c>
      <c r="EB37" s="113">
        <v>1619317</v>
      </c>
      <c r="EC37" s="116">
        <v>1643263</v>
      </c>
      <c r="ED37" s="110">
        <v>0</v>
      </c>
      <c r="EE37" s="112">
        <v>0</v>
      </c>
      <c r="EF37" s="113">
        <v>0</v>
      </c>
      <c r="EG37" s="110">
        <v>0</v>
      </c>
      <c r="EH37" s="114">
        <v>19539</v>
      </c>
      <c r="EI37" s="114">
        <v>228141</v>
      </c>
      <c r="EJ37" s="114">
        <v>30884</v>
      </c>
      <c r="EK37" s="114">
        <v>109787</v>
      </c>
      <c r="EL37" s="114">
        <v>189576</v>
      </c>
      <c r="EM37" s="112">
        <v>577927</v>
      </c>
      <c r="EN37" s="116">
        <v>577927</v>
      </c>
      <c r="EO37" s="110">
        <v>0</v>
      </c>
      <c r="EP37" s="114">
        <v>0</v>
      </c>
      <c r="EQ37" s="112">
        <v>0</v>
      </c>
      <c r="ER37" s="111">
        <v>0</v>
      </c>
      <c r="ES37" s="114">
        <v>0</v>
      </c>
      <c r="ET37" s="114">
        <v>0</v>
      </c>
      <c r="EU37" s="114">
        <v>0</v>
      </c>
      <c r="EV37" s="114">
        <v>0</v>
      </c>
      <c r="EW37" s="114">
        <v>0</v>
      </c>
      <c r="EX37" s="113">
        <v>0</v>
      </c>
      <c r="EY37" s="116">
        <v>0</v>
      </c>
      <c r="EZ37" s="110">
        <v>0</v>
      </c>
      <c r="FA37" s="114">
        <v>0</v>
      </c>
      <c r="FB37" s="112">
        <v>0</v>
      </c>
      <c r="FC37" s="348"/>
      <c r="FD37" s="114">
        <v>0</v>
      </c>
      <c r="FE37" s="114">
        <v>0</v>
      </c>
      <c r="FF37" s="114">
        <v>0</v>
      </c>
      <c r="FG37" s="114">
        <v>0</v>
      </c>
      <c r="FH37" s="114">
        <v>0</v>
      </c>
      <c r="FI37" s="113">
        <v>0</v>
      </c>
      <c r="FJ37" s="116">
        <v>0</v>
      </c>
      <c r="FK37" s="110">
        <v>137751</v>
      </c>
      <c r="FL37" s="114">
        <v>327660</v>
      </c>
      <c r="FM37" s="113">
        <v>465411</v>
      </c>
      <c r="FN37" s="110">
        <v>0</v>
      </c>
      <c r="FO37" s="114">
        <v>543682</v>
      </c>
      <c r="FP37" s="114">
        <v>972645</v>
      </c>
      <c r="FQ37" s="114">
        <v>819169</v>
      </c>
      <c r="FR37" s="114">
        <v>520944</v>
      </c>
      <c r="FS37" s="114">
        <v>491920</v>
      </c>
      <c r="FT37" s="113">
        <v>3348360</v>
      </c>
      <c r="FU37" s="116">
        <v>3813771</v>
      </c>
      <c r="FV37" s="115">
        <v>129420</v>
      </c>
      <c r="FW37" s="114">
        <v>267360</v>
      </c>
      <c r="FX37" s="112">
        <v>396780</v>
      </c>
      <c r="FY37" s="111">
        <v>0</v>
      </c>
      <c r="FZ37" s="114">
        <v>543682</v>
      </c>
      <c r="GA37" s="114">
        <v>919631</v>
      </c>
      <c r="GB37" s="114">
        <v>747880</v>
      </c>
      <c r="GC37" s="114">
        <v>520944</v>
      </c>
      <c r="GD37" s="114">
        <v>444796</v>
      </c>
      <c r="GE37" s="113">
        <v>3176933</v>
      </c>
      <c r="GF37" s="319">
        <v>3573713</v>
      </c>
      <c r="GG37" s="115">
        <v>8331</v>
      </c>
      <c r="GH37" s="114">
        <v>60300</v>
      </c>
      <c r="GI37" s="112">
        <v>68631</v>
      </c>
      <c r="GJ37" s="111">
        <v>0</v>
      </c>
      <c r="GK37" s="114">
        <v>0</v>
      </c>
      <c r="GL37" s="114">
        <v>53014</v>
      </c>
      <c r="GM37" s="114">
        <v>23364</v>
      </c>
      <c r="GN37" s="114">
        <v>0</v>
      </c>
      <c r="GO37" s="114">
        <v>47124</v>
      </c>
      <c r="GP37" s="113">
        <v>123502</v>
      </c>
      <c r="GQ37" s="116">
        <v>192133</v>
      </c>
      <c r="GR37" s="110">
        <v>0</v>
      </c>
      <c r="GS37" s="114">
        <v>0</v>
      </c>
      <c r="GT37" s="113">
        <v>0</v>
      </c>
      <c r="GU37" s="110">
        <v>0</v>
      </c>
      <c r="GV37" s="114">
        <v>0</v>
      </c>
      <c r="GW37" s="114">
        <v>0</v>
      </c>
      <c r="GX37" s="114">
        <v>47925</v>
      </c>
      <c r="GY37" s="114">
        <v>0</v>
      </c>
      <c r="GZ37" s="114">
        <v>0</v>
      </c>
      <c r="HA37" s="112">
        <v>47925</v>
      </c>
      <c r="HB37" s="116">
        <v>47925</v>
      </c>
      <c r="HC37" s="110">
        <v>182347</v>
      </c>
      <c r="HD37" s="114">
        <v>283449</v>
      </c>
      <c r="HE37" s="112">
        <v>465796</v>
      </c>
      <c r="HF37" s="111">
        <v>0</v>
      </c>
      <c r="HG37" s="114">
        <v>848466</v>
      </c>
      <c r="HH37" s="114">
        <v>902417</v>
      </c>
      <c r="HI37" s="114">
        <v>1811319</v>
      </c>
      <c r="HJ37" s="114">
        <v>1777773</v>
      </c>
      <c r="HK37" s="114">
        <v>723868</v>
      </c>
      <c r="HL37" s="113">
        <v>6063843</v>
      </c>
      <c r="HM37" s="109">
        <v>6529639</v>
      </c>
      <c r="HN37" s="115">
        <v>112806</v>
      </c>
      <c r="HO37" s="114">
        <v>216423</v>
      </c>
      <c r="HP37" s="113">
        <v>329229</v>
      </c>
      <c r="HQ37" s="110">
        <v>0</v>
      </c>
      <c r="HR37" s="114">
        <v>1842648</v>
      </c>
      <c r="HS37" s="114">
        <v>1457918</v>
      </c>
      <c r="HT37" s="114">
        <v>900833</v>
      </c>
      <c r="HU37" s="114">
        <v>482633</v>
      </c>
      <c r="HV37" s="114">
        <v>363429</v>
      </c>
      <c r="HW37" s="112">
        <v>5047461</v>
      </c>
      <c r="HX37" s="116">
        <v>5376690</v>
      </c>
      <c r="HY37" s="131">
        <v>0</v>
      </c>
      <c r="HZ37" s="132">
        <v>0</v>
      </c>
      <c r="IA37" s="133">
        <v>0</v>
      </c>
      <c r="IB37" s="146">
        <v>0</v>
      </c>
      <c r="IC37" s="132">
        <v>3186747</v>
      </c>
      <c r="ID37" s="147">
        <v>3824931</v>
      </c>
      <c r="IE37" s="133">
        <v>6925055</v>
      </c>
      <c r="IF37" s="132">
        <v>5975691</v>
      </c>
      <c r="IG37" s="133">
        <v>2278365</v>
      </c>
      <c r="IH37" s="148">
        <v>22190789</v>
      </c>
      <c r="II37" s="139">
        <v>22190789</v>
      </c>
      <c r="IJ37" s="232">
        <v>0</v>
      </c>
      <c r="IK37" s="236">
        <v>0</v>
      </c>
      <c r="IL37" s="237">
        <v>0</v>
      </c>
      <c r="IM37" s="140"/>
      <c r="IN37" s="119">
        <v>130797</v>
      </c>
      <c r="IO37" s="119">
        <v>81095</v>
      </c>
      <c r="IP37" s="119">
        <v>276759</v>
      </c>
      <c r="IQ37" s="119">
        <v>270297</v>
      </c>
      <c r="IR37" s="119">
        <v>0</v>
      </c>
      <c r="IS37" s="141">
        <v>758948</v>
      </c>
      <c r="IT37" s="321">
        <v>758948</v>
      </c>
      <c r="IU37" s="142">
        <v>0</v>
      </c>
      <c r="IV37" s="119">
        <v>0</v>
      </c>
      <c r="IW37" s="120">
        <v>0</v>
      </c>
      <c r="IX37" s="144"/>
      <c r="IY37" s="119">
        <v>0</v>
      </c>
      <c r="IZ37" s="119">
        <v>0</v>
      </c>
      <c r="JA37" s="119">
        <v>0</v>
      </c>
      <c r="JB37" s="119">
        <v>0</v>
      </c>
      <c r="JC37" s="119">
        <v>0</v>
      </c>
      <c r="JD37" s="120">
        <v>0</v>
      </c>
      <c r="JE37" s="121">
        <v>0</v>
      </c>
      <c r="JF37" s="142">
        <v>0</v>
      </c>
      <c r="JG37" s="119">
        <v>0</v>
      </c>
      <c r="JH37" s="141">
        <v>0</v>
      </c>
      <c r="JI37" s="118">
        <v>0</v>
      </c>
      <c r="JJ37" s="119">
        <v>2298332</v>
      </c>
      <c r="JK37" s="119">
        <v>1782549</v>
      </c>
      <c r="JL37" s="119">
        <v>910962</v>
      </c>
      <c r="JM37" s="119">
        <v>377613</v>
      </c>
      <c r="JN37" s="119">
        <v>136753</v>
      </c>
      <c r="JO37" s="120">
        <v>5506209</v>
      </c>
      <c r="JP37" s="321">
        <v>5506209</v>
      </c>
      <c r="JQ37" s="142">
        <v>0</v>
      </c>
      <c r="JR37" s="119">
        <v>0</v>
      </c>
      <c r="JS37" s="141">
        <v>0</v>
      </c>
      <c r="JT37" s="118">
        <v>0</v>
      </c>
      <c r="JU37" s="119">
        <v>76814</v>
      </c>
      <c r="JV37" s="119">
        <v>0</v>
      </c>
      <c r="JW37" s="119">
        <v>403830</v>
      </c>
      <c r="JX37" s="119">
        <v>114720</v>
      </c>
      <c r="JY37" s="119">
        <v>273453</v>
      </c>
      <c r="JZ37" s="120">
        <v>868817</v>
      </c>
      <c r="KA37" s="321">
        <v>868817</v>
      </c>
      <c r="KB37" s="234">
        <v>0</v>
      </c>
      <c r="KC37" s="230">
        <v>0</v>
      </c>
      <c r="KD37" s="120">
        <v>0</v>
      </c>
      <c r="KE37" s="118">
        <v>0</v>
      </c>
      <c r="KF37" s="119">
        <v>0</v>
      </c>
      <c r="KG37" s="119">
        <v>0</v>
      </c>
      <c r="KH37" s="119">
        <v>0</v>
      </c>
      <c r="KI37" s="119">
        <v>536058</v>
      </c>
      <c r="KJ37" s="119">
        <v>0</v>
      </c>
      <c r="KK37" s="120">
        <v>536058</v>
      </c>
      <c r="KL37" s="143">
        <v>536058</v>
      </c>
      <c r="KM37" s="232">
        <v>0</v>
      </c>
      <c r="KN37" s="236">
        <v>0</v>
      </c>
      <c r="KO37" s="237">
        <v>0</v>
      </c>
      <c r="KP37" s="140"/>
      <c r="KQ37" s="119">
        <v>499364</v>
      </c>
      <c r="KR37" s="119">
        <v>1803612</v>
      </c>
      <c r="KS37" s="119">
        <v>2625182</v>
      </c>
      <c r="KT37" s="119">
        <v>2017215</v>
      </c>
      <c r="KU37" s="119">
        <v>1333721</v>
      </c>
      <c r="KV37" s="120">
        <v>8279094</v>
      </c>
      <c r="KW37" s="321">
        <v>8279094</v>
      </c>
      <c r="KX37" s="142">
        <v>0</v>
      </c>
      <c r="KY37" s="119">
        <v>0</v>
      </c>
      <c r="KZ37" s="120">
        <v>0</v>
      </c>
      <c r="LA37" s="145"/>
      <c r="LB37" s="119">
        <v>0</v>
      </c>
      <c r="LC37" s="119">
        <v>0</v>
      </c>
      <c r="LD37" s="119">
        <v>0</v>
      </c>
      <c r="LE37" s="119">
        <v>0</v>
      </c>
      <c r="LF37" s="119">
        <v>0</v>
      </c>
      <c r="LG37" s="120">
        <v>0</v>
      </c>
      <c r="LH37" s="121">
        <v>0</v>
      </c>
      <c r="LI37" s="142">
        <v>0</v>
      </c>
      <c r="LJ37" s="119">
        <v>0</v>
      </c>
      <c r="LK37" s="120">
        <v>0</v>
      </c>
      <c r="LL37" s="145"/>
      <c r="LM37" s="119">
        <v>181440</v>
      </c>
      <c r="LN37" s="119">
        <v>157675</v>
      </c>
      <c r="LO37" s="119">
        <v>2708322</v>
      </c>
      <c r="LP37" s="119">
        <v>2659788</v>
      </c>
      <c r="LQ37" s="119">
        <v>534438</v>
      </c>
      <c r="LR37" s="120">
        <v>6241663</v>
      </c>
      <c r="LS37" s="321">
        <v>6241663</v>
      </c>
      <c r="LT37" s="142">
        <v>0</v>
      </c>
      <c r="LU37" s="119">
        <v>0</v>
      </c>
      <c r="LV37" s="120">
        <v>0</v>
      </c>
      <c r="LW37" s="145"/>
      <c r="LX37" s="119">
        <v>0</v>
      </c>
      <c r="LY37" s="119">
        <v>0</v>
      </c>
      <c r="LZ37" s="119">
        <v>0</v>
      </c>
      <c r="MA37" s="119">
        <v>0</v>
      </c>
      <c r="MB37" s="119">
        <v>0</v>
      </c>
      <c r="MC37" s="120">
        <v>0</v>
      </c>
      <c r="MD37" s="121">
        <v>0</v>
      </c>
      <c r="ME37" s="142">
        <v>0</v>
      </c>
      <c r="MF37" s="119">
        <v>0</v>
      </c>
      <c r="MG37" s="120">
        <v>0</v>
      </c>
      <c r="MH37" s="145"/>
      <c r="MI37" s="119">
        <v>952589</v>
      </c>
      <c r="MJ37" s="119">
        <v>2745265</v>
      </c>
      <c r="MK37" s="119">
        <v>5833052</v>
      </c>
      <c r="ML37" s="119">
        <v>10680629</v>
      </c>
      <c r="MM37" s="119">
        <v>4718173</v>
      </c>
      <c r="MN37" s="120">
        <v>24929708</v>
      </c>
      <c r="MO37" s="143">
        <v>24929708</v>
      </c>
      <c r="MP37" s="142">
        <v>0</v>
      </c>
      <c r="MQ37" s="119">
        <v>0</v>
      </c>
      <c r="MR37" s="120">
        <v>0</v>
      </c>
      <c r="MS37" s="145"/>
      <c r="MT37" s="119">
        <v>226386</v>
      </c>
      <c r="MU37" s="119">
        <v>222418</v>
      </c>
      <c r="MV37" s="119">
        <v>2615376</v>
      </c>
      <c r="MW37" s="119">
        <v>5931751</v>
      </c>
      <c r="MX37" s="119">
        <v>2233721</v>
      </c>
      <c r="MY37" s="120">
        <v>11229652</v>
      </c>
      <c r="MZ37" s="143">
        <v>11229652</v>
      </c>
      <c r="NA37" s="142">
        <v>0</v>
      </c>
      <c r="NB37" s="119">
        <v>0</v>
      </c>
      <c r="NC37" s="120">
        <v>0</v>
      </c>
      <c r="ND37" s="145"/>
      <c r="NE37" s="119">
        <v>726203</v>
      </c>
      <c r="NF37" s="119">
        <v>2522847</v>
      </c>
      <c r="NG37" s="119">
        <v>3217676</v>
      </c>
      <c r="NH37" s="119">
        <v>4532070</v>
      </c>
      <c r="NI37" s="119">
        <v>2484452</v>
      </c>
      <c r="NJ37" s="120">
        <v>13483248</v>
      </c>
      <c r="NK37" s="321">
        <v>13483248</v>
      </c>
      <c r="NL37" s="142">
        <v>0</v>
      </c>
      <c r="NM37" s="119">
        <v>0</v>
      </c>
      <c r="NN37" s="120">
        <v>0</v>
      </c>
      <c r="NO37" s="145"/>
      <c r="NP37" s="119">
        <v>0</v>
      </c>
      <c r="NQ37" s="119">
        <v>0</v>
      </c>
      <c r="NR37" s="119">
        <v>0</v>
      </c>
      <c r="NS37" s="119">
        <v>0</v>
      </c>
      <c r="NT37" s="119">
        <v>0</v>
      </c>
      <c r="NU37" s="120">
        <v>0</v>
      </c>
      <c r="NV37" s="121">
        <v>0</v>
      </c>
      <c r="NW37" s="142">
        <v>0</v>
      </c>
      <c r="NX37" s="119">
        <v>0</v>
      </c>
      <c r="NY37" s="120">
        <v>0</v>
      </c>
      <c r="NZ37" s="145"/>
      <c r="OA37" s="119">
        <v>0</v>
      </c>
      <c r="OB37" s="119">
        <v>0</v>
      </c>
      <c r="OC37" s="119">
        <v>0</v>
      </c>
      <c r="OD37" s="119">
        <v>216808</v>
      </c>
      <c r="OE37" s="119">
        <v>0</v>
      </c>
      <c r="OF37" s="120">
        <v>216808</v>
      </c>
      <c r="OG37" s="121">
        <v>216808</v>
      </c>
      <c r="OH37" s="142">
        <v>611258</v>
      </c>
      <c r="OI37" s="119">
        <v>1139063</v>
      </c>
      <c r="OJ37" s="141">
        <v>1750321</v>
      </c>
      <c r="OK37" s="118">
        <v>0</v>
      </c>
      <c r="OL37" s="119">
        <v>13398097</v>
      </c>
      <c r="OM37" s="119">
        <v>17012391</v>
      </c>
      <c r="ON37" s="119">
        <v>22559385</v>
      </c>
      <c r="OO37" s="119">
        <v>24098492</v>
      </c>
      <c r="OP37" s="119">
        <v>12948746</v>
      </c>
      <c r="OQ37" s="120">
        <v>90017111</v>
      </c>
      <c r="OR37" s="143">
        <v>91767432</v>
      </c>
    </row>
    <row r="38" spans="1:408" ht="18.75" customHeight="1" x14ac:dyDescent="0.2">
      <c r="A38" s="62" t="s">
        <v>33</v>
      </c>
      <c r="B38" s="110">
        <v>1490863</v>
      </c>
      <c r="C38" s="114">
        <v>2736841</v>
      </c>
      <c r="D38" s="113">
        <v>4227704</v>
      </c>
      <c r="E38" s="109">
        <v>0</v>
      </c>
      <c r="F38" s="114">
        <v>8383792</v>
      </c>
      <c r="G38" s="114">
        <v>8079482</v>
      </c>
      <c r="H38" s="114">
        <v>4779648</v>
      </c>
      <c r="I38" s="114">
        <v>7332461</v>
      </c>
      <c r="J38" s="114">
        <v>4477543</v>
      </c>
      <c r="K38" s="173">
        <v>33052926</v>
      </c>
      <c r="L38" s="116">
        <v>37280630</v>
      </c>
      <c r="M38" s="110">
        <v>537040</v>
      </c>
      <c r="N38" s="114">
        <v>1150101</v>
      </c>
      <c r="O38" s="113">
        <v>1687141</v>
      </c>
      <c r="P38" s="110">
        <v>0</v>
      </c>
      <c r="Q38" s="114">
        <v>2776444</v>
      </c>
      <c r="R38" s="114">
        <v>2059804</v>
      </c>
      <c r="S38" s="114">
        <v>1378873</v>
      </c>
      <c r="T38" s="114">
        <v>2691888</v>
      </c>
      <c r="U38" s="114">
        <v>2510527</v>
      </c>
      <c r="V38" s="113">
        <v>11417536</v>
      </c>
      <c r="W38" s="116">
        <v>13104677</v>
      </c>
      <c r="X38" s="110">
        <v>0</v>
      </c>
      <c r="Y38" s="114">
        <v>0</v>
      </c>
      <c r="Z38" s="113">
        <v>0</v>
      </c>
      <c r="AA38" s="110">
        <v>0</v>
      </c>
      <c r="AB38" s="114">
        <v>834603</v>
      </c>
      <c r="AC38" s="114">
        <v>672461</v>
      </c>
      <c r="AD38" s="114">
        <v>706820</v>
      </c>
      <c r="AE38" s="114">
        <v>1602914</v>
      </c>
      <c r="AF38" s="114">
        <v>1594467</v>
      </c>
      <c r="AG38" s="113">
        <v>5411265</v>
      </c>
      <c r="AH38" s="116">
        <v>5411265</v>
      </c>
      <c r="AI38" s="110">
        <v>0</v>
      </c>
      <c r="AJ38" s="114">
        <v>0</v>
      </c>
      <c r="AK38" s="113">
        <v>0</v>
      </c>
      <c r="AL38" s="110">
        <v>0</v>
      </c>
      <c r="AM38" s="114">
        <v>0</v>
      </c>
      <c r="AN38" s="114">
        <v>49693</v>
      </c>
      <c r="AO38" s="114">
        <v>101304</v>
      </c>
      <c r="AP38" s="114">
        <v>91424</v>
      </c>
      <c r="AQ38" s="114">
        <v>343242</v>
      </c>
      <c r="AR38" s="113">
        <v>585663</v>
      </c>
      <c r="AS38" s="116">
        <v>585663</v>
      </c>
      <c r="AT38" s="110">
        <v>74857</v>
      </c>
      <c r="AU38" s="114">
        <v>36035</v>
      </c>
      <c r="AV38" s="113">
        <v>110892</v>
      </c>
      <c r="AW38" s="110">
        <v>0</v>
      </c>
      <c r="AX38" s="114">
        <v>490848</v>
      </c>
      <c r="AY38" s="114">
        <v>420476</v>
      </c>
      <c r="AZ38" s="114">
        <v>161393</v>
      </c>
      <c r="BA38" s="114">
        <v>477789</v>
      </c>
      <c r="BB38" s="114">
        <v>265023</v>
      </c>
      <c r="BC38" s="113">
        <v>1815529</v>
      </c>
      <c r="BD38" s="116">
        <v>1926421</v>
      </c>
      <c r="BE38" s="110">
        <v>325869</v>
      </c>
      <c r="BF38" s="114">
        <v>1008127</v>
      </c>
      <c r="BG38" s="112">
        <v>1333996</v>
      </c>
      <c r="BH38" s="111">
        <v>0</v>
      </c>
      <c r="BI38" s="114">
        <v>1089576</v>
      </c>
      <c r="BJ38" s="114">
        <v>518652</v>
      </c>
      <c r="BK38" s="114">
        <v>187169</v>
      </c>
      <c r="BL38" s="114">
        <v>300413</v>
      </c>
      <c r="BM38" s="114">
        <v>200063</v>
      </c>
      <c r="BN38" s="113">
        <v>2295873</v>
      </c>
      <c r="BO38" s="116">
        <v>3629869</v>
      </c>
      <c r="BP38" s="110">
        <v>136314</v>
      </c>
      <c r="BQ38" s="114">
        <v>105939</v>
      </c>
      <c r="BR38" s="113">
        <v>242253</v>
      </c>
      <c r="BS38" s="110">
        <v>0</v>
      </c>
      <c r="BT38" s="114">
        <v>361417</v>
      </c>
      <c r="BU38" s="114">
        <v>398522</v>
      </c>
      <c r="BV38" s="114">
        <v>222187</v>
      </c>
      <c r="BW38" s="114">
        <v>219348</v>
      </c>
      <c r="BX38" s="114">
        <v>107732</v>
      </c>
      <c r="BY38" s="113">
        <v>1309206</v>
      </c>
      <c r="BZ38" s="116">
        <v>1551459</v>
      </c>
      <c r="CA38" s="110">
        <v>289563</v>
      </c>
      <c r="CB38" s="114">
        <v>488629</v>
      </c>
      <c r="CC38" s="113">
        <v>778192</v>
      </c>
      <c r="CD38" s="110">
        <v>0</v>
      </c>
      <c r="CE38" s="114">
        <v>1098171</v>
      </c>
      <c r="CF38" s="114">
        <v>1158053</v>
      </c>
      <c r="CG38" s="114">
        <v>756635</v>
      </c>
      <c r="CH38" s="114">
        <v>591202</v>
      </c>
      <c r="CI38" s="114">
        <v>470419</v>
      </c>
      <c r="CJ38" s="113">
        <v>4074480</v>
      </c>
      <c r="CK38" s="116">
        <v>4852672</v>
      </c>
      <c r="CL38" s="110">
        <v>0</v>
      </c>
      <c r="CM38" s="114">
        <v>0</v>
      </c>
      <c r="CN38" s="113">
        <v>0</v>
      </c>
      <c r="CO38" s="111">
        <v>0</v>
      </c>
      <c r="CP38" s="114">
        <v>403049</v>
      </c>
      <c r="CQ38" s="114">
        <v>239803</v>
      </c>
      <c r="CR38" s="114">
        <v>371833</v>
      </c>
      <c r="CS38" s="114">
        <v>467833</v>
      </c>
      <c r="CT38" s="114">
        <v>249092</v>
      </c>
      <c r="CU38" s="113">
        <v>1731610</v>
      </c>
      <c r="CV38" s="116">
        <v>1731610</v>
      </c>
      <c r="CW38" s="110">
        <v>289563</v>
      </c>
      <c r="CX38" s="114">
        <v>488629</v>
      </c>
      <c r="CY38" s="113">
        <v>778192</v>
      </c>
      <c r="CZ38" s="110">
        <v>0</v>
      </c>
      <c r="DA38" s="114">
        <v>695122</v>
      </c>
      <c r="DB38" s="114">
        <v>918250</v>
      </c>
      <c r="DC38" s="114">
        <v>384802</v>
      </c>
      <c r="DD38" s="114">
        <v>123369</v>
      </c>
      <c r="DE38" s="114">
        <v>221327</v>
      </c>
      <c r="DF38" s="113">
        <v>2342870</v>
      </c>
      <c r="DG38" s="116">
        <v>3121062</v>
      </c>
      <c r="DH38" s="110">
        <v>0</v>
      </c>
      <c r="DI38" s="114">
        <v>0</v>
      </c>
      <c r="DJ38" s="112">
        <v>0</v>
      </c>
      <c r="DK38" s="111">
        <v>0</v>
      </c>
      <c r="DL38" s="114">
        <v>350564</v>
      </c>
      <c r="DM38" s="114">
        <v>207796</v>
      </c>
      <c r="DN38" s="114">
        <v>364951</v>
      </c>
      <c r="DO38" s="114">
        <v>1300453</v>
      </c>
      <c r="DP38" s="114">
        <v>86289</v>
      </c>
      <c r="DQ38" s="113">
        <v>2310053</v>
      </c>
      <c r="DR38" s="116">
        <v>2310053</v>
      </c>
      <c r="DS38" s="110">
        <v>0</v>
      </c>
      <c r="DT38" s="114">
        <v>0</v>
      </c>
      <c r="DU38" s="113">
        <v>0</v>
      </c>
      <c r="DV38" s="110">
        <v>0</v>
      </c>
      <c r="DW38" s="114">
        <v>174572</v>
      </c>
      <c r="DX38" s="114">
        <v>105938</v>
      </c>
      <c r="DY38" s="114">
        <v>316050</v>
      </c>
      <c r="DZ38" s="114">
        <v>1300453</v>
      </c>
      <c r="EA38" s="114">
        <v>86289</v>
      </c>
      <c r="EB38" s="113">
        <v>1983302</v>
      </c>
      <c r="EC38" s="116">
        <v>1983302</v>
      </c>
      <c r="ED38" s="110">
        <v>0</v>
      </c>
      <c r="EE38" s="112">
        <v>0</v>
      </c>
      <c r="EF38" s="113">
        <v>0</v>
      </c>
      <c r="EG38" s="110">
        <v>0</v>
      </c>
      <c r="EH38" s="114">
        <v>175992</v>
      </c>
      <c r="EI38" s="114">
        <v>101858</v>
      </c>
      <c r="EJ38" s="114">
        <v>48901</v>
      </c>
      <c r="EK38" s="114">
        <v>0</v>
      </c>
      <c r="EL38" s="114">
        <v>0</v>
      </c>
      <c r="EM38" s="112">
        <v>326751</v>
      </c>
      <c r="EN38" s="116">
        <v>326751</v>
      </c>
      <c r="EO38" s="110">
        <v>0</v>
      </c>
      <c r="EP38" s="114">
        <v>0</v>
      </c>
      <c r="EQ38" s="112">
        <v>0</v>
      </c>
      <c r="ER38" s="111">
        <v>0</v>
      </c>
      <c r="ES38" s="114">
        <v>0</v>
      </c>
      <c r="ET38" s="114">
        <v>0</v>
      </c>
      <c r="EU38" s="114">
        <v>0</v>
      </c>
      <c r="EV38" s="114">
        <v>0</v>
      </c>
      <c r="EW38" s="114">
        <v>0</v>
      </c>
      <c r="EX38" s="113">
        <v>0</v>
      </c>
      <c r="EY38" s="116">
        <v>0</v>
      </c>
      <c r="EZ38" s="110">
        <v>0</v>
      </c>
      <c r="FA38" s="114">
        <v>0</v>
      </c>
      <c r="FB38" s="112">
        <v>0</v>
      </c>
      <c r="FC38" s="348"/>
      <c r="FD38" s="114">
        <v>0</v>
      </c>
      <c r="FE38" s="114">
        <v>0</v>
      </c>
      <c r="FF38" s="114">
        <v>0</v>
      </c>
      <c r="FG38" s="114">
        <v>0</v>
      </c>
      <c r="FH38" s="114">
        <v>0</v>
      </c>
      <c r="FI38" s="113">
        <v>0</v>
      </c>
      <c r="FJ38" s="116">
        <v>0</v>
      </c>
      <c r="FK38" s="110">
        <v>164049</v>
      </c>
      <c r="FL38" s="114">
        <v>236952</v>
      </c>
      <c r="FM38" s="113">
        <v>401001</v>
      </c>
      <c r="FN38" s="110">
        <v>0</v>
      </c>
      <c r="FO38" s="114">
        <v>482487</v>
      </c>
      <c r="FP38" s="114">
        <v>625511</v>
      </c>
      <c r="FQ38" s="114">
        <v>261366</v>
      </c>
      <c r="FR38" s="114">
        <v>259157</v>
      </c>
      <c r="FS38" s="114">
        <v>361211</v>
      </c>
      <c r="FT38" s="113">
        <v>1989732</v>
      </c>
      <c r="FU38" s="116">
        <v>2390733</v>
      </c>
      <c r="FV38" s="115">
        <v>164049</v>
      </c>
      <c r="FW38" s="114">
        <v>236952</v>
      </c>
      <c r="FX38" s="112">
        <v>401001</v>
      </c>
      <c r="FY38" s="111">
        <v>0</v>
      </c>
      <c r="FZ38" s="114">
        <v>417939</v>
      </c>
      <c r="GA38" s="114">
        <v>604127</v>
      </c>
      <c r="GB38" s="114">
        <v>261366</v>
      </c>
      <c r="GC38" s="114">
        <v>244109</v>
      </c>
      <c r="GD38" s="114">
        <v>361211</v>
      </c>
      <c r="GE38" s="113">
        <v>1888752</v>
      </c>
      <c r="GF38" s="319">
        <v>2289753</v>
      </c>
      <c r="GG38" s="115">
        <v>0</v>
      </c>
      <c r="GH38" s="114">
        <v>0</v>
      </c>
      <c r="GI38" s="112">
        <v>0</v>
      </c>
      <c r="GJ38" s="111">
        <v>0</v>
      </c>
      <c r="GK38" s="114">
        <v>64548</v>
      </c>
      <c r="GL38" s="114">
        <v>21384</v>
      </c>
      <c r="GM38" s="114">
        <v>0</v>
      </c>
      <c r="GN38" s="114">
        <v>15048</v>
      </c>
      <c r="GO38" s="114">
        <v>0</v>
      </c>
      <c r="GP38" s="113">
        <v>100980</v>
      </c>
      <c r="GQ38" s="116">
        <v>100980</v>
      </c>
      <c r="GR38" s="110">
        <v>0</v>
      </c>
      <c r="GS38" s="114">
        <v>0</v>
      </c>
      <c r="GT38" s="113">
        <v>0</v>
      </c>
      <c r="GU38" s="110">
        <v>0</v>
      </c>
      <c r="GV38" s="114">
        <v>0</v>
      </c>
      <c r="GW38" s="114">
        <v>0</v>
      </c>
      <c r="GX38" s="114">
        <v>0</v>
      </c>
      <c r="GY38" s="114">
        <v>0</v>
      </c>
      <c r="GZ38" s="114">
        <v>0</v>
      </c>
      <c r="HA38" s="112">
        <v>0</v>
      </c>
      <c r="HB38" s="116">
        <v>0</v>
      </c>
      <c r="HC38" s="110">
        <v>295706</v>
      </c>
      <c r="HD38" s="114">
        <v>602635</v>
      </c>
      <c r="HE38" s="112">
        <v>898341</v>
      </c>
      <c r="HF38" s="111">
        <v>0</v>
      </c>
      <c r="HG38" s="114">
        <v>2420449</v>
      </c>
      <c r="HH38" s="114">
        <v>3281153</v>
      </c>
      <c r="HI38" s="114">
        <v>1618950</v>
      </c>
      <c r="HJ38" s="114">
        <v>2102254</v>
      </c>
      <c r="HK38" s="114">
        <v>786577</v>
      </c>
      <c r="HL38" s="113">
        <v>10209383</v>
      </c>
      <c r="HM38" s="109">
        <v>11107724</v>
      </c>
      <c r="HN38" s="115">
        <v>204505</v>
      </c>
      <c r="HO38" s="114">
        <v>258524</v>
      </c>
      <c r="HP38" s="113">
        <v>463029</v>
      </c>
      <c r="HQ38" s="110">
        <v>0</v>
      </c>
      <c r="HR38" s="114">
        <v>1255677</v>
      </c>
      <c r="HS38" s="114">
        <v>747165</v>
      </c>
      <c r="HT38" s="114">
        <v>398873</v>
      </c>
      <c r="HU38" s="114">
        <v>387507</v>
      </c>
      <c r="HV38" s="114">
        <v>262520</v>
      </c>
      <c r="HW38" s="112">
        <v>3051742</v>
      </c>
      <c r="HX38" s="116">
        <v>3514771</v>
      </c>
      <c r="HY38" s="150">
        <v>0</v>
      </c>
      <c r="HZ38" s="135">
        <v>480958</v>
      </c>
      <c r="IA38" s="150">
        <v>480958</v>
      </c>
      <c r="IB38" s="146">
        <v>0</v>
      </c>
      <c r="IC38" s="132">
        <v>3335709</v>
      </c>
      <c r="ID38" s="147">
        <v>3467273</v>
      </c>
      <c r="IE38" s="133">
        <v>4896757</v>
      </c>
      <c r="IF38" s="132">
        <v>1656486</v>
      </c>
      <c r="IG38" s="133">
        <v>1096360</v>
      </c>
      <c r="IH38" s="148">
        <v>14452585</v>
      </c>
      <c r="II38" s="150">
        <v>14933543</v>
      </c>
      <c r="IJ38" s="232">
        <v>0</v>
      </c>
      <c r="IK38" s="236">
        <v>0</v>
      </c>
      <c r="IL38" s="237">
        <v>0</v>
      </c>
      <c r="IM38" s="140"/>
      <c r="IN38" s="119">
        <v>0</v>
      </c>
      <c r="IO38" s="119">
        <v>0</v>
      </c>
      <c r="IP38" s="119">
        <v>0</v>
      </c>
      <c r="IQ38" s="119">
        <v>0</v>
      </c>
      <c r="IR38" s="119">
        <v>0</v>
      </c>
      <c r="IS38" s="141">
        <v>0</v>
      </c>
      <c r="IT38" s="321">
        <v>0</v>
      </c>
      <c r="IU38" s="142">
        <v>0</v>
      </c>
      <c r="IV38" s="119">
        <v>0</v>
      </c>
      <c r="IW38" s="120">
        <v>0</v>
      </c>
      <c r="IX38" s="144"/>
      <c r="IY38" s="119">
        <v>0</v>
      </c>
      <c r="IZ38" s="119">
        <v>0</v>
      </c>
      <c r="JA38" s="119">
        <v>0</v>
      </c>
      <c r="JB38" s="119">
        <v>0</v>
      </c>
      <c r="JC38" s="119">
        <v>0</v>
      </c>
      <c r="JD38" s="120">
        <v>0</v>
      </c>
      <c r="JE38" s="121">
        <v>0</v>
      </c>
      <c r="JF38" s="142">
        <v>0</v>
      </c>
      <c r="JG38" s="119">
        <v>0</v>
      </c>
      <c r="JH38" s="141">
        <v>0</v>
      </c>
      <c r="JI38" s="118">
        <v>0</v>
      </c>
      <c r="JJ38" s="119">
        <v>1753218</v>
      </c>
      <c r="JK38" s="119">
        <v>904363</v>
      </c>
      <c r="JL38" s="119">
        <v>413313</v>
      </c>
      <c r="JM38" s="119">
        <v>492738</v>
      </c>
      <c r="JN38" s="119">
        <v>118162</v>
      </c>
      <c r="JO38" s="120">
        <v>3681794</v>
      </c>
      <c r="JP38" s="321">
        <v>3681794</v>
      </c>
      <c r="JQ38" s="142">
        <v>0</v>
      </c>
      <c r="JR38" s="119">
        <v>0</v>
      </c>
      <c r="JS38" s="141">
        <v>0</v>
      </c>
      <c r="JT38" s="118">
        <v>0</v>
      </c>
      <c r="JU38" s="119">
        <v>109458</v>
      </c>
      <c r="JV38" s="119">
        <v>0</v>
      </c>
      <c r="JW38" s="119">
        <v>0</v>
      </c>
      <c r="JX38" s="119">
        <v>0</v>
      </c>
      <c r="JY38" s="119">
        <v>0</v>
      </c>
      <c r="JZ38" s="120">
        <v>109458</v>
      </c>
      <c r="KA38" s="321">
        <v>109458</v>
      </c>
      <c r="KB38" s="234">
        <v>0</v>
      </c>
      <c r="KC38" s="230">
        <v>0</v>
      </c>
      <c r="KD38" s="120">
        <v>0</v>
      </c>
      <c r="KE38" s="118">
        <v>0</v>
      </c>
      <c r="KF38" s="119">
        <v>0</v>
      </c>
      <c r="KG38" s="119">
        <v>0</v>
      </c>
      <c r="KH38" s="119">
        <v>0</v>
      </c>
      <c r="KI38" s="119">
        <v>0</v>
      </c>
      <c r="KJ38" s="119">
        <v>0</v>
      </c>
      <c r="KK38" s="120">
        <v>0</v>
      </c>
      <c r="KL38" s="143">
        <v>0</v>
      </c>
      <c r="KM38" s="232">
        <v>0</v>
      </c>
      <c r="KN38" s="236">
        <v>480958</v>
      </c>
      <c r="KO38" s="237">
        <v>480958</v>
      </c>
      <c r="KP38" s="140"/>
      <c r="KQ38" s="119">
        <v>508554</v>
      </c>
      <c r="KR38" s="119">
        <v>796533</v>
      </c>
      <c r="KS38" s="119">
        <v>2671230</v>
      </c>
      <c r="KT38" s="119">
        <v>278343</v>
      </c>
      <c r="KU38" s="119">
        <v>283799</v>
      </c>
      <c r="KV38" s="120">
        <v>4538459</v>
      </c>
      <c r="KW38" s="321">
        <v>5019417</v>
      </c>
      <c r="KX38" s="142">
        <v>0</v>
      </c>
      <c r="KY38" s="119">
        <v>0</v>
      </c>
      <c r="KZ38" s="120">
        <v>0</v>
      </c>
      <c r="LA38" s="145"/>
      <c r="LB38" s="119">
        <v>0</v>
      </c>
      <c r="LC38" s="119">
        <v>0</v>
      </c>
      <c r="LD38" s="119">
        <v>0</v>
      </c>
      <c r="LE38" s="119">
        <v>0</v>
      </c>
      <c r="LF38" s="119">
        <v>0</v>
      </c>
      <c r="LG38" s="120">
        <v>0</v>
      </c>
      <c r="LH38" s="121">
        <v>0</v>
      </c>
      <c r="LI38" s="142">
        <v>0</v>
      </c>
      <c r="LJ38" s="119">
        <v>0</v>
      </c>
      <c r="LK38" s="120">
        <v>0</v>
      </c>
      <c r="LL38" s="145"/>
      <c r="LM38" s="119">
        <v>0</v>
      </c>
      <c r="LN38" s="119">
        <v>0</v>
      </c>
      <c r="LO38" s="119">
        <v>0</v>
      </c>
      <c r="LP38" s="119">
        <v>0</v>
      </c>
      <c r="LQ38" s="119">
        <v>0</v>
      </c>
      <c r="LR38" s="120">
        <v>0</v>
      </c>
      <c r="LS38" s="321">
        <v>0</v>
      </c>
      <c r="LT38" s="142">
        <v>0</v>
      </c>
      <c r="LU38" s="119">
        <v>0</v>
      </c>
      <c r="LV38" s="120">
        <v>0</v>
      </c>
      <c r="LW38" s="145"/>
      <c r="LX38" s="119">
        <v>964479</v>
      </c>
      <c r="LY38" s="119">
        <v>1766377</v>
      </c>
      <c r="LZ38" s="119">
        <v>1812214</v>
      </c>
      <c r="MA38" s="119">
        <v>885405</v>
      </c>
      <c r="MB38" s="119">
        <v>694399</v>
      </c>
      <c r="MC38" s="120">
        <v>6122874</v>
      </c>
      <c r="MD38" s="121">
        <v>6122874</v>
      </c>
      <c r="ME38" s="142">
        <v>0</v>
      </c>
      <c r="MF38" s="119">
        <v>0</v>
      </c>
      <c r="MG38" s="120">
        <v>0</v>
      </c>
      <c r="MH38" s="145"/>
      <c r="MI38" s="119">
        <v>3621987</v>
      </c>
      <c r="MJ38" s="119">
        <v>4158928</v>
      </c>
      <c r="MK38" s="119">
        <v>12244257</v>
      </c>
      <c r="ML38" s="119">
        <v>14139795</v>
      </c>
      <c r="MM38" s="119">
        <v>12163058</v>
      </c>
      <c r="MN38" s="120">
        <v>46328025</v>
      </c>
      <c r="MO38" s="143">
        <v>46328025</v>
      </c>
      <c r="MP38" s="142">
        <v>0</v>
      </c>
      <c r="MQ38" s="119">
        <v>0</v>
      </c>
      <c r="MR38" s="120">
        <v>0</v>
      </c>
      <c r="MS38" s="145"/>
      <c r="MT38" s="119">
        <v>0</v>
      </c>
      <c r="MU38" s="119">
        <v>1554718</v>
      </c>
      <c r="MV38" s="119">
        <v>6684881</v>
      </c>
      <c r="MW38" s="119">
        <v>7367996</v>
      </c>
      <c r="MX38" s="119">
        <v>7594801</v>
      </c>
      <c r="MY38" s="120">
        <v>23202396</v>
      </c>
      <c r="MZ38" s="143">
        <v>23202396</v>
      </c>
      <c r="NA38" s="142">
        <v>0</v>
      </c>
      <c r="NB38" s="119">
        <v>0</v>
      </c>
      <c r="NC38" s="120">
        <v>0</v>
      </c>
      <c r="ND38" s="145"/>
      <c r="NE38" s="119">
        <v>3100590</v>
      </c>
      <c r="NF38" s="119">
        <v>1481783</v>
      </c>
      <c r="NG38" s="119">
        <v>3535699</v>
      </c>
      <c r="NH38" s="119">
        <v>4901760</v>
      </c>
      <c r="NI38" s="119">
        <v>1943536</v>
      </c>
      <c r="NJ38" s="120">
        <v>14963368</v>
      </c>
      <c r="NK38" s="321">
        <v>14963368</v>
      </c>
      <c r="NL38" s="142">
        <v>0</v>
      </c>
      <c r="NM38" s="119">
        <v>0</v>
      </c>
      <c r="NN38" s="120">
        <v>0</v>
      </c>
      <c r="NO38" s="145"/>
      <c r="NP38" s="119">
        <v>0</v>
      </c>
      <c r="NQ38" s="119">
        <v>0</v>
      </c>
      <c r="NR38" s="119">
        <v>0</v>
      </c>
      <c r="NS38" s="119">
        <v>0</v>
      </c>
      <c r="NT38" s="119">
        <v>0</v>
      </c>
      <c r="NU38" s="120">
        <v>0</v>
      </c>
      <c r="NV38" s="121">
        <v>0</v>
      </c>
      <c r="NW38" s="142">
        <v>0</v>
      </c>
      <c r="NX38" s="119">
        <v>0</v>
      </c>
      <c r="NY38" s="120">
        <v>0</v>
      </c>
      <c r="NZ38" s="145"/>
      <c r="OA38" s="119">
        <v>521397</v>
      </c>
      <c r="OB38" s="119">
        <v>1122427</v>
      </c>
      <c r="OC38" s="119">
        <v>2023677</v>
      </c>
      <c r="OD38" s="119">
        <v>1870039</v>
      </c>
      <c r="OE38" s="119">
        <v>2624721</v>
      </c>
      <c r="OF38" s="120">
        <v>8162261</v>
      </c>
      <c r="OG38" s="121">
        <v>8162261</v>
      </c>
      <c r="OH38" s="142">
        <v>1490863</v>
      </c>
      <c r="OI38" s="119">
        <v>3217799</v>
      </c>
      <c r="OJ38" s="141">
        <v>4708662</v>
      </c>
      <c r="OK38" s="118">
        <v>0</v>
      </c>
      <c r="OL38" s="119">
        <v>15341488</v>
      </c>
      <c r="OM38" s="119">
        <v>15705683</v>
      </c>
      <c r="ON38" s="119">
        <v>21920662</v>
      </c>
      <c r="OO38" s="119">
        <v>23128742</v>
      </c>
      <c r="OP38" s="119">
        <v>17736961</v>
      </c>
      <c r="OQ38" s="120">
        <v>93833536</v>
      </c>
      <c r="OR38" s="143">
        <v>98542198</v>
      </c>
    </row>
    <row r="39" spans="1:408" ht="18.75" customHeight="1" x14ac:dyDescent="0.2">
      <c r="A39" s="62" t="s">
        <v>34</v>
      </c>
      <c r="B39" s="110">
        <v>625522</v>
      </c>
      <c r="C39" s="114">
        <v>659210</v>
      </c>
      <c r="D39" s="174">
        <v>1284732</v>
      </c>
      <c r="E39" s="175">
        <v>0</v>
      </c>
      <c r="F39" s="176">
        <v>7071585</v>
      </c>
      <c r="G39" s="176">
        <v>5525874</v>
      </c>
      <c r="H39" s="176">
        <v>4706041</v>
      </c>
      <c r="I39" s="176">
        <v>5482772</v>
      </c>
      <c r="J39" s="176">
        <v>2372870</v>
      </c>
      <c r="K39" s="177">
        <v>25159142</v>
      </c>
      <c r="L39" s="116">
        <v>26443874</v>
      </c>
      <c r="M39" s="110">
        <v>110466</v>
      </c>
      <c r="N39" s="114">
        <v>138839</v>
      </c>
      <c r="O39" s="113">
        <v>249305</v>
      </c>
      <c r="P39" s="110">
        <v>0</v>
      </c>
      <c r="Q39" s="114">
        <v>1304508</v>
      </c>
      <c r="R39" s="114">
        <v>1137427</v>
      </c>
      <c r="S39" s="114">
        <v>1097196</v>
      </c>
      <c r="T39" s="114">
        <v>959745</v>
      </c>
      <c r="U39" s="114">
        <v>1156306</v>
      </c>
      <c r="V39" s="113">
        <v>5655182</v>
      </c>
      <c r="W39" s="116">
        <v>5904487</v>
      </c>
      <c r="X39" s="110">
        <v>0</v>
      </c>
      <c r="Y39" s="114">
        <v>0</v>
      </c>
      <c r="Z39" s="113">
        <v>0</v>
      </c>
      <c r="AA39" s="110">
        <v>0</v>
      </c>
      <c r="AB39" s="114">
        <v>601416</v>
      </c>
      <c r="AC39" s="114">
        <v>411584</v>
      </c>
      <c r="AD39" s="114">
        <v>596273</v>
      </c>
      <c r="AE39" s="114">
        <v>610391</v>
      </c>
      <c r="AF39" s="114">
        <v>362547</v>
      </c>
      <c r="AG39" s="113">
        <v>2582211</v>
      </c>
      <c r="AH39" s="116">
        <v>2582211</v>
      </c>
      <c r="AI39" s="110">
        <v>0</v>
      </c>
      <c r="AJ39" s="114">
        <v>0</v>
      </c>
      <c r="AK39" s="113">
        <v>0</v>
      </c>
      <c r="AL39" s="110">
        <v>0</v>
      </c>
      <c r="AM39" s="114">
        <v>0</v>
      </c>
      <c r="AN39" s="114">
        <v>50661</v>
      </c>
      <c r="AO39" s="114">
        <v>0</v>
      </c>
      <c r="AP39" s="114">
        <v>50661</v>
      </c>
      <c r="AQ39" s="114">
        <v>391248</v>
      </c>
      <c r="AR39" s="113">
        <v>492570</v>
      </c>
      <c r="AS39" s="116">
        <v>492570</v>
      </c>
      <c r="AT39" s="110">
        <v>48852</v>
      </c>
      <c r="AU39" s="114">
        <v>80186</v>
      </c>
      <c r="AV39" s="113">
        <v>129038</v>
      </c>
      <c r="AW39" s="110">
        <v>0</v>
      </c>
      <c r="AX39" s="114">
        <v>268432</v>
      </c>
      <c r="AY39" s="114">
        <v>367437</v>
      </c>
      <c r="AZ39" s="114">
        <v>192999</v>
      </c>
      <c r="BA39" s="114">
        <v>11196</v>
      </c>
      <c r="BB39" s="114">
        <v>133695</v>
      </c>
      <c r="BC39" s="113">
        <v>973759</v>
      </c>
      <c r="BD39" s="116">
        <v>1102797</v>
      </c>
      <c r="BE39" s="110">
        <v>0</v>
      </c>
      <c r="BF39" s="114">
        <v>27900</v>
      </c>
      <c r="BG39" s="112">
        <v>27900</v>
      </c>
      <c r="BH39" s="111">
        <v>0</v>
      </c>
      <c r="BI39" s="114">
        <v>143010</v>
      </c>
      <c r="BJ39" s="114">
        <v>65104</v>
      </c>
      <c r="BK39" s="114">
        <v>64170</v>
      </c>
      <c r="BL39" s="114">
        <v>25110</v>
      </c>
      <c r="BM39" s="114">
        <v>39438</v>
      </c>
      <c r="BN39" s="113">
        <v>336832</v>
      </c>
      <c r="BO39" s="116">
        <v>364732</v>
      </c>
      <c r="BP39" s="110">
        <v>61614</v>
      </c>
      <c r="BQ39" s="114">
        <v>30753</v>
      </c>
      <c r="BR39" s="113">
        <v>92367</v>
      </c>
      <c r="BS39" s="110">
        <v>0</v>
      </c>
      <c r="BT39" s="114">
        <v>291650</v>
      </c>
      <c r="BU39" s="114">
        <v>242641</v>
      </c>
      <c r="BV39" s="114">
        <v>243754</v>
      </c>
      <c r="BW39" s="114">
        <v>262387</v>
      </c>
      <c r="BX39" s="114">
        <v>229378</v>
      </c>
      <c r="BY39" s="113">
        <v>1269810</v>
      </c>
      <c r="BZ39" s="116">
        <v>1362177</v>
      </c>
      <c r="CA39" s="110">
        <v>48775</v>
      </c>
      <c r="CB39" s="114">
        <v>216054</v>
      </c>
      <c r="CC39" s="113">
        <v>264829</v>
      </c>
      <c r="CD39" s="110">
        <v>0</v>
      </c>
      <c r="CE39" s="114">
        <v>2603910</v>
      </c>
      <c r="CF39" s="114">
        <v>2214504</v>
      </c>
      <c r="CG39" s="114">
        <v>1449904</v>
      </c>
      <c r="CH39" s="114">
        <v>1391123</v>
      </c>
      <c r="CI39" s="114">
        <v>350901</v>
      </c>
      <c r="CJ39" s="113">
        <v>8010342</v>
      </c>
      <c r="CK39" s="116">
        <v>8275171</v>
      </c>
      <c r="CL39" s="110">
        <v>0</v>
      </c>
      <c r="CM39" s="114">
        <v>0</v>
      </c>
      <c r="CN39" s="113">
        <v>0</v>
      </c>
      <c r="CO39" s="111">
        <v>0</v>
      </c>
      <c r="CP39" s="114">
        <v>2005928</v>
      </c>
      <c r="CQ39" s="114">
        <v>1974119</v>
      </c>
      <c r="CR39" s="114">
        <v>1323648</v>
      </c>
      <c r="CS39" s="114">
        <v>1014689</v>
      </c>
      <c r="CT39" s="114">
        <v>350901</v>
      </c>
      <c r="CU39" s="113">
        <v>6669285</v>
      </c>
      <c r="CV39" s="116">
        <v>6669285</v>
      </c>
      <c r="CW39" s="110">
        <v>48775</v>
      </c>
      <c r="CX39" s="114">
        <v>216054</v>
      </c>
      <c r="CY39" s="113">
        <v>264829</v>
      </c>
      <c r="CZ39" s="110">
        <v>0</v>
      </c>
      <c r="DA39" s="114">
        <v>597982</v>
      </c>
      <c r="DB39" s="114">
        <v>240385</v>
      </c>
      <c r="DC39" s="114">
        <v>126256</v>
      </c>
      <c r="DD39" s="114">
        <v>376434</v>
      </c>
      <c r="DE39" s="114">
        <v>0</v>
      </c>
      <c r="DF39" s="113">
        <v>1341057</v>
      </c>
      <c r="DG39" s="116">
        <v>1605886</v>
      </c>
      <c r="DH39" s="110">
        <v>0</v>
      </c>
      <c r="DI39" s="114">
        <v>0</v>
      </c>
      <c r="DJ39" s="112">
        <v>0</v>
      </c>
      <c r="DK39" s="111">
        <v>0</v>
      </c>
      <c r="DL39" s="114">
        <v>143667</v>
      </c>
      <c r="DM39" s="114">
        <v>0</v>
      </c>
      <c r="DN39" s="114">
        <v>313442</v>
      </c>
      <c r="DO39" s="114">
        <v>881580</v>
      </c>
      <c r="DP39" s="114">
        <v>0</v>
      </c>
      <c r="DQ39" s="113">
        <v>1338689</v>
      </c>
      <c r="DR39" s="116">
        <v>1338689</v>
      </c>
      <c r="DS39" s="110">
        <v>0</v>
      </c>
      <c r="DT39" s="114">
        <v>0</v>
      </c>
      <c r="DU39" s="113">
        <v>0</v>
      </c>
      <c r="DV39" s="110">
        <v>0</v>
      </c>
      <c r="DW39" s="114">
        <v>143667</v>
      </c>
      <c r="DX39" s="114">
        <v>0</v>
      </c>
      <c r="DY39" s="114">
        <v>272898</v>
      </c>
      <c r="DZ39" s="114">
        <v>779691</v>
      </c>
      <c r="EA39" s="114">
        <v>0</v>
      </c>
      <c r="EB39" s="113">
        <v>1196256</v>
      </c>
      <c r="EC39" s="116">
        <v>1196256</v>
      </c>
      <c r="ED39" s="110">
        <v>0</v>
      </c>
      <c r="EE39" s="112">
        <v>0</v>
      </c>
      <c r="EF39" s="113">
        <v>0</v>
      </c>
      <c r="EG39" s="110">
        <v>0</v>
      </c>
      <c r="EH39" s="114">
        <v>0</v>
      </c>
      <c r="EI39" s="114">
        <v>0</v>
      </c>
      <c r="EJ39" s="114">
        <v>40544</v>
      </c>
      <c r="EK39" s="114">
        <v>101889</v>
      </c>
      <c r="EL39" s="114">
        <v>0</v>
      </c>
      <c r="EM39" s="112">
        <v>142433</v>
      </c>
      <c r="EN39" s="116">
        <v>142433</v>
      </c>
      <c r="EO39" s="110">
        <v>0</v>
      </c>
      <c r="EP39" s="114">
        <v>0</v>
      </c>
      <c r="EQ39" s="112">
        <v>0</v>
      </c>
      <c r="ER39" s="111">
        <v>0</v>
      </c>
      <c r="ES39" s="114">
        <v>0</v>
      </c>
      <c r="ET39" s="114">
        <v>0</v>
      </c>
      <c r="EU39" s="114">
        <v>0</v>
      </c>
      <c r="EV39" s="114">
        <v>0</v>
      </c>
      <c r="EW39" s="114">
        <v>0</v>
      </c>
      <c r="EX39" s="113">
        <v>0</v>
      </c>
      <c r="EY39" s="116">
        <v>0</v>
      </c>
      <c r="EZ39" s="110">
        <v>0</v>
      </c>
      <c r="FA39" s="114">
        <v>0</v>
      </c>
      <c r="FB39" s="112">
        <v>0</v>
      </c>
      <c r="FC39" s="348"/>
      <c r="FD39" s="114">
        <v>0</v>
      </c>
      <c r="FE39" s="114">
        <v>0</v>
      </c>
      <c r="FF39" s="114">
        <v>0</v>
      </c>
      <c r="FG39" s="114">
        <v>0</v>
      </c>
      <c r="FH39" s="114">
        <v>0</v>
      </c>
      <c r="FI39" s="113">
        <v>0</v>
      </c>
      <c r="FJ39" s="116">
        <v>0</v>
      </c>
      <c r="FK39" s="110">
        <v>167310</v>
      </c>
      <c r="FL39" s="114">
        <v>96900</v>
      </c>
      <c r="FM39" s="113">
        <v>264210</v>
      </c>
      <c r="FN39" s="110">
        <v>0</v>
      </c>
      <c r="FO39" s="114">
        <v>490205</v>
      </c>
      <c r="FP39" s="114">
        <v>582636</v>
      </c>
      <c r="FQ39" s="114">
        <v>528013</v>
      </c>
      <c r="FR39" s="114">
        <v>455662</v>
      </c>
      <c r="FS39" s="114">
        <v>203517</v>
      </c>
      <c r="FT39" s="113">
        <v>2260033</v>
      </c>
      <c r="FU39" s="116">
        <v>2524243</v>
      </c>
      <c r="FV39" s="115">
        <v>73260</v>
      </c>
      <c r="FW39" s="114">
        <v>96900</v>
      </c>
      <c r="FX39" s="112">
        <v>170160</v>
      </c>
      <c r="FY39" s="111">
        <v>0</v>
      </c>
      <c r="FZ39" s="114">
        <v>472385</v>
      </c>
      <c r="GA39" s="114">
        <v>582636</v>
      </c>
      <c r="GB39" s="114">
        <v>461233</v>
      </c>
      <c r="GC39" s="114">
        <v>455662</v>
      </c>
      <c r="GD39" s="114">
        <v>203517</v>
      </c>
      <c r="GE39" s="113">
        <v>2175433</v>
      </c>
      <c r="GF39" s="319">
        <v>2345593</v>
      </c>
      <c r="GG39" s="115">
        <v>0</v>
      </c>
      <c r="GH39" s="114">
        <v>0</v>
      </c>
      <c r="GI39" s="112">
        <v>0</v>
      </c>
      <c r="GJ39" s="111">
        <v>0</v>
      </c>
      <c r="GK39" s="114">
        <v>17820</v>
      </c>
      <c r="GL39" s="114">
        <v>0</v>
      </c>
      <c r="GM39" s="114">
        <v>24057</v>
      </c>
      <c r="GN39" s="114">
        <v>0</v>
      </c>
      <c r="GO39" s="114">
        <v>0</v>
      </c>
      <c r="GP39" s="113">
        <v>41877</v>
      </c>
      <c r="GQ39" s="116">
        <v>41877</v>
      </c>
      <c r="GR39" s="110">
        <v>94050</v>
      </c>
      <c r="GS39" s="114">
        <v>0</v>
      </c>
      <c r="GT39" s="113">
        <v>94050</v>
      </c>
      <c r="GU39" s="110">
        <v>0</v>
      </c>
      <c r="GV39" s="114">
        <v>0</v>
      </c>
      <c r="GW39" s="114">
        <v>0</v>
      </c>
      <c r="GX39" s="114">
        <v>42723</v>
      </c>
      <c r="GY39" s="114">
        <v>0</v>
      </c>
      <c r="GZ39" s="114">
        <v>0</v>
      </c>
      <c r="HA39" s="112">
        <v>42723</v>
      </c>
      <c r="HB39" s="116">
        <v>136773</v>
      </c>
      <c r="HC39" s="110">
        <v>233271</v>
      </c>
      <c r="HD39" s="114">
        <v>106677</v>
      </c>
      <c r="HE39" s="112">
        <v>339948</v>
      </c>
      <c r="HF39" s="111">
        <v>0</v>
      </c>
      <c r="HG39" s="114">
        <v>1380009</v>
      </c>
      <c r="HH39" s="114">
        <v>925590</v>
      </c>
      <c r="HI39" s="114">
        <v>812123</v>
      </c>
      <c r="HJ39" s="114">
        <v>1390730</v>
      </c>
      <c r="HK39" s="114">
        <v>502409</v>
      </c>
      <c r="HL39" s="113">
        <v>5010861</v>
      </c>
      <c r="HM39" s="109">
        <v>5350809</v>
      </c>
      <c r="HN39" s="115">
        <v>65700</v>
      </c>
      <c r="HO39" s="114">
        <v>100740</v>
      </c>
      <c r="HP39" s="113">
        <v>166440</v>
      </c>
      <c r="HQ39" s="110">
        <v>0</v>
      </c>
      <c r="HR39" s="114">
        <v>1149286</v>
      </c>
      <c r="HS39" s="114">
        <v>665717</v>
      </c>
      <c r="HT39" s="114">
        <v>505363</v>
      </c>
      <c r="HU39" s="114">
        <v>403932</v>
      </c>
      <c r="HV39" s="114">
        <v>159737</v>
      </c>
      <c r="HW39" s="112">
        <v>2884035</v>
      </c>
      <c r="HX39" s="116">
        <v>3050475</v>
      </c>
      <c r="HY39" s="131">
        <v>88992</v>
      </c>
      <c r="HZ39" s="132">
        <v>159372</v>
      </c>
      <c r="IA39" s="133">
        <v>248364</v>
      </c>
      <c r="IB39" s="146">
        <v>0</v>
      </c>
      <c r="IC39" s="132">
        <v>2953645</v>
      </c>
      <c r="ID39" s="147">
        <v>4768931</v>
      </c>
      <c r="IE39" s="133">
        <v>3532277</v>
      </c>
      <c r="IF39" s="132">
        <v>2646848</v>
      </c>
      <c r="IG39" s="133">
        <v>1125072</v>
      </c>
      <c r="IH39" s="148">
        <v>15026773</v>
      </c>
      <c r="II39" s="139">
        <v>15275137</v>
      </c>
      <c r="IJ39" s="232">
        <v>0</v>
      </c>
      <c r="IK39" s="236">
        <v>0</v>
      </c>
      <c r="IL39" s="237">
        <v>0</v>
      </c>
      <c r="IM39" s="140"/>
      <c r="IN39" s="119">
        <v>0</v>
      </c>
      <c r="IO39" s="119">
        <v>0</v>
      </c>
      <c r="IP39" s="119">
        <v>0</v>
      </c>
      <c r="IQ39" s="119">
        <v>0</v>
      </c>
      <c r="IR39" s="119">
        <v>0</v>
      </c>
      <c r="IS39" s="141">
        <v>0</v>
      </c>
      <c r="IT39" s="321">
        <v>0</v>
      </c>
      <c r="IU39" s="142">
        <v>0</v>
      </c>
      <c r="IV39" s="119">
        <v>0</v>
      </c>
      <c r="IW39" s="120">
        <v>0</v>
      </c>
      <c r="IX39" s="144"/>
      <c r="IY39" s="119">
        <v>0</v>
      </c>
      <c r="IZ39" s="119">
        <v>0</v>
      </c>
      <c r="JA39" s="119">
        <v>0</v>
      </c>
      <c r="JB39" s="119">
        <v>0</v>
      </c>
      <c r="JC39" s="119">
        <v>0</v>
      </c>
      <c r="JD39" s="120">
        <v>0</v>
      </c>
      <c r="JE39" s="121">
        <v>0</v>
      </c>
      <c r="JF39" s="142">
        <v>0</v>
      </c>
      <c r="JG39" s="119">
        <v>0</v>
      </c>
      <c r="JH39" s="141">
        <v>0</v>
      </c>
      <c r="JI39" s="118">
        <v>0</v>
      </c>
      <c r="JJ39" s="119">
        <v>1197349</v>
      </c>
      <c r="JK39" s="119">
        <v>231912</v>
      </c>
      <c r="JL39" s="119">
        <v>994257</v>
      </c>
      <c r="JM39" s="119">
        <v>98622</v>
      </c>
      <c r="JN39" s="119">
        <v>0</v>
      </c>
      <c r="JO39" s="120">
        <v>2522140</v>
      </c>
      <c r="JP39" s="321">
        <v>2522140</v>
      </c>
      <c r="JQ39" s="142">
        <v>0</v>
      </c>
      <c r="JR39" s="119">
        <v>0</v>
      </c>
      <c r="JS39" s="141">
        <v>0</v>
      </c>
      <c r="JT39" s="118">
        <v>0</v>
      </c>
      <c r="JU39" s="119">
        <v>0</v>
      </c>
      <c r="JV39" s="119">
        <v>0</v>
      </c>
      <c r="JW39" s="119">
        <v>0</v>
      </c>
      <c r="JX39" s="119">
        <v>80270</v>
      </c>
      <c r="JY39" s="119">
        <v>0</v>
      </c>
      <c r="JZ39" s="120">
        <v>80270</v>
      </c>
      <c r="KA39" s="321">
        <v>80270</v>
      </c>
      <c r="KB39" s="234">
        <v>88992</v>
      </c>
      <c r="KC39" s="230">
        <v>159372</v>
      </c>
      <c r="KD39" s="120">
        <v>248364</v>
      </c>
      <c r="KE39" s="118">
        <v>0</v>
      </c>
      <c r="KF39" s="119">
        <v>1079442</v>
      </c>
      <c r="KG39" s="119">
        <v>1251486</v>
      </c>
      <c r="KH39" s="119">
        <v>927117</v>
      </c>
      <c r="KI39" s="119">
        <v>533232</v>
      </c>
      <c r="KJ39" s="119">
        <v>0</v>
      </c>
      <c r="KK39" s="120">
        <v>3791277</v>
      </c>
      <c r="KL39" s="143">
        <v>4039641</v>
      </c>
      <c r="KM39" s="232">
        <v>0</v>
      </c>
      <c r="KN39" s="236">
        <v>0</v>
      </c>
      <c r="KO39" s="237">
        <v>0</v>
      </c>
      <c r="KP39" s="140"/>
      <c r="KQ39" s="119">
        <v>504306</v>
      </c>
      <c r="KR39" s="119">
        <v>796743</v>
      </c>
      <c r="KS39" s="119">
        <v>541638</v>
      </c>
      <c r="KT39" s="119">
        <v>818784</v>
      </c>
      <c r="KU39" s="119">
        <v>1125072</v>
      </c>
      <c r="KV39" s="120">
        <v>3786543</v>
      </c>
      <c r="KW39" s="321">
        <v>3786543</v>
      </c>
      <c r="KX39" s="142">
        <v>0</v>
      </c>
      <c r="KY39" s="119">
        <v>0</v>
      </c>
      <c r="KZ39" s="120">
        <v>0</v>
      </c>
      <c r="LA39" s="145"/>
      <c r="LB39" s="119">
        <v>0</v>
      </c>
      <c r="LC39" s="119">
        <v>0</v>
      </c>
      <c r="LD39" s="119">
        <v>0</v>
      </c>
      <c r="LE39" s="119">
        <v>0</v>
      </c>
      <c r="LF39" s="119">
        <v>0</v>
      </c>
      <c r="LG39" s="120">
        <v>0</v>
      </c>
      <c r="LH39" s="121">
        <v>0</v>
      </c>
      <c r="LI39" s="142">
        <v>0</v>
      </c>
      <c r="LJ39" s="119">
        <v>0</v>
      </c>
      <c r="LK39" s="120">
        <v>0</v>
      </c>
      <c r="LL39" s="145"/>
      <c r="LM39" s="119">
        <v>0</v>
      </c>
      <c r="LN39" s="119">
        <v>0</v>
      </c>
      <c r="LO39" s="119">
        <v>0</v>
      </c>
      <c r="LP39" s="119">
        <v>0</v>
      </c>
      <c r="LQ39" s="119">
        <v>0</v>
      </c>
      <c r="LR39" s="120">
        <v>0</v>
      </c>
      <c r="LS39" s="321">
        <v>0</v>
      </c>
      <c r="LT39" s="142">
        <v>0</v>
      </c>
      <c r="LU39" s="119">
        <v>0</v>
      </c>
      <c r="LV39" s="120">
        <v>0</v>
      </c>
      <c r="LW39" s="145"/>
      <c r="LX39" s="119">
        <v>172548</v>
      </c>
      <c r="LY39" s="119">
        <v>2488790</v>
      </c>
      <c r="LZ39" s="119">
        <v>1069265</v>
      </c>
      <c r="MA39" s="119">
        <v>1115940</v>
      </c>
      <c r="MB39" s="119">
        <v>0</v>
      </c>
      <c r="MC39" s="120">
        <v>4846543</v>
      </c>
      <c r="MD39" s="121">
        <v>4846543</v>
      </c>
      <c r="ME39" s="142">
        <v>0</v>
      </c>
      <c r="MF39" s="119">
        <v>0</v>
      </c>
      <c r="MG39" s="120">
        <v>0</v>
      </c>
      <c r="MH39" s="145"/>
      <c r="MI39" s="119">
        <v>1515403</v>
      </c>
      <c r="MJ39" s="119">
        <v>2045763</v>
      </c>
      <c r="MK39" s="119">
        <v>5561204</v>
      </c>
      <c r="ML39" s="119">
        <v>9890450</v>
      </c>
      <c r="MM39" s="119">
        <v>6767586</v>
      </c>
      <c r="MN39" s="120">
        <v>25780406</v>
      </c>
      <c r="MO39" s="143">
        <v>25780406</v>
      </c>
      <c r="MP39" s="142">
        <v>0</v>
      </c>
      <c r="MQ39" s="119">
        <v>0</v>
      </c>
      <c r="MR39" s="120">
        <v>0</v>
      </c>
      <c r="MS39" s="145"/>
      <c r="MT39" s="119">
        <v>0</v>
      </c>
      <c r="MU39" s="119">
        <v>0</v>
      </c>
      <c r="MV39" s="119">
        <v>1436383</v>
      </c>
      <c r="MW39" s="119">
        <v>5857487</v>
      </c>
      <c r="MX39" s="119">
        <v>4180017</v>
      </c>
      <c r="MY39" s="120">
        <v>11473887</v>
      </c>
      <c r="MZ39" s="143">
        <v>11473887</v>
      </c>
      <c r="NA39" s="142">
        <v>0</v>
      </c>
      <c r="NB39" s="119">
        <v>0</v>
      </c>
      <c r="NC39" s="120">
        <v>0</v>
      </c>
      <c r="ND39" s="145"/>
      <c r="NE39" s="119">
        <v>1515403</v>
      </c>
      <c r="NF39" s="119">
        <v>1793268</v>
      </c>
      <c r="NG39" s="119">
        <v>4124821</v>
      </c>
      <c r="NH39" s="119">
        <v>3700377</v>
      </c>
      <c r="NI39" s="119">
        <v>2235669</v>
      </c>
      <c r="NJ39" s="120">
        <v>13369538</v>
      </c>
      <c r="NK39" s="321">
        <v>13369538</v>
      </c>
      <c r="NL39" s="142">
        <v>0</v>
      </c>
      <c r="NM39" s="119">
        <v>0</v>
      </c>
      <c r="NN39" s="120">
        <v>0</v>
      </c>
      <c r="NO39" s="145"/>
      <c r="NP39" s="119">
        <v>0</v>
      </c>
      <c r="NQ39" s="119">
        <v>0</v>
      </c>
      <c r="NR39" s="119">
        <v>0</v>
      </c>
      <c r="NS39" s="119">
        <v>0</v>
      </c>
      <c r="NT39" s="119">
        <v>0</v>
      </c>
      <c r="NU39" s="120">
        <v>0</v>
      </c>
      <c r="NV39" s="121">
        <v>0</v>
      </c>
      <c r="NW39" s="142">
        <v>0</v>
      </c>
      <c r="NX39" s="119">
        <v>0</v>
      </c>
      <c r="NY39" s="120">
        <v>0</v>
      </c>
      <c r="NZ39" s="145"/>
      <c r="OA39" s="119">
        <v>0</v>
      </c>
      <c r="OB39" s="119">
        <v>252495</v>
      </c>
      <c r="OC39" s="119">
        <v>0</v>
      </c>
      <c r="OD39" s="119">
        <v>332586</v>
      </c>
      <c r="OE39" s="119">
        <v>351900</v>
      </c>
      <c r="OF39" s="120">
        <v>936981</v>
      </c>
      <c r="OG39" s="121">
        <v>936981</v>
      </c>
      <c r="OH39" s="142">
        <v>714514</v>
      </c>
      <c r="OI39" s="119">
        <v>818582</v>
      </c>
      <c r="OJ39" s="141">
        <v>1533096</v>
      </c>
      <c r="OK39" s="118">
        <v>0</v>
      </c>
      <c r="OL39" s="119">
        <v>11540633</v>
      </c>
      <c r="OM39" s="119">
        <v>12340568</v>
      </c>
      <c r="ON39" s="119">
        <v>13799522</v>
      </c>
      <c r="OO39" s="119">
        <v>18020070</v>
      </c>
      <c r="OP39" s="119">
        <v>10265528</v>
      </c>
      <c r="OQ39" s="120">
        <v>65966321</v>
      </c>
      <c r="OR39" s="143">
        <v>67499417</v>
      </c>
    </row>
    <row r="40" spans="1:408" ht="18.75" customHeight="1" x14ac:dyDescent="0.2">
      <c r="A40" s="62" t="s">
        <v>35</v>
      </c>
      <c r="B40" s="110">
        <v>2614925</v>
      </c>
      <c r="C40" s="114">
        <v>5221991</v>
      </c>
      <c r="D40" s="113">
        <v>7836916</v>
      </c>
      <c r="E40" s="109">
        <v>0</v>
      </c>
      <c r="F40" s="114">
        <v>30393235</v>
      </c>
      <c r="G40" s="114">
        <v>27166289</v>
      </c>
      <c r="H40" s="114">
        <v>21066804</v>
      </c>
      <c r="I40" s="114">
        <v>20069436</v>
      </c>
      <c r="J40" s="114">
        <v>10641503</v>
      </c>
      <c r="K40" s="173">
        <v>109337267</v>
      </c>
      <c r="L40" s="116">
        <v>117174183</v>
      </c>
      <c r="M40" s="110">
        <v>451942</v>
      </c>
      <c r="N40" s="114">
        <v>811657</v>
      </c>
      <c r="O40" s="113">
        <v>1263599</v>
      </c>
      <c r="P40" s="110">
        <v>0</v>
      </c>
      <c r="Q40" s="114">
        <v>6496291</v>
      </c>
      <c r="R40" s="114">
        <v>6349919</v>
      </c>
      <c r="S40" s="114">
        <v>4955618</v>
      </c>
      <c r="T40" s="114">
        <v>6564632</v>
      </c>
      <c r="U40" s="114">
        <v>4912231</v>
      </c>
      <c r="V40" s="113">
        <v>29278691</v>
      </c>
      <c r="W40" s="116">
        <v>30542290</v>
      </c>
      <c r="X40" s="110">
        <v>0</v>
      </c>
      <c r="Y40" s="114">
        <v>0</v>
      </c>
      <c r="Z40" s="113">
        <v>0</v>
      </c>
      <c r="AA40" s="110">
        <v>0</v>
      </c>
      <c r="AB40" s="114">
        <v>3422947</v>
      </c>
      <c r="AC40" s="114">
        <v>2919010</v>
      </c>
      <c r="AD40" s="114">
        <v>2992253</v>
      </c>
      <c r="AE40" s="114">
        <v>4125452</v>
      </c>
      <c r="AF40" s="114">
        <v>3045646</v>
      </c>
      <c r="AG40" s="113">
        <v>16505308</v>
      </c>
      <c r="AH40" s="116">
        <v>16505308</v>
      </c>
      <c r="AI40" s="110">
        <v>0</v>
      </c>
      <c r="AJ40" s="114">
        <v>0</v>
      </c>
      <c r="AK40" s="113">
        <v>0</v>
      </c>
      <c r="AL40" s="110">
        <v>0</v>
      </c>
      <c r="AM40" s="114">
        <v>0</v>
      </c>
      <c r="AN40" s="114">
        <v>417879</v>
      </c>
      <c r="AO40" s="114">
        <v>125307</v>
      </c>
      <c r="AP40" s="114">
        <v>649980</v>
      </c>
      <c r="AQ40" s="114">
        <v>880700</v>
      </c>
      <c r="AR40" s="113">
        <v>2073866</v>
      </c>
      <c r="AS40" s="116">
        <v>2073866</v>
      </c>
      <c r="AT40" s="110">
        <v>67356</v>
      </c>
      <c r="AU40" s="114">
        <v>491346</v>
      </c>
      <c r="AV40" s="113">
        <v>558702</v>
      </c>
      <c r="AW40" s="110">
        <v>0</v>
      </c>
      <c r="AX40" s="114">
        <v>1326618</v>
      </c>
      <c r="AY40" s="114">
        <v>1527078</v>
      </c>
      <c r="AZ40" s="114">
        <v>646976</v>
      </c>
      <c r="BA40" s="114">
        <v>612030</v>
      </c>
      <c r="BB40" s="114">
        <v>410193</v>
      </c>
      <c r="BC40" s="113">
        <v>4522895</v>
      </c>
      <c r="BD40" s="116">
        <v>5081597</v>
      </c>
      <c r="BE40" s="110">
        <v>0</v>
      </c>
      <c r="BF40" s="114">
        <v>41850</v>
      </c>
      <c r="BG40" s="112">
        <v>41850</v>
      </c>
      <c r="BH40" s="111">
        <v>0</v>
      </c>
      <c r="BI40" s="114">
        <v>532457</v>
      </c>
      <c r="BJ40" s="114">
        <v>357841</v>
      </c>
      <c r="BK40" s="114">
        <v>207369</v>
      </c>
      <c r="BL40" s="114">
        <v>190278</v>
      </c>
      <c r="BM40" s="114">
        <v>75708</v>
      </c>
      <c r="BN40" s="113">
        <v>1363653</v>
      </c>
      <c r="BO40" s="116">
        <v>1405503</v>
      </c>
      <c r="BP40" s="110">
        <v>384586</v>
      </c>
      <c r="BQ40" s="114">
        <v>278461</v>
      </c>
      <c r="BR40" s="113">
        <v>663047</v>
      </c>
      <c r="BS40" s="110">
        <v>0</v>
      </c>
      <c r="BT40" s="114">
        <v>1214269</v>
      </c>
      <c r="BU40" s="114">
        <v>1128111</v>
      </c>
      <c r="BV40" s="114">
        <v>983713</v>
      </c>
      <c r="BW40" s="114">
        <v>986892</v>
      </c>
      <c r="BX40" s="114">
        <v>499984</v>
      </c>
      <c r="BY40" s="113">
        <v>4812969</v>
      </c>
      <c r="BZ40" s="116">
        <v>5476016</v>
      </c>
      <c r="CA40" s="110">
        <v>175382</v>
      </c>
      <c r="CB40" s="114">
        <v>1348322</v>
      </c>
      <c r="CC40" s="113">
        <v>1523704</v>
      </c>
      <c r="CD40" s="110">
        <v>0</v>
      </c>
      <c r="CE40" s="114">
        <v>10804038</v>
      </c>
      <c r="CF40" s="114">
        <v>9460781</v>
      </c>
      <c r="CG40" s="114">
        <v>6956891</v>
      </c>
      <c r="CH40" s="114">
        <v>3782041</v>
      </c>
      <c r="CI40" s="114">
        <v>1681539</v>
      </c>
      <c r="CJ40" s="113">
        <v>32685290</v>
      </c>
      <c r="CK40" s="116">
        <v>34208994</v>
      </c>
      <c r="CL40" s="110">
        <v>0</v>
      </c>
      <c r="CM40" s="114">
        <v>0</v>
      </c>
      <c r="CN40" s="113">
        <v>0</v>
      </c>
      <c r="CO40" s="111">
        <v>0</v>
      </c>
      <c r="CP40" s="114">
        <v>7729298</v>
      </c>
      <c r="CQ40" s="114">
        <v>7633506</v>
      </c>
      <c r="CR40" s="114">
        <v>5530787</v>
      </c>
      <c r="CS40" s="114">
        <v>2590137</v>
      </c>
      <c r="CT40" s="114">
        <v>1642767</v>
      </c>
      <c r="CU40" s="113">
        <v>25126495</v>
      </c>
      <c r="CV40" s="116">
        <v>25126495</v>
      </c>
      <c r="CW40" s="110">
        <v>175382</v>
      </c>
      <c r="CX40" s="114">
        <v>1348322</v>
      </c>
      <c r="CY40" s="113">
        <v>1523704</v>
      </c>
      <c r="CZ40" s="110">
        <v>0</v>
      </c>
      <c r="DA40" s="114">
        <v>3074740</v>
      </c>
      <c r="DB40" s="114">
        <v>1827275</v>
      </c>
      <c r="DC40" s="114">
        <v>1426104</v>
      </c>
      <c r="DD40" s="114">
        <v>1191904</v>
      </c>
      <c r="DE40" s="114">
        <v>38772</v>
      </c>
      <c r="DF40" s="113">
        <v>7558795</v>
      </c>
      <c r="DG40" s="116">
        <v>9082499</v>
      </c>
      <c r="DH40" s="110">
        <v>0</v>
      </c>
      <c r="DI40" s="114">
        <v>0</v>
      </c>
      <c r="DJ40" s="112">
        <v>0</v>
      </c>
      <c r="DK40" s="111">
        <v>0</v>
      </c>
      <c r="DL40" s="114">
        <v>277803</v>
      </c>
      <c r="DM40" s="114">
        <v>1070489</v>
      </c>
      <c r="DN40" s="114">
        <v>1193409</v>
      </c>
      <c r="DO40" s="114">
        <v>1271502</v>
      </c>
      <c r="DP40" s="114">
        <v>165285</v>
      </c>
      <c r="DQ40" s="113">
        <v>3978488</v>
      </c>
      <c r="DR40" s="116">
        <v>3978488</v>
      </c>
      <c r="DS40" s="110">
        <v>0</v>
      </c>
      <c r="DT40" s="114">
        <v>0</v>
      </c>
      <c r="DU40" s="113">
        <v>0</v>
      </c>
      <c r="DV40" s="110">
        <v>0</v>
      </c>
      <c r="DW40" s="114">
        <v>177696</v>
      </c>
      <c r="DX40" s="114">
        <v>983603</v>
      </c>
      <c r="DY40" s="114">
        <v>1121922</v>
      </c>
      <c r="DZ40" s="114">
        <v>1184238</v>
      </c>
      <c r="EA40" s="114">
        <v>165285</v>
      </c>
      <c r="EB40" s="113">
        <v>3632744</v>
      </c>
      <c r="EC40" s="116">
        <v>3632744</v>
      </c>
      <c r="ED40" s="110">
        <v>0</v>
      </c>
      <c r="EE40" s="112">
        <v>0</v>
      </c>
      <c r="EF40" s="113">
        <v>0</v>
      </c>
      <c r="EG40" s="110">
        <v>0</v>
      </c>
      <c r="EH40" s="114">
        <v>100107</v>
      </c>
      <c r="EI40" s="114">
        <v>86886</v>
      </c>
      <c r="EJ40" s="114">
        <v>71487</v>
      </c>
      <c r="EK40" s="114">
        <v>87264</v>
      </c>
      <c r="EL40" s="114">
        <v>0</v>
      </c>
      <c r="EM40" s="112">
        <v>345744</v>
      </c>
      <c r="EN40" s="116">
        <v>345744</v>
      </c>
      <c r="EO40" s="110">
        <v>0</v>
      </c>
      <c r="EP40" s="114">
        <v>0</v>
      </c>
      <c r="EQ40" s="112">
        <v>0</v>
      </c>
      <c r="ER40" s="111">
        <v>0</v>
      </c>
      <c r="ES40" s="114">
        <v>0</v>
      </c>
      <c r="ET40" s="114">
        <v>0</v>
      </c>
      <c r="EU40" s="114">
        <v>0</v>
      </c>
      <c r="EV40" s="114">
        <v>0</v>
      </c>
      <c r="EW40" s="114">
        <v>0</v>
      </c>
      <c r="EX40" s="113">
        <v>0</v>
      </c>
      <c r="EY40" s="116">
        <v>0</v>
      </c>
      <c r="EZ40" s="110">
        <v>0</v>
      </c>
      <c r="FA40" s="114">
        <v>0</v>
      </c>
      <c r="FB40" s="112">
        <v>0</v>
      </c>
      <c r="FC40" s="348"/>
      <c r="FD40" s="114">
        <v>0</v>
      </c>
      <c r="FE40" s="114">
        <v>0</v>
      </c>
      <c r="FF40" s="114">
        <v>0</v>
      </c>
      <c r="FG40" s="114">
        <v>0</v>
      </c>
      <c r="FH40" s="114">
        <v>0</v>
      </c>
      <c r="FI40" s="113">
        <v>0</v>
      </c>
      <c r="FJ40" s="116">
        <v>0</v>
      </c>
      <c r="FK40" s="110">
        <v>324604</v>
      </c>
      <c r="FL40" s="114">
        <v>1122150</v>
      </c>
      <c r="FM40" s="113">
        <v>1446754</v>
      </c>
      <c r="FN40" s="110">
        <v>0</v>
      </c>
      <c r="FO40" s="114">
        <v>1279973</v>
      </c>
      <c r="FP40" s="114">
        <v>2714402</v>
      </c>
      <c r="FQ40" s="114">
        <v>1550677</v>
      </c>
      <c r="FR40" s="114">
        <v>1253568</v>
      </c>
      <c r="FS40" s="114">
        <v>696479</v>
      </c>
      <c r="FT40" s="113">
        <v>7495099</v>
      </c>
      <c r="FU40" s="116">
        <v>8941853</v>
      </c>
      <c r="FV40" s="115">
        <v>297874</v>
      </c>
      <c r="FW40" s="114">
        <v>868692</v>
      </c>
      <c r="FX40" s="112">
        <v>1166566</v>
      </c>
      <c r="FY40" s="111">
        <v>0</v>
      </c>
      <c r="FZ40" s="114">
        <v>1051635</v>
      </c>
      <c r="GA40" s="114">
        <v>2233703</v>
      </c>
      <c r="GB40" s="114">
        <v>1364206</v>
      </c>
      <c r="GC40" s="114">
        <v>1253568</v>
      </c>
      <c r="GD40" s="114">
        <v>696479</v>
      </c>
      <c r="GE40" s="113">
        <v>6599591</v>
      </c>
      <c r="GF40" s="319">
        <v>7766157</v>
      </c>
      <c r="GG40" s="115">
        <v>26730</v>
      </c>
      <c r="GH40" s="114">
        <v>15048</v>
      </c>
      <c r="GI40" s="112">
        <v>41778</v>
      </c>
      <c r="GJ40" s="111">
        <v>0</v>
      </c>
      <c r="GK40" s="114">
        <v>99638</v>
      </c>
      <c r="GL40" s="114">
        <v>87174</v>
      </c>
      <c r="GM40" s="114">
        <v>122913</v>
      </c>
      <c r="GN40" s="114">
        <v>0</v>
      </c>
      <c r="GO40" s="114">
        <v>0</v>
      </c>
      <c r="GP40" s="113">
        <v>309725</v>
      </c>
      <c r="GQ40" s="116">
        <v>351503</v>
      </c>
      <c r="GR40" s="110">
        <v>0</v>
      </c>
      <c r="GS40" s="114">
        <v>238410</v>
      </c>
      <c r="GT40" s="113">
        <v>238410</v>
      </c>
      <c r="GU40" s="110">
        <v>0</v>
      </c>
      <c r="GV40" s="114">
        <v>128700</v>
      </c>
      <c r="GW40" s="114">
        <v>393525</v>
      </c>
      <c r="GX40" s="114">
        <v>63558</v>
      </c>
      <c r="GY40" s="114">
        <v>0</v>
      </c>
      <c r="GZ40" s="114">
        <v>0</v>
      </c>
      <c r="HA40" s="112">
        <v>585783</v>
      </c>
      <c r="HB40" s="116">
        <v>824193</v>
      </c>
      <c r="HC40" s="110">
        <v>1338637</v>
      </c>
      <c r="HD40" s="114">
        <v>1180262</v>
      </c>
      <c r="HE40" s="112">
        <v>2518899</v>
      </c>
      <c r="HF40" s="111">
        <v>0</v>
      </c>
      <c r="HG40" s="114">
        <v>7020123</v>
      </c>
      <c r="HH40" s="114">
        <v>4605110</v>
      </c>
      <c r="HI40" s="114">
        <v>4576150</v>
      </c>
      <c r="HJ40" s="114">
        <v>5855326</v>
      </c>
      <c r="HK40" s="114">
        <v>2613639</v>
      </c>
      <c r="HL40" s="113">
        <v>24670348</v>
      </c>
      <c r="HM40" s="109">
        <v>27189247</v>
      </c>
      <c r="HN40" s="115">
        <v>324360</v>
      </c>
      <c r="HO40" s="114">
        <v>759600</v>
      </c>
      <c r="HP40" s="113">
        <v>1083960</v>
      </c>
      <c r="HQ40" s="110">
        <v>0</v>
      </c>
      <c r="HR40" s="114">
        <v>4515007</v>
      </c>
      <c r="HS40" s="114">
        <v>2965588</v>
      </c>
      <c r="HT40" s="114">
        <v>1834059</v>
      </c>
      <c r="HU40" s="114">
        <v>1342367</v>
      </c>
      <c r="HV40" s="114">
        <v>572330</v>
      </c>
      <c r="HW40" s="112">
        <v>11229351</v>
      </c>
      <c r="HX40" s="116">
        <v>12313311</v>
      </c>
      <c r="HY40" s="150">
        <v>0</v>
      </c>
      <c r="HZ40" s="135">
        <v>240273</v>
      </c>
      <c r="IA40" s="150">
        <v>240273</v>
      </c>
      <c r="IB40" s="146">
        <v>0</v>
      </c>
      <c r="IC40" s="132">
        <v>4204217</v>
      </c>
      <c r="ID40" s="147">
        <v>7364475</v>
      </c>
      <c r="IE40" s="133">
        <v>7655786</v>
      </c>
      <c r="IF40" s="132">
        <v>5439057</v>
      </c>
      <c r="IG40" s="133">
        <v>2228319</v>
      </c>
      <c r="IH40" s="148">
        <v>26891854</v>
      </c>
      <c r="II40" s="150">
        <v>27132127</v>
      </c>
      <c r="IJ40" s="232">
        <v>0</v>
      </c>
      <c r="IK40" s="236">
        <v>0</v>
      </c>
      <c r="IL40" s="237">
        <v>0</v>
      </c>
      <c r="IM40" s="140"/>
      <c r="IN40" s="119">
        <v>0</v>
      </c>
      <c r="IO40" s="119">
        <v>61720</v>
      </c>
      <c r="IP40" s="119">
        <v>180180</v>
      </c>
      <c r="IQ40" s="119">
        <v>225720</v>
      </c>
      <c r="IR40" s="119">
        <v>0</v>
      </c>
      <c r="IS40" s="141">
        <v>467620</v>
      </c>
      <c r="IT40" s="321">
        <v>467620</v>
      </c>
      <c r="IU40" s="142">
        <v>0</v>
      </c>
      <c r="IV40" s="119">
        <v>0</v>
      </c>
      <c r="IW40" s="120">
        <v>0</v>
      </c>
      <c r="IX40" s="144"/>
      <c r="IY40" s="119">
        <v>0</v>
      </c>
      <c r="IZ40" s="119">
        <v>0</v>
      </c>
      <c r="JA40" s="119">
        <v>0</v>
      </c>
      <c r="JB40" s="119">
        <v>0</v>
      </c>
      <c r="JC40" s="119">
        <v>0</v>
      </c>
      <c r="JD40" s="120">
        <v>0</v>
      </c>
      <c r="JE40" s="121">
        <v>0</v>
      </c>
      <c r="JF40" s="142">
        <v>0</v>
      </c>
      <c r="JG40" s="119">
        <v>0</v>
      </c>
      <c r="JH40" s="141">
        <v>0</v>
      </c>
      <c r="JI40" s="118">
        <v>0</v>
      </c>
      <c r="JJ40" s="119">
        <v>1277346</v>
      </c>
      <c r="JK40" s="119">
        <v>1841604</v>
      </c>
      <c r="JL40" s="119">
        <v>1613898</v>
      </c>
      <c r="JM40" s="119">
        <v>1330125</v>
      </c>
      <c r="JN40" s="119">
        <v>240885</v>
      </c>
      <c r="JO40" s="120">
        <v>6303858</v>
      </c>
      <c r="JP40" s="321">
        <v>6303858</v>
      </c>
      <c r="JQ40" s="142">
        <v>0</v>
      </c>
      <c r="JR40" s="119">
        <v>0</v>
      </c>
      <c r="JS40" s="141">
        <v>0</v>
      </c>
      <c r="JT40" s="118">
        <v>0</v>
      </c>
      <c r="JU40" s="119">
        <v>0</v>
      </c>
      <c r="JV40" s="119">
        <v>0</v>
      </c>
      <c r="JW40" s="119">
        <v>0</v>
      </c>
      <c r="JX40" s="119">
        <v>0</v>
      </c>
      <c r="JY40" s="119">
        <v>0</v>
      </c>
      <c r="JZ40" s="120">
        <v>0</v>
      </c>
      <c r="KA40" s="321">
        <v>0</v>
      </c>
      <c r="KB40" s="234">
        <v>0</v>
      </c>
      <c r="KC40" s="230">
        <v>240273</v>
      </c>
      <c r="KD40" s="120">
        <v>240273</v>
      </c>
      <c r="KE40" s="118">
        <v>0</v>
      </c>
      <c r="KF40" s="119">
        <v>901961</v>
      </c>
      <c r="KG40" s="119">
        <v>1415547</v>
      </c>
      <c r="KH40" s="119">
        <v>1027738</v>
      </c>
      <c r="KI40" s="119">
        <v>17136</v>
      </c>
      <c r="KJ40" s="119">
        <v>862938</v>
      </c>
      <c r="KK40" s="120">
        <v>4225320</v>
      </c>
      <c r="KL40" s="143">
        <v>4465593</v>
      </c>
      <c r="KM40" s="232">
        <v>0</v>
      </c>
      <c r="KN40" s="236">
        <v>0</v>
      </c>
      <c r="KO40" s="237">
        <v>0</v>
      </c>
      <c r="KP40" s="140"/>
      <c r="KQ40" s="119">
        <v>2024910</v>
      </c>
      <c r="KR40" s="119">
        <v>4045604</v>
      </c>
      <c r="KS40" s="119">
        <v>4833970</v>
      </c>
      <c r="KT40" s="119">
        <v>3866076</v>
      </c>
      <c r="KU40" s="119">
        <v>1124496</v>
      </c>
      <c r="KV40" s="120">
        <v>15895056</v>
      </c>
      <c r="KW40" s="321">
        <v>15895056</v>
      </c>
      <c r="KX40" s="142">
        <v>0</v>
      </c>
      <c r="KY40" s="119">
        <v>0</v>
      </c>
      <c r="KZ40" s="120">
        <v>0</v>
      </c>
      <c r="LA40" s="145"/>
      <c r="LB40" s="119">
        <v>0</v>
      </c>
      <c r="LC40" s="119">
        <v>0</v>
      </c>
      <c r="LD40" s="119">
        <v>0</v>
      </c>
      <c r="LE40" s="119">
        <v>0</v>
      </c>
      <c r="LF40" s="119">
        <v>0</v>
      </c>
      <c r="LG40" s="120">
        <v>0</v>
      </c>
      <c r="LH40" s="121">
        <v>0</v>
      </c>
      <c r="LI40" s="142">
        <v>0</v>
      </c>
      <c r="LJ40" s="119">
        <v>0</v>
      </c>
      <c r="LK40" s="120">
        <v>0</v>
      </c>
      <c r="LL40" s="145"/>
      <c r="LM40" s="119">
        <v>0</v>
      </c>
      <c r="LN40" s="119">
        <v>0</v>
      </c>
      <c r="LO40" s="119">
        <v>0</v>
      </c>
      <c r="LP40" s="119">
        <v>0</v>
      </c>
      <c r="LQ40" s="119">
        <v>0</v>
      </c>
      <c r="LR40" s="120">
        <v>0</v>
      </c>
      <c r="LS40" s="321">
        <v>0</v>
      </c>
      <c r="LT40" s="142">
        <v>0</v>
      </c>
      <c r="LU40" s="119">
        <v>0</v>
      </c>
      <c r="LV40" s="120">
        <v>0</v>
      </c>
      <c r="LW40" s="145"/>
      <c r="LX40" s="119">
        <v>0</v>
      </c>
      <c r="LY40" s="119">
        <v>0</v>
      </c>
      <c r="LZ40" s="119">
        <v>0</v>
      </c>
      <c r="MA40" s="119">
        <v>0</v>
      </c>
      <c r="MB40" s="119">
        <v>0</v>
      </c>
      <c r="MC40" s="120">
        <v>0</v>
      </c>
      <c r="MD40" s="121">
        <v>0</v>
      </c>
      <c r="ME40" s="142">
        <v>0</v>
      </c>
      <c r="MF40" s="119">
        <v>0</v>
      </c>
      <c r="MG40" s="120">
        <v>0</v>
      </c>
      <c r="MH40" s="145"/>
      <c r="MI40" s="119">
        <v>7562017</v>
      </c>
      <c r="MJ40" s="119">
        <v>8269348</v>
      </c>
      <c r="MK40" s="119">
        <v>14830472</v>
      </c>
      <c r="ML40" s="119">
        <v>19843349</v>
      </c>
      <c r="MM40" s="119">
        <v>17688880</v>
      </c>
      <c r="MN40" s="120">
        <v>68194066</v>
      </c>
      <c r="MO40" s="143">
        <v>68194066</v>
      </c>
      <c r="MP40" s="142">
        <v>0</v>
      </c>
      <c r="MQ40" s="119">
        <v>0</v>
      </c>
      <c r="MR40" s="120">
        <v>0</v>
      </c>
      <c r="MS40" s="145"/>
      <c r="MT40" s="119">
        <v>199125</v>
      </c>
      <c r="MU40" s="119">
        <v>440370</v>
      </c>
      <c r="MV40" s="119">
        <v>6667998</v>
      </c>
      <c r="MW40" s="119">
        <v>11732616</v>
      </c>
      <c r="MX40" s="119">
        <v>10261463</v>
      </c>
      <c r="MY40" s="120">
        <v>29301572</v>
      </c>
      <c r="MZ40" s="143">
        <v>29301572</v>
      </c>
      <c r="NA40" s="142">
        <v>0</v>
      </c>
      <c r="NB40" s="119">
        <v>0</v>
      </c>
      <c r="NC40" s="120">
        <v>0</v>
      </c>
      <c r="ND40" s="145"/>
      <c r="NE40" s="119">
        <v>6464341</v>
      </c>
      <c r="NF40" s="119">
        <v>7322926</v>
      </c>
      <c r="NG40" s="119">
        <v>6919700</v>
      </c>
      <c r="NH40" s="119">
        <v>5091674</v>
      </c>
      <c r="NI40" s="119">
        <v>2850116</v>
      </c>
      <c r="NJ40" s="120">
        <v>28648757</v>
      </c>
      <c r="NK40" s="321">
        <v>28648757</v>
      </c>
      <c r="NL40" s="142">
        <v>0</v>
      </c>
      <c r="NM40" s="119">
        <v>0</v>
      </c>
      <c r="NN40" s="120">
        <v>0</v>
      </c>
      <c r="NO40" s="145"/>
      <c r="NP40" s="119">
        <v>0</v>
      </c>
      <c r="NQ40" s="119">
        <v>0</v>
      </c>
      <c r="NR40" s="119">
        <v>0</v>
      </c>
      <c r="NS40" s="119">
        <v>0</v>
      </c>
      <c r="NT40" s="119">
        <v>0</v>
      </c>
      <c r="NU40" s="120">
        <v>0</v>
      </c>
      <c r="NV40" s="121">
        <v>0</v>
      </c>
      <c r="NW40" s="142">
        <v>0</v>
      </c>
      <c r="NX40" s="119">
        <v>0</v>
      </c>
      <c r="NY40" s="120">
        <v>0</v>
      </c>
      <c r="NZ40" s="145"/>
      <c r="OA40" s="119">
        <v>898551</v>
      </c>
      <c r="OB40" s="119">
        <v>506052</v>
      </c>
      <c r="OC40" s="119">
        <v>1242774</v>
      </c>
      <c r="OD40" s="119">
        <v>3019059</v>
      </c>
      <c r="OE40" s="119">
        <v>4577301</v>
      </c>
      <c r="OF40" s="120">
        <v>10243737</v>
      </c>
      <c r="OG40" s="121">
        <v>10243737</v>
      </c>
      <c r="OH40" s="142">
        <v>2614925</v>
      </c>
      <c r="OI40" s="119">
        <v>5462264</v>
      </c>
      <c r="OJ40" s="141">
        <v>8077189</v>
      </c>
      <c r="OK40" s="118">
        <v>0</v>
      </c>
      <c r="OL40" s="119">
        <v>42159469</v>
      </c>
      <c r="OM40" s="119">
        <v>42800112</v>
      </c>
      <c r="ON40" s="119">
        <v>43553062</v>
      </c>
      <c r="OO40" s="119">
        <v>45351842</v>
      </c>
      <c r="OP40" s="119">
        <v>30558702</v>
      </c>
      <c r="OQ40" s="120">
        <v>204423187</v>
      </c>
      <c r="OR40" s="143">
        <v>212500376</v>
      </c>
    </row>
    <row r="41" spans="1:408" ht="18.75" customHeight="1" x14ac:dyDescent="0.2">
      <c r="A41" s="62" t="s">
        <v>36</v>
      </c>
      <c r="B41" s="110">
        <v>1213010</v>
      </c>
      <c r="C41" s="114">
        <v>2740887</v>
      </c>
      <c r="D41" s="113">
        <v>3953897</v>
      </c>
      <c r="E41" s="109">
        <v>0</v>
      </c>
      <c r="F41" s="114">
        <v>22566487</v>
      </c>
      <c r="G41" s="114">
        <v>28056631</v>
      </c>
      <c r="H41" s="114">
        <v>25505298</v>
      </c>
      <c r="I41" s="114">
        <v>17506210</v>
      </c>
      <c r="J41" s="114">
        <v>13921599</v>
      </c>
      <c r="K41" s="173">
        <v>107556225</v>
      </c>
      <c r="L41" s="116">
        <v>111510122</v>
      </c>
      <c r="M41" s="110">
        <v>538118</v>
      </c>
      <c r="N41" s="114">
        <v>661731</v>
      </c>
      <c r="O41" s="113">
        <v>1199849</v>
      </c>
      <c r="P41" s="110">
        <v>0</v>
      </c>
      <c r="Q41" s="114">
        <v>6383725</v>
      </c>
      <c r="R41" s="114">
        <v>8292690</v>
      </c>
      <c r="S41" s="114">
        <v>8046405</v>
      </c>
      <c r="T41" s="114">
        <v>7548274</v>
      </c>
      <c r="U41" s="114">
        <v>7408518</v>
      </c>
      <c r="V41" s="113">
        <v>37679612</v>
      </c>
      <c r="W41" s="116">
        <v>38879461</v>
      </c>
      <c r="X41" s="110">
        <v>0</v>
      </c>
      <c r="Y41" s="114">
        <v>0</v>
      </c>
      <c r="Z41" s="113">
        <v>0</v>
      </c>
      <c r="AA41" s="110">
        <v>0</v>
      </c>
      <c r="AB41" s="114">
        <v>3193733</v>
      </c>
      <c r="AC41" s="114">
        <v>3988708</v>
      </c>
      <c r="AD41" s="114">
        <v>4703757</v>
      </c>
      <c r="AE41" s="114">
        <v>4362591</v>
      </c>
      <c r="AF41" s="114">
        <v>4444165</v>
      </c>
      <c r="AG41" s="113">
        <v>20692954</v>
      </c>
      <c r="AH41" s="116">
        <v>20692954</v>
      </c>
      <c r="AI41" s="110">
        <v>0</v>
      </c>
      <c r="AJ41" s="114">
        <v>0</v>
      </c>
      <c r="AK41" s="113">
        <v>0</v>
      </c>
      <c r="AL41" s="110">
        <v>0</v>
      </c>
      <c r="AM41" s="114">
        <v>151701</v>
      </c>
      <c r="AN41" s="114">
        <v>403164</v>
      </c>
      <c r="AO41" s="114">
        <v>104047</v>
      </c>
      <c r="AP41" s="114">
        <v>637349</v>
      </c>
      <c r="AQ41" s="114">
        <v>601648</v>
      </c>
      <c r="AR41" s="113">
        <v>1897909</v>
      </c>
      <c r="AS41" s="116">
        <v>1897909</v>
      </c>
      <c r="AT41" s="110">
        <v>399456</v>
      </c>
      <c r="AU41" s="114">
        <v>584322</v>
      </c>
      <c r="AV41" s="113">
        <v>983778</v>
      </c>
      <c r="AW41" s="110">
        <v>0</v>
      </c>
      <c r="AX41" s="114">
        <v>2608386</v>
      </c>
      <c r="AY41" s="114">
        <v>3042421</v>
      </c>
      <c r="AZ41" s="114">
        <v>1945091</v>
      </c>
      <c r="BA41" s="114">
        <v>1707807</v>
      </c>
      <c r="BB41" s="114">
        <v>1751425</v>
      </c>
      <c r="BC41" s="113">
        <v>11055130</v>
      </c>
      <c r="BD41" s="116">
        <v>12038908</v>
      </c>
      <c r="BE41" s="110">
        <v>81077</v>
      </c>
      <c r="BF41" s="114">
        <v>0</v>
      </c>
      <c r="BG41" s="112">
        <v>81077</v>
      </c>
      <c r="BH41" s="111">
        <v>0</v>
      </c>
      <c r="BI41" s="114">
        <v>22416</v>
      </c>
      <c r="BJ41" s="114">
        <v>0</v>
      </c>
      <c r="BK41" s="114">
        <v>38854</v>
      </c>
      <c r="BL41" s="114">
        <v>112104</v>
      </c>
      <c r="BM41" s="114">
        <v>84492</v>
      </c>
      <c r="BN41" s="113">
        <v>257866</v>
      </c>
      <c r="BO41" s="116">
        <v>338943</v>
      </c>
      <c r="BP41" s="110">
        <v>57585</v>
      </c>
      <c r="BQ41" s="114">
        <v>77409</v>
      </c>
      <c r="BR41" s="113">
        <v>134994</v>
      </c>
      <c r="BS41" s="110">
        <v>0</v>
      </c>
      <c r="BT41" s="114">
        <v>407489</v>
      </c>
      <c r="BU41" s="114">
        <v>858397</v>
      </c>
      <c r="BV41" s="114">
        <v>1254656</v>
      </c>
      <c r="BW41" s="114">
        <v>728423</v>
      </c>
      <c r="BX41" s="114">
        <v>526788</v>
      </c>
      <c r="BY41" s="113">
        <v>3775753</v>
      </c>
      <c r="BZ41" s="116">
        <v>3910747</v>
      </c>
      <c r="CA41" s="110">
        <v>64696</v>
      </c>
      <c r="CB41" s="114">
        <v>480370</v>
      </c>
      <c r="CC41" s="113">
        <v>545066</v>
      </c>
      <c r="CD41" s="110">
        <v>0</v>
      </c>
      <c r="CE41" s="114">
        <v>7962398</v>
      </c>
      <c r="CF41" s="114">
        <v>9584198</v>
      </c>
      <c r="CG41" s="114">
        <v>6969750</v>
      </c>
      <c r="CH41" s="114">
        <v>4326475</v>
      </c>
      <c r="CI41" s="114">
        <v>1821860</v>
      </c>
      <c r="CJ41" s="113">
        <v>30664681</v>
      </c>
      <c r="CK41" s="116">
        <v>31209747</v>
      </c>
      <c r="CL41" s="110">
        <v>0</v>
      </c>
      <c r="CM41" s="114">
        <v>0</v>
      </c>
      <c r="CN41" s="113">
        <v>0</v>
      </c>
      <c r="CO41" s="111">
        <v>0</v>
      </c>
      <c r="CP41" s="114">
        <v>6060479</v>
      </c>
      <c r="CQ41" s="114">
        <v>8026488</v>
      </c>
      <c r="CR41" s="114">
        <v>5681814</v>
      </c>
      <c r="CS41" s="114">
        <v>4117516</v>
      </c>
      <c r="CT41" s="114">
        <v>1781165</v>
      </c>
      <c r="CU41" s="113">
        <v>25667462</v>
      </c>
      <c r="CV41" s="116">
        <v>25667462</v>
      </c>
      <c r="CW41" s="110">
        <v>64696</v>
      </c>
      <c r="CX41" s="114">
        <v>480370</v>
      </c>
      <c r="CY41" s="113">
        <v>545066</v>
      </c>
      <c r="CZ41" s="110">
        <v>0</v>
      </c>
      <c r="DA41" s="114">
        <v>1901919</v>
      </c>
      <c r="DB41" s="114">
        <v>1557710</v>
      </c>
      <c r="DC41" s="114">
        <v>1287936</v>
      </c>
      <c r="DD41" s="114">
        <v>208959</v>
      </c>
      <c r="DE41" s="114">
        <v>40695</v>
      </c>
      <c r="DF41" s="113">
        <v>4997219</v>
      </c>
      <c r="DG41" s="116">
        <v>5542285</v>
      </c>
      <c r="DH41" s="110">
        <v>0</v>
      </c>
      <c r="DI41" s="114">
        <v>21582</v>
      </c>
      <c r="DJ41" s="112">
        <v>21582</v>
      </c>
      <c r="DK41" s="111">
        <v>0</v>
      </c>
      <c r="DL41" s="114">
        <v>1331658</v>
      </c>
      <c r="DM41" s="114">
        <v>1872148</v>
      </c>
      <c r="DN41" s="114">
        <v>2778790</v>
      </c>
      <c r="DO41" s="114">
        <v>1122265</v>
      </c>
      <c r="DP41" s="114">
        <v>1201556</v>
      </c>
      <c r="DQ41" s="113">
        <v>8306417</v>
      </c>
      <c r="DR41" s="116">
        <v>8327999</v>
      </c>
      <c r="DS41" s="110">
        <v>0</v>
      </c>
      <c r="DT41" s="114">
        <v>21582</v>
      </c>
      <c r="DU41" s="113">
        <v>21582</v>
      </c>
      <c r="DV41" s="110">
        <v>0</v>
      </c>
      <c r="DW41" s="114">
        <v>1331658</v>
      </c>
      <c r="DX41" s="114">
        <v>1838074</v>
      </c>
      <c r="DY41" s="114">
        <v>2515717</v>
      </c>
      <c r="DZ41" s="114">
        <v>1036870</v>
      </c>
      <c r="EA41" s="114">
        <v>1201556</v>
      </c>
      <c r="EB41" s="113">
        <v>7923875</v>
      </c>
      <c r="EC41" s="116">
        <v>7945457</v>
      </c>
      <c r="ED41" s="110">
        <v>0</v>
      </c>
      <c r="EE41" s="112">
        <v>0</v>
      </c>
      <c r="EF41" s="113">
        <v>0</v>
      </c>
      <c r="EG41" s="110">
        <v>0</v>
      </c>
      <c r="EH41" s="114">
        <v>0</v>
      </c>
      <c r="EI41" s="114">
        <v>34074</v>
      </c>
      <c r="EJ41" s="114">
        <v>263073</v>
      </c>
      <c r="EK41" s="114">
        <v>85395</v>
      </c>
      <c r="EL41" s="114">
        <v>0</v>
      </c>
      <c r="EM41" s="112">
        <v>382542</v>
      </c>
      <c r="EN41" s="116">
        <v>382542</v>
      </c>
      <c r="EO41" s="110">
        <v>0</v>
      </c>
      <c r="EP41" s="114">
        <v>0</v>
      </c>
      <c r="EQ41" s="112">
        <v>0</v>
      </c>
      <c r="ER41" s="111">
        <v>0</v>
      </c>
      <c r="ES41" s="114">
        <v>0</v>
      </c>
      <c r="ET41" s="114">
        <v>0</v>
      </c>
      <c r="EU41" s="114">
        <v>0</v>
      </c>
      <c r="EV41" s="114">
        <v>0</v>
      </c>
      <c r="EW41" s="114">
        <v>0</v>
      </c>
      <c r="EX41" s="113">
        <v>0</v>
      </c>
      <c r="EY41" s="116">
        <v>0</v>
      </c>
      <c r="EZ41" s="110">
        <v>0</v>
      </c>
      <c r="FA41" s="114">
        <v>0</v>
      </c>
      <c r="FB41" s="112">
        <v>0</v>
      </c>
      <c r="FC41" s="348"/>
      <c r="FD41" s="114">
        <v>0</v>
      </c>
      <c r="FE41" s="114">
        <v>0</v>
      </c>
      <c r="FF41" s="114">
        <v>0</v>
      </c>
      <c r="FG41" s="114">
        <v>0</v>
      </c>
      <c r="FH41" s="114">
        <v>0</v>
      </c>
      <c r="FI41" s="113">
        <v>0</v>
      </c>
      <c r="FJ41" s="116">
        <v>0</v>
      </c>
      <c r="FK41" s="110">
        <v>270624</v>
      </c>
      <c r="FL41" s="114">
        <v>804856</v>
      </c>
      <c r="FM41" s="113">
        <v>1075480</v>
      </c>
      <c r="FN41" s="110">
        <v>0</v>
      </c>
      <c r="FO41" s="114">
        <v>1888931</v>
      </c>
      <c r="FP41" s="114">
        <v>2439631</v>
      </c>
      <c r="FQ41" s="114">
        <v>1825262</v>
      </c>
      <c r="FR41" s="114">
        <v>1724553</v>
      </c>
      <c r="FS41" s="114">
        <v>964603</v>
      </c>
      <c r="FT41" s="113">
        <v>8842980</v>
      </c>
      <c r="FU41" s="116">
        <v>9918460</v>
      </c>
      <c r="FV41" s="115">
        <v>148936</v>
      </c>
      <c r="FW41" s="114">
        <v>636556</v>
      </c>
      <c r="FX41" s="112">
        <v>785492</v>
      </c>
      <c r="FY41" s="111">
        <v>0</v>
      </c>
      <c r="FZ41" s="114">
        <v>1402405</v>
      </c>
      <c r="GA41" s="114">
        <v>2182929</v>
      </c>
      <c r="GB41" s="114">
        <v>1481966</v>
      </c>
      <c r="GC41" s="114">
        <v>1422900</v>
      </c>
      <c r="GD41" s="114">
        <v>907188</v>
      </c>
      <c r="GE41" s="113">
        <v>7397388</v>
      </c>
      <c r="GF41" s="319">
        <v>8182880</v>
      </c>
      <c r="GG41" s="115">
        <v>15488</v>
      </c>
      <c r="GH41" s="114">
        <v>0</v>
      </c>
      <c r="GI41" s="112">
        <v>15488</v>
      </c>
      <c r="GJ41" s="111">
        <v>0</v>
      </c>
      <c r="GK41" s="114">
        <v>95926</v>
      </c>
      <c r="GL41" s="114">
        <v>15048</v>
      </c>
      <c r="GM41" s="114">
        <v>160596</v>
      </c>
      <c r="GN41" s="114">
        <v>121653</v>
      </c>
      <c r="GO41" s="114">
        <v>30415</v>
      </c>
      <c r="GP41" s="113">
        <v>423638</v>
      </c>
      <c r="GQ41" s="116">
        <v>439126</v>
      </c>
      <c r="GR41" s="110">
        <v>106200</v>
      </c>
      <c r="GS41" s="114">
        <v>168300</v>
      </c>
      <c r="GT41" s="113">
        <v>274500</v>
      </c>
      <c r="GU41" s="110">
        <v>0</v>
      </c>
      <c r="GV41" s="114">
        <v>390600</v>
      </c>
      <c r="GW41" s="114">
        <v>241654</v>
      </c>
      <c r="GX41" s="114">
        <v>182700</v>
      </c>
      <c r="GY41" s="114">
        <v>180000</v>
      </c>
      <c r="GZ41" s="114">
        <v>27000</v>
      </c>
      <c r="HA41" s="112">
        <v>1021954</v>
      </c>
      <c r="HB41" s="116">
        <v>1296454</v>
      </c>
      <c r="HC41" s="110">
        <v>94166</v>
      </c>
      <c r="HD41" s="114">
        <v>203092</v>
      </c>
      <c r="HE41" s="112">
        <v>297258</v>
      </c>
      <c r="HF41" s="111">
        <v>0</v>
      </c>
      <c r="HG41" s="114">
        <v>1273580</v>
      </c>
      <c r="HH41" s="114">
        <v>2608517</v>
      </c>
      <c r="HI41" s="114">
        <v>3567763</v>
      </c>
      <c r="HJ41" s="114">
        <v>1214658</v>
      </c>
      <c r="HK41" s="114">
        <v>1609643</v>
      </c>
      <c r="HL41" s="113">
        <v>10274161</v>
      </c>
      <c r="HM41" s="109">
        <v>10571419</v>
      </c>
      <c r="HN41" s="115">
        <v>245406</v>
      </c>
      <c r="HO41" s="114">
        <v>569256</v>
      </c>
      <c r="HP41" s="113">
        <v>814662</v>
      </c>
      <c r="HQ41" s="110">
        <v>0</v>
      </c>
      <c r="HR41" s="114">
        <v>3726195</v>
      </c>
      <c r="HS41" s="114">
        <v>3259447</v>
      </c>
      <c r="HT41" s="114">
        <v>2317328</v>
      </c>
      <c r="HU41" s="114">
        <v>1569985</v>
      </c>
      <c r="HV41" s="114">
        <v>915419</v>
      </c>
      <c r="HW41" s="112">
        <v>11788374</v>
      </c>
      <c r="HX41" s="116">
        <v>12603036</v>
      </c>
      <c r="HY41" s="131">
        <v>0</v>
      </c>
      <c r="HZ41" s="132">
        <v>84068</v>
      </c>
      <c r="IA41" s="133">
        <v>84068</v>
      </c>
      <c r="IB41" s="146">
        <v>0</v>
      </c>
      <c r="IC41" s="132">
        <v>3831311</v>
      </c>
      <c r="ID41" s="147">
        <v>7329794</v>
      </c>
      <c r="IE41" s="133">
        <v>8980590</v>
      </c>
      <c r="IF41" s="132">
        <v>4770726</v>
      </c>
      <c r="IG41" s="133">
        <v>2345552</v>
      </c>
      <c r="IH41" s="148">
        <v>27257973</v>
      </c>
      <c r="II41" s="139">
        <v>27342041</v>
      </c>
      <c r="IJ41" s="232">
        <v>0</v>
      </c>
      <c r="IK41" s="236">
        <v>0</v>
      </c>
      <c r="IL41" s="237">
        <v>0</v>
      </c>
      <c r="IM41" s="140"/>
      <c r="IN41" s="119">
        <v>0</v>
      </c>
      <c r="IO41" s="119">
        <v>0</v>
      </c>
      <c r="IP41" s="119">
        <v>0</v>
      </c>
      <c r="IQ41" s="119">
        <v>0</v>
      </c>
      <c r="IR41" s="119">
        <v>0</v>
      </c>
      <c r="IS41" s="141">
        <v>0</v>
      </c>
      <c r="IT41" s="321">
        <v>0</v>
      </c>
      <c r="IU41" s="142">
        <v>0</v>
      </c>
      <c r="IV41" s="119">
        <v>0</v>
      </c>
      <c r="IW41" s="120">
        <v>0</v>
      </c>
      <c r="IX41" s="144"/>
      <c r="IY41" s="119">
        <v>0</v>
      </c>
      <c r="IZ41" s="119">
        <v>0</v>
      </c>
      <c r="JA41" s="119">
        <v>0</v>
      </c>
      <c r="JB41" s="119">
        <v>0</v>
      </c>
      <c r="JC41" s="119">
        <v>0</v>
      </c>
      <c r="JD41" s="120">
        <v>0</v>
      </c>
      <c r="JE41" s="121">
        <v>0</v>
      </c>
      <c r="JF41" s="142">
        <v>0</v>
      </c>
      <c r="JG41" s="119">
        <v>0</v>
      </c>
      <c r="JH41" s="141">
        <v>0</v>
      </c>
      <c r="JI41" s="118">
        <v>0</v>
      </c>
      <c r="JJ41" s="119">
        <v>1966441</v>
      </c>
      <c r="JK41" s="119">
        <v>4224027</v>
      </c>
      <c r="JL41" s="119">
        <v>3673971</v>
      </c>
      <c r="JM41" s="119">
        <v>1790271</v>
      </c>
      <c r="JN41" s="119">
        <v>2091289</v>
      </c>
      <c r="JO41" s="120">
        <v>13745999</v>
      </c>
      <c r="JP41" s="321">
        <v>13745999</v>
      </c>
      <c r="JQ41" s="142">
        <v>0</v>
      </c>
      <c r="JR41" s="119">
        <v>0</v>
      </c>
      <c r="JS41" s="141">
        <v>0</v>
      </c>
      <c r="JT41" s="118">
        <v>0</v>
      </c>
      <c r="JU41" s="119">
        <v>0</v>
      </c>
      <c r="JV41" s="119">
        <v>0</v>
      </c>
      <c r="JW41" s="119">
        <v>0</v>
      </c>
      <c r="JX41" s="119">
        <v>0</v>
      </c>
      <c r="JY41" s="119">
        <v>0</v>
      </c>
      <c r="JZ41" s="120">
        <v>0</v>
      </c>
      <c r="KA41" s="321">
        <v>0</v>
      </c>
      <c r="KB41" s="234">
        <v>0</v>
      </c>
      <c r="KC41" s="230">
        <v>84068</v>
      </c>
      <c r="KD41" s="120">
        <v>84068</v>
      </c>
      <c r="KE41" s="118">
        <v>0</v>
      </c>
      <c r="KF41" s="119">
        <v>743986</v>
      </c>
      <c r="KG41" s="119">
        <v>1518100</v>
      </c>
      <c r="KH41" s="119">
        <v>1504245</v>
      </c>
      <c r="KI41" s="119">
        <v>790497</v>
      </c>
      <c r="KJ41" s="119">
        <v>0</v>
      </c>
      <c r="KK41" s="120">
        <v>4556828</v>
      </c>
      <c r="KL41" s="143">
        <v>4640896</v>
      </c>
      <c r="KM41" s="232">
        <v>0</v>
      </c>
      <c r="KN41" s="236">
        <v>0</v>
      </c>
      <c r="KO41" s="237">
        <v>0</v>
      </c>
      <c r="KP41" s="140"/>
      <c r="KQ41" s="119">
        <v>1120884</v>
      </c>
      <c r="KR41" s="119">
        <v>1587667</v>
      </c>
      <c r="KS41" s="119">
        <v>3802374</v>
      </c>
      <c r="KT41" s="119">
        <v>2189958</v>
      </c>
      <c r="KU41" s="119">
        <v>254263</v>
      </c>
      <c r="KV41" s="120">
        <v>8955146</v>
      </c>
      <c r="KW41" s="321">
        <v>8955146</v>
      </c>
      <c r="KX41" s="142">
        <v>0</v>
      </c>
      <c r="KY41" s="119">
        <v>0</v>
      </c>
      <c r="KZ41" s="120">
        <v>0</v>
      </c>
      <c r="LA41" s="145"/>
      <c r="LB41" s="119">
        <v>0</v>
      </c>
      <c r="LC41" s="119">
        <v>0</v>
      </c>
      <c r="LD41" s="119">
        <v>0</v>
      </c>
      <c r="LE41" s="119">
        <v>0</v>
      </c>
      <c r="LF41" s="119">
        <v>0</v>
      </c>
      <c r="LG41" s="120">
        <v>0</v>
      </c>
      <c r="LH41" s="121">
        <v>0</v>
      </c>
      <c r="LI41" s="142">
        <v>0</v>
      </c>
      <c r="LJ41" s="119">
        <v>0</v>
      </c>
      <c r="LK41" s="120">
        <v>0</v>
      </c>
      <c r="LL41" s="145"/>
      <c r="LM41" s="119">
        <v>0</v>
      </c>
      <c r="LN41" s="119">
        <v>0</v>
      </c>
      <c r="LO41" s="119">
        <v>0</v>
      </c>
      <c r="LP41" s="119">
        <v>0</v>
      </c>
      <c r="LQ41" s="119">
        <v>0</v>
      </c>
      <c r="LR41" s="120">
        <v>0</v>
      </c>
      <c r="LS41" s="321">
        <v>0</v>
      </c>
      <c r="LT41" s="142">
        <v>0</v>
      </c>
      <c r="LU41" s="119">
        <v>0</v>
      </c>
      <c r="LV41" s="120">
        <v>0</v>
      </c>
      <c r="LW41" s="145"/>
      <c r="LX41" s="119">
        <v>0</v>
      </c>
      <c r="LY41" s="119">
        <v>0</v>
      </c>
      <c r="LZ41" s="119">
        <v>0</v>
      </c>
      <c r="MA41" s="119">
        <v>0</v>
      </c>
      <c r="MB41" s="119">
        <v>0</v>
      </c>
      <c r="MC41" s="120">
        <v>0</v>
      </c>
      <c r="MD41" s="121">
        <v>0</v>
      </c>
      <c r="ME41" s="142">
        <v>0</v>
      </c>
      <c r="MF41" s="119">
        <v>0</v>
      </c>
      <c r="MG41" s="120">
        <v>0</v>
      </c>
      <c r="MH41" s="145"/>
      <c r="MI41" s="119">
        <v>5134907</v>
      </c>
      <c r="MJ41" s="119">
        <v>8646276</v>
      </c>
      <c r="MK41" s="119">
        <v>24068879</v>
      </c>
      <c r="ML41" s="119">
        <v>34822927</v>
      </c>
      <c r="MM41" s="119">
        <v>28481698</v>
      </c>
      <c r="MN41" s="120">
        <v>101154687</v>
      </c>
      <c r="MO41" s="143">
        <v>101154687</v>
      </c>
      <c r="MP41" s="142">
        <v>0</v>
      </c>
      <c r="MQ41" s="119">
        <v>0</v>
      </c>
      <c r="MR41" s="120">
        <v>0</v>
      </c>
      <c r="MS41" s="145"/>
      <c r="MT41" s="119">
        <v>0</v>
      </c>
      <c r="MU41" s="119">
        <v>710584</v>
      </c>
      <c r="MV41" s="119">
        <v>13153375</v>
      </c>
      <c r="MW41" s="119">
        <v>23611513</v>
      </c>
      <c r="MX41" s="119">
        <v>20786955</v>
      </c>
      <c r="MY41" s="120">
        <v>58262427</v>
      </c>
      <c r="MZ41" s="143">
        <v>58262427</v>
      </c>
      <c r="NA41" s="142">
        <v>0</v>
      </c>
      <c r="NB41" s="119">
        <v>0</v>
      </c>
      <c r="NC41" s="120">
        <v>0</v>
      </c>
      <c r="ND41" s="145"/>
      <c r="NE41" s="119">
        <v>5134907</v>
      </c>
      <c r="NF41" s="119">
        <v>7935692</v>
      </c>
      <c r="NG41" s="119">
        <v>10915504</v>
      </c>
      <c r="NH41" s="119">
        <v>9029590</v>
      </c>
      <c r="NI41" s="119">
        <v>6894846</v>
      </c>
      <c r="NJ41" s="120">
        <v>39910539</v>
      </c>
      <c r="NK41" s="321">
        <v>39910539</v>
      </c>
      <c r="NL41" s="142">
        <v>0</v>
      </c>
      <c r="NM41" s="119">
        <v>0</v>
      </c>
      <c r="NN41" s="120">
        <v>0</v>
      </c>
      <c r="NO41" s="145"/>
      <c r="NP41" s="119">
        <v>0</v>
      </c>
      <c r="NQ41" s="119">
        <v>0</v>
      </c>
      <c r="NR41" s="119">
        <v>0</v>
      </c>
      <c r="NS41" s="119">
        <v>326232</v>
      </c>
      <c r="NT41" s="119">
        <v>404854</v>
      </c>
      <c r="NU41" s="120">
        <v>731086</v>
      </c>
      <c r="NV41" s="121">
        <v>731086</v>
      </c>
      <c r="NW41" s="142">
        <v>0</v>
      </c>
      <c r="NX41" s="119">
        <v>0</v>
      </c>
      <c r="NY41" s="120">
        <v>0</v>
      </c>
      <c r="NZ41" s="145"/>
      <c r="OA41" s="119">
        <v>0</v>
      </c>
      <c r="OB41" s="119">
        <v>0</v>
      </c>
      <c r="OC41" s="119">
        <v>0</v>
      </c>
      <c r="OD41" s="119">
        <v>1855592</v>
      </c>
      <c r="OE41" s="119">
        <v>395043</v>
      </c>
      <c r="OF41" s="120">
        <v>2250635</v>
      </c>
      <c r="OG41" s="121">
        <v>2250635</v>
      </c>
      <c r="OH41" s="142">
        <v>1213010</v>
      </c>
      <c r="OI41" s="119">
        <v>2824955</v>
      </c>
      <c r="OJ41" s="141">
        <v>4037965</v>
      </c>
      <c r="OK41" s="118">
        <v>0</v>
      </c>
      <c r="OL41" s="119">
        <v>31532705</v>
      </c>
      <c r="OM41" s="119">
        <v>44032701</v>
      </c>
      <c r="ON41" s="119">
        <v>58554767</v>
      </c>
      <c r="OO41" s="119">
        <v>57099863</v>
      </c>
      <c r="OP41" s="119">
        <v>44748849</v>
      </c>
      <c r="OQ41" s="120">
        <v>235968885</v>
      </c>
      <c r="OR41" s="143">
        <v>240006850</v>
      </c>
    </row>
    <row r="42" spans="1:408" ht="18.75" customHeight="1" thickBot="1" x14ac:dyDescent="0.25">
      <c r="A42" s="63" t="s">
        <v>37</v>
      </c>
      <c r="B42" s="117">
        <v>121300</v>
      </c>
      <c r="C42" s="178">
        <v>53800</v>
      </c>
      <c r="D42" s="179">
        <v>175100</v>
      </c>
      <c r="E42" s="180">
        <v>0</v>
      </c>
      <c r="F42" s="178">
        <v>1791980</v>
      </c>
      <c r="G42" s="178">
        <v>1624746</v>
      </c>
      <c r="H42" s="178">
        <v>2731458</v>
      </c>
      <c r="I42" s="178">
        <v>1738648</v>
      </c>
      <c r="J42" s="178">
        <v>1007357</v>
      </c>
      <c r="K42" s="180">
        <v>8894189</v>
      </c>
      <c r="L42" s="181">
        <v>9069289</v>
      </c>
      <c r="M42" s="117">
        <v>21590</v>
      </c>
      <c r="N42" s="178">
        <v>4390</v>
      </c>
      <c r="O42" s="179">
        <v>25980</v>
      </c>
      <c r="P42" s="117">
        <v>0</v>
      </c>
      <c r="Q42" s="178">
        <v>284541</v>
      </c>
      <c r="R42" s="178">
        <v>438373</v>
      </c>
      <c r="S42" s="178">
        <v>652810</v>
      </c>
      <c r="T42" s="178">
        <v>413449</v>
      </c>
      <c r="U42" s="178">
        <v>490744</v>
      </c>
      <c r="V42" s="179">
        <v>2279917</v>
      </c>
      <c r="W42" s="181">
        <v>2305897</v>
      </c>
      <c r="X42" s="117">
        <v>0</v>
      </c>
      <c r="Y42" s="178">
        <v>0</v>
      </c>
      <c r="Z42" s="179">
        <v>0</v>
      </c>
      <c r="AA42" s="117">
        <v>0</v>
      </c>
      <c r="AB42" s="178">
        <v>60754</v>
      </c>
      <c r="AC42" s="178">
        <v>225003</v>
      </c>
      <c r="AD42" s="178">
        <v>244840</v>
      </c>
      <c r="AE42" s="178">
        <v>97285</v>
      </c>
      <c r="AF42" s="178">
        <v>405749</v>
      </c>
      <c r="AG42" s="179">
        <v>1033631</v>
      </c>
      <c r="AH42" s="181">
        <v>1033631</v>
      </c>
      <c r="AI42" s="117">
        <v>0</v>
      </c>
      <c r="AJ42" s="178">
        <v>0</v>
      </c>
      <c r="AK42" s="179">
        <v>0</v>
      </c>
      <c r="AL42" s="117">
        <v>0</v>
      </c>
      <c r="AM42" s="178">
        <v>0</v>
      </c>
      <c r="AN42" s="178">
        <v>0</v>
      </c>
      <c r="AO42" s="178">
        <v>211040</v>
      </c>
      <c r="AP42" s="178">
        <v>0</v>
      </c>
      <c r="AQ42" s="178">
        <v>0</v>
      </c>
      <c r="AR42" s="179">
        <v>211040</v>
      </c>
      <c r="AS42" s="181">
        <v>211040</v>
      </c>
      <c r="AT42" s="117">
        <v>21590</v>
      </c>
      <c r="AU42" s="178">
        <v>4390</v>
      </c>
      <c r="AV42" s="179">
        <v>25980</v>
      </c>
      <c r="AW42" s="117">
        <v>0</v>
      </c>
      <c r="AX42" s="178">
        <v>113622</v>
      </c>
      <c r="AY42" s="178">
        <v>156805</v>
      </c>
      <c r="AZ42" s="178">
        <v>109234</v>
      </c>
      <c r="BA42" s="178">
        <v>227388</v>
      </c>
      <c r="BB42" s="178">
        <v>54193</v>
      </c>
      <c r="BC42" s="179">
        <v>661242</v>
      </c>
      <c r="BD42" s="181">
        <v>687222</v>
      </c>
      <c r="BE42" s="117">
        <v>0</v>
      </c>
      <c r="BF42" s="178">
        <v>0</v>
      </c>
      <c r="BG42" s="183">
        <v>0</v>
      </c>
      <c r="BH42" s="182">
        <v>0</v>
      </c>
      <c r="BI42" s="178">
        <v>72914</v>
      </c>
      <c r="BJ42" s="178">
        <v>22536</v>
      </c>
      <c r="BK42" s="178">
        <v>0</v>
      </c>
      <c r="BL42" s="178">
        <v>38337</v>
      </c>
      <c r="BM42" s="178">
        <v>0</v>
      </c>
      <c r="BN42" s="179">
        <v>133787</v>
      </c>
      <c r="BO42" s="181">
        <v>133787</v>
      </c>
      <c r="BP42" s="117">
        <v>0</v>
      </c>
      <c r="BQ42" s="178">
        <v>0</v>
      </c>
      <c r="BR42" s="179">
        <v>0</v>
      </c>
      <c r="BS42" s="117">
        <v>0</v>
      </c>
      <c r="BT42" s="178">
        <v>37251</v>
      </c>
      <c r="BU42" s="178">
        <v>34029</v>
      </c>
      <c r="BV42" s="178">
        <v>87696</v>
      </c>
      <c r="BW42" s="178">
        <v>50439</v>
      </c>
      <c r="BX42" s="178">
        <v>30802</v>
      </c>
      <c r="BY42" s="179">
        <v>240217</v>
      </c>
      <c r="BZ42" s="181">
        <v>240217</v>
      </c>
      <c r="CA42" s="117">
        <v>0</v>
      </c>
      <c r="CB42" s="178">
        <v>0</v>
      </c>
      <c r="CC42" s="179">
        <v>0</v>
      </c>
      <c r="CD42" s="117">
        <v>0</v>
      </c>
      <c r="CE42" s="178">
        <v>669129</v>
      </c>
      <c r="CF42" s="178">
        <v>508420</v>
      </c>
      <c r="CG42" s="178">
        <v>859367</v>
      </c>
      <c r="CH42" s="178">
        <v>272226</v>
      </c>
      <c r="CI42" s="178">
        <v>72890</v>
      </c>
      <c r="CJ42" s="179">
        <v>2382032</v>
      </c>
      <c r="CK42" s="181">
        <v>2382032</v>
      </c>
      <c r="CL42" s="117">
        <v>0</v>
      </c>
      <c r="CM42" s="178">
        <v>0</v>
      </c>
      <c r="CN42" s="179">
        <v>0</v>
      </c>
      <c r="CO42" s="182">
        <v>0</v>
      </c>
      <c r="CP42" s="178">
        <v>422251</v>
      </c>
      <c r="CQ42" s="178">
        <v>239964</v>
      </c>
      <c r="CR42" s="178">
        <v>457814</v>
      </c>
      <c r="CS42" s="178">
        <v>32915</v>
      </c>
      <c r="CT42" s="178">
        <v>72890</v>
      </c>
      <c r="CU42" s="179">
        <v>1225834</v>
      </c>
      <c r="CV42" s="181">
        <v>1225834</v>
      </c>
      <c r="CW42" s="117">
        <v>0</v>
      </c>
      <c r="CX42" s="178">
        <v>0</v>
      </c>
      <c r="CY42" s="179">
        <v>0</v>
      </c>
      <c r="CZ42" s="117">
        <v>0</v>
      </c>
      <c r="DA42" s="178">
        <v>246878</v>
      </c>
      <c r="DB42" s="178">
        <v>268456</v>
      </c>
      <c r="DC42" s="178">
        <v>401553</v>
      </c>
      <c r="DD42" s="178">
        <v>239311</v>
      </c>
      <c r="DE42" s="178">
        <v>0</v>
      </c>
      <c r="DF42" s="179">
        <v>1156198</v>
      </c>
      <c r="DG42" s="181">
        <v>1156198</v>
      </c>
      <c r="DH42" s="117">
        <v>0</v>
      </c>
      <c r="DI42" s="178">
        <v>0</v>
      </c>
      <c r="DJ42" s="183">
        <v>0</v>
      </c>
      <c r="DK42" s="182">
        <v>0</v>
      </c>
      <c r="DL42" s="178">
        <v>57198</v>
      </c>
      <c r="DM42" s="178">
        <v>25740</v>
      </c>
      <c r="DN42" s="178">
        <v>550377</v>
      </c>
      <c r="DO42" s="178">
        <v>476133</v>
      </c>
      <c r="DP42" s="178">
        <v>92696</v>
      </c>
      <c r="DQ42" s="179">
        <v>1202144</v>
      </c>
      <c r="DR42" s="181">
        <v>1202144</v>
      </c>
      <c r="DS42" s="117">
        <v>0</v>
      </c>
      <c r="DT42" s="178">
        <v>0</v>
      </c>
      <c r="DU42" s="179">
        <v>0</v>
      </c>
      <c r="DV42" s="117">
        <v>0</v>
      </c>
      <c r="DW42" s="178">
        <v>57198</v>
      </c>
      <c r="DX42" s="178">
        <v>25740</v>
      </c>
      <c r="DY42" s="178">
        <v>394694</v>
      </c>
      <c r="DZ42" s="178">
        <v>257586</v>
      </c>
      <c r="EA42" s="178">
        <v>92696</v>
      </c>
      <c r="EB42" s="179">
        <v>827914</v>
      </c>
      <c r="EC42" s="181">
        <v>827914</v>
      </c>
      <c r="ED42" s="117">
        <v>0</v>
      </c>
      <c r="EE42" s="183">
        <v>0</v>
      </c>
      <c r="EF42" s="179">
        <v>0</v>
      </c>
      <c r="EG42" s="117">
        <v>0</v>
      </c>
      <c r="EH42" s="178">
        <v>0</v>
      </c>
      <c r="EI42" s="178">
        <v>0</v>
      </c>
      <c r="EJ42" s="178">
        <v>155683</v>
      </c>
      <c r="EK42" s="178">
        <v>218547</v>
      </c>
      <c r="EL42" s="178">
        <v>0</v>
      </c>
      <c r="EM42" s="183">
        <v>374230</v>
      </c>
      <c r="EN42" s="181">
        <v>374230</v>
      </c>
      <c r="EO42" s="117">
        <v>0</v>
      </c>
      <c r="EP42" s="178">
        <v>0</v>
      </c>
      <c r="EQ42" s="183">
        <v>0</v>
      </c>
      <c r="ER42" s="182">
        <v>0</v>
      </c>
      <c r="ES42" s="178">
        <v>0</v>
      </c>
      <c r="ET42" s="178">
        <v>0</v>
      </c>
      <c r="EU42" s="178">
        <v>0</v>
      </c>
      <c r="EV42" s="178">
        <v>0</v>
      </c>
      <c r="EW42" s="178">
        <v>0</v>
      </c>
      <c r="EX42" s="179">
        <v>0</v>
      </c>
      <c r="EY42" s="181">
        <v>0</v>
      </c>
      <c r="EZ42" s="117">
        <v>0</v>
      </c>
      <c r="FA42" s="178">
        <v>0</v>
      </c>
      <c r="FB42" s="183">
        <v>0</v>
      </c>
      <c r="FC42" s="349"/>
      <c r="FD42" s="178">
        <v>0</v>
      </c>
      <c r="FE42" s="178">
        <v>0</v>
      </c>
      <c r="FF42" s="178">
        <v>0</v>
      </c>
      <c r="FG42" s="178">
        <v>0</v>
      </c>
      <c r="FH42" s="178">
        <v>0</v>
      </c>
      <c r="FI42" s="179">
        <v>0</v>
      </c>
      <c r="FJ42" s="181">
        <v>0</v>
      </c>
      <c r="FK42" s="117">
        <v>50954</v>
      </c>
      <c r="FL42" s="178">
        <v>22032</v>
      </c>
      <c r="FM42" s="179">
        <v>72986</v>
      </c>
      <c r="FN42" s="117">
        <v>0</v>
      </c>
      <c r="FO42" s="178">
        <v>242693</v>
      </c>
      <c r="FP42" s="178">
        <v>353040</v>
      </c>
      <c r="FQ42" s="178">
        <v>327852</v>
      </c>
      <c r="FR42" s="178">
        <v>191114</v>
      </c>
      <c r="FS42" s="178">
        <v>64536</v>
      </c>
      <c r="FT42" s="179">
        <v>1179235</v>
      </c>
      <c r="FU42" s="181">
        <v>1252221</v>
      </c>
      <c r="FV42" s="184">
        <v>50954</v>
      </c>
      <c r="FW42" s="178">
        <v>22032</v>
      </c>
      <c r="FX42" s="183">
        <v>72986</v>
      </c>
      <c r="FY42" s="182">
        <v>0</v>
      </c>
      <c r="FZ42" s="178">
        <v>242693</v>
      </c>
      <c r="GA42" s="178">
        <v>353040</v>
      </c>
      <c r="GB42" s="178">
        <v>327852</v>
      </c>
      <c r="GC42" s="178">
        <v>191114</v>
      </c>
      <c r="GD42" s="178">
        <v>64536</v>
      </c>
      <c r="GE42" s="179">
        <v>1179235</v>
      </c>
      <c r="GF42" s="320">
        <v>1252221</v>
      </c>
      <c r="GG42" s="184">
        <v>0</v>
      </c>
      <c r="GH42" s="178">
        <v>0</v>
      </c>
      <c r="GI42" s="183">
        <v>0</v>
      </c>
      <c r="GJ42" s="182">
        <v>0</v>
      </c>
      <c r="GK42" s="178">
        <v>0</v>
      </c>
      <c r="GL42" s="178">
        <v>0</v>
      </c>
      <c r="GM42" s="178">
        <v>0</v>
      </c>
      <c r="GN42" s="178">
        <v>0</v>
      </c>
      <c r="GO42" s="178">
        <v>0</v>
      </c>
      <c r="GP42" s="179">
        <v>0</v>
      </c>
      <c r="GQ42" s="181">
        <v>0</v>
      </c>
      <c r="GR42" s="117">
        <v>0</v>
      </c>
      <c r="GS42" s="178">
        <v>0</v>
      </c>
      <c r="GT42" s="179">
        <v>0</v>
      </c>
      <c r="GU42" s="117">
        <v>0</v>
      </c>
      <c r="GV42" s="178">
        <v>0</v>
      </c>
      <c r="GW42" s="178">
        <v>0</v>
      </c>
      <c r="GX42" s="178">
        <v>0</v>
      </c>
      <c r="GY42" s="178">
        <v>0</v>
      </c>
      <c r="GZ42" s="178">
        <v>0</v>
      </c>
      <c r="HA42" s="183">
        <v>0</v>
      </c>
      <c r="HB42" s="181">
        <v>0</v>
      </c>
      <c r="HC42" s="117">
        <v>0</v>
      </c>
      <c r="HD42" s="178">
        <v>0</v>
      </c>
      <c r="HE42" s="183">
        <v>0</v>
      </c>
      <c r="HF42" s="182">
        <v>0</v>
      </c>
      <c r="HG42" s="178">
        <v>0</v>
      </c>
      <c r="HH42" s="178">
        <v>0</v>
      </c>
      <c r="HI42" s="178">
        <v>0</v>
      </c>
      <c r="HJ42" s="178">
        <v>185008</v>
      </c>
      <c r="HK42" s="178">
        <v>238785</v>
      </c>
      <c r="HL42" s="179">
        <v>423793</v>
      </c>
      <c r="HM42" s="180">
        <v>423793</v>
      </c>
      <c r="HN42" s="184">
        <v>48756</v>
      </c>
      <c r="HO42" s="178">
        <v>27378</v>
      </c>
      <c r="HP42" s="179">
        <v>76134</v>
      </c>
      <c r="HQ42" s="117">
        <v>0</v>
      </c>
      <c r="HR42" s="178">
        <v>538419</v>
      </c>
      <c r="HS42" s="178">
        <v>299173</v>
      </c>
      <c r="HT42" s="178">
        <v>341052</v>
      </c>
      <c r="HU42" s="178">
        <v>200718</v>
      </c>
      <c r="HV42" s="178">
        <v>47706</v>
      </c>
      <c r="HW42" s="183">
        <v>1427068</v>
      </c>
      <c r="HX42" s="181">
        <v>1503202</v>
      </c>
      <c r="HY42" s="151">
        <v>0</v>
      </c>
      <c r="HZ42" s="152">
        <v>0</v>
      </c>
      <c r="IA42" s="153">
        <v>0</v>
      </c>
      <c r="IB42" s="154">
        <v>0</v>
      </c>
      <c r="IC42" s="155">
        <v>2031129</v>
      </c>
      <c r="ID42" s="156">
        <v>786978</v>
      </c>
      <c r="IE42" s="157">
        <v>1802961</v>
      </c>
      <c r="IF42" s="155">
        <v>226293</v>
      </c>
      <c r="IG42" s="157">
        <v>278341</v>
      </c>
      <c r="IH42" s="158">
        <v>5125702</v>
      </c>
      <c r="II42" s="159">
        <v>5125702</v>
      </c>
      <c r="IJ42" s="233">
        <v>0</v>
      </c>
      <c r="IK42" s="238">
        <v>0</v>
      </c>
      <c r="IL42" s="239">
        <v>0</v>
      </c>
      <c r="IM42" s="160"/>
      <c r="IN42" s="161">
        <v>0</v>
      </c>
      <c r="IO42" s="161">
        <v>0</v>
      </c>
      <c r="IP42" s="161">
        <v>179155</v>
      </c>
      <c r="IQ42" s="161">
        <v>0</v>
      </c>
      <c r="IR42" s="161">
        <v>0</v>
      </c>
      <c r="IS42" s="162">
        <v>179155</v>
      </c>
      <c r="IT42" s="322">
        <v>179155</v>
      </c>
      <c r="IU42" s="163">
        <v>0</v>
      </c>
      <c r="IV42" s="161">
        <v>0</v>
      </c>
      <c r="IW42" s="165">
        <v>0</v>
      </c>
      <c r="IX42" s="168"/>
      <c r="IY42" s="161">
        <v>0</v>
      </c>
      <c r="IZ42" s="161">
        <v>0</v>
      </c>
      <c r="JA42" s="161">
        <v>0</v>
      </c>
      <c r="JB42" s="161">
        <v>0</v>
      </c>
      <c r="JC42" s="161">
        <v>0</v>
      </c>
      <c r="JD42" s="165">
        <v>0</v>
      </c>
      <c r="JE42" s="166">
        <v>0</v>
      </c>
      <c r="JF42" s="163">
        <v>0</v>
      </c>
      <c r="JG42" s="161">
        <v>0</v>
      </c>
      <c r="JH42" s="162">
        <v>0</v>
      </c>
      <c r="JI42" s="164">
        <v>0</v>
      </c>
      <c r="JJ42" s="161">
        <v>1215822</v>
      </c>
      <c r="JK42" s="161">
        <v>786978</v>
      </c>
      <c r="JL42" s="161">
        <v>706141</v>
      </c>
      <c r="JM42" s="161">
        <v>0</v>
      </c>
      <c r="JN42" s="161">
        <v>278341</v>
      </c>
      <c r="JO42" s="165">
        <v>2987282</v>
      </c>
      <c r="JP42" s="322">
        <v>2987282</v>
      </c>
      <c r="JQ42" s="163">
        <v>0</v>
      </c>
      <c r="JR42" s="161">
        <v>0</v>
      </c>
      <c r="JS42" s="162">
        <v>0</v>
      </c>
      <c r="JT42" s="164">
        <v>0</v>
      </c>
      <c r="JU42" s="161">
        <v>27621</v>
      </c>
      <c r="JV42" s="161">
        <v>0</v>
      </c>
      <c r="JW42" s="161">
        <v>47595</v>
      </c>
      <c r="JX42" s="161">
        <v>226293</v>
      </c>
      <c r="JY42" s="161">
        <v>0</v>
      </c>
      <c r="JZ42" s="165">
        <v>301509</v>
      </c>
      <c r="KA42" s="322">
        <v>301509</v>
      </c>
      <c r="KB42" s="235">
        <v>0</v>
      </c>
      <c r="KC42" s="231">
        <v>0</v>
      </c>
      <c r="KD42" s="165">
        <v>0</v>
      </c>
      <c r="KE42" s="164">
        <v>0</v>
      </c>
      <c r="KF42" s="161">
        <v>0</v>
      </c>
      <c r="KG42" s="161">
        <v>0</v>
      </c>
      <c r="KH42" s="161">
        <v>0</v>
      </c>
      <c r="KI42" s="161">
        <v>0</v>
      </c>
      <c r="KJ42" s="161">
        <v>0</v>
      </c>
      <c r="KK42" s="165">
        <v>0</v>
      </c>
      <c r="KL42" s="167">
        <v>0</v>
      </c>
      <c r="KM42" s="233">
        <v>0</v>
      </c>
      <c r="KN42" s="238">
        <v>0</v>
      </c>
      <c r="KO42" s="239">
        <v>0</v>
      </c>
      <c r="KP42" s="160"/>
      <c r="KQ42" s="161">
        <v>787686</v>
      </c>
      <c r="KR42" s="161">
        <v>0</v>
      </c>
      <c r="KS42" s="161">
        <v>870070</v>
      </c>
      <c r="KT42" s="161">
        <v>0</v>
      </c>
      <c r="KU42" s="161">
        <v>0</v>
      </c>
      <c r="KV42" s="165">
        <v>1657756</v>
      </c>
      <c r="KW42" s="322">
        <v>1657756</v>
      </c>
      <c r="KX42" s="163">
        <v>0</v>
      </c>
      <c r="KY42" s="161">
        <v>0</v>
      </c>
      <c r="KZ42" s="165">
        <v>0</v>
      </c>
      <c r="LA42" s="169"/>
      <c r="LB42" s="161">
        <v>0</v>
      </c>
      <c r="LC42" s="161">
        <v>0</v>
      </c>
      <c r="LD42" s="161">
        <v>0</v>
      </c>
      <c r="LE42" s="161">
        <v>0</v>
      </c>
      <c r="LF42" s="161">
        <v>0</v>
      </c>
      <c r="LG42" s="165">
        <v>0</v>
      </c>
      <c r="LH42" s="166">
        <v>0</v>
      </c>
      <c r="LI42" s="163">
        <v>0</v>
      </c>
      <c r="LJ42" s="161">
        <v>0</v>
      </c>
      <c r="LK42" s="165">
        <v>0</v>
      </c>
      <c r="LL42" s="169"/>
      <c r="LM42" s="161">
        <v>0</v>
      </c>
      <c r="LN42" s="161">
        <v>0</v>
      </c>
      <c r="LO42" s="161">
        <v>0</v>
      </c>
      <c r="LP42" s="161">
        <v>0</v>
      </c>
      <c r="LQ42" s="161">
        <v>0</v>
      </c>
      <c r="LR42" s="165">
        <v>0</v>
      </c>
      <c r="LS42" s="322">
        <v>0</v>
      </c>
      <c r="LT42" s="163">
        <v>0</v>
      </c>
      <c r="LU42" s="161">
        <v>0</v>
      </c>
      <c r="LV42" s="165">
        <v>0</v>
      </c>
      <c r="LW42" s="169"/>
      <c r="LX42" s="161">
        <v>0</v>
      </c>
      <c r="LY42" s="161">
        <v>0</v>
      </c>
      <c r="LZ42" s="161">
        <v>0</v>
      </c>
      <c r="MA42" s="161">
        <v>0</v>
      </c>
      <c r="MB42" s="161">
        <v>0</v>
      </c>
      <c r="MC42" s="165">
        <v>0</v>
      </c>
      <c r="MD42" s="166">
        <v>0</v>
      </c>
      <c r="ME42" s="163">
        <v>0</v>
      </c>
      <c r="MF42" s="161">
        <v>0</v>
      </c>
      <c r="MG42" s="165">
        <v>0</v>
      </c>
      <c r="MH42" s="169"/>
      <c r="MI42" s="161">
        <v>513828</v>
      </c>
      <c r="MJ42" s="161">
        <v>285309</v>
      </c>
      <c r="MK42" s="161">
        <v>3024593</v>
      </c>
      <c r="ML42" s="161">
        <v>3368559</v>
      </c>
      <c r="MM42" s="161">
        <v>2838517</v>
      </c>
      <c r="MN42" s="165">
        <v>10030806</v>
      </c>
      <c r="MO42" s="167">
        <v>10030806</v>
      </c>
      <c r="MP42" s="163">
        <v>0</v>
      </c>
      <c r="MQ42" s="161">
        <v>0</v>
      </c>
      <c r="MR42" s="165">
        <v>0</v>
      </c>
      <c r="MS42" s="169"/>
      <c r="MT42" s="161">
        <v>0</v>
      </c>
      <c r="MU42" s="161">
        <v>0</v>
      </c>
      <c r="MV42" s="161">
        <v>1802250</v>
      </c>
      <c r="MW42" s="161">
        <v>2139380</v>
      </c>
      <c r="MX42" s="161">
        <v>2157898</v>
      </c>
      <c r="MY42" s="165">
        <v>6099528</v>
      </c>
      <c r="MZ42" s="167">
        <v>6099528</v>
      </c>
      <c r="NA42" s="163">
        <v>0</v>
      </c>
      <c r="NB42" s="161">
        <v>0</v>
      </c>
      <c r="NC42" s="165">
        <v>0</v>
      </c>
      <c r="ND42" s="169"/>
      <c r="NE42" s="161">
        <v>513828</v>
      </c>
      <c r="NF42" s="161">
        <v>285309</v>
      </c>
      <c r="NG42" s="161">
        <v>1222343</v>
      </c>
      <c r="NH42" s="161">
        <v>852869</v>
      </c>
      <c r="NI42" s="161">
        <v>0</v>
      </c>
      <c r="NJ42" s="165">
        <v>2874349</v>
      </c>
      <c r="NK42" s="322">
        <v>2874349</v>
      </c>
      <c r="NL42" s="163">
        <v>0</v>
      </c>
      <c r="NM42" s="161">
        <v>0</v>
      </c>
      <c r="NN42" s="165">
        <v>0</v>
      </c>
      <c r="NO42" s="169"/>
      <c r="NP42" s="161">
        <v>0</v>
      </c>
      <c r="NQ42" s="161">
        <v>0</v>
      </c>
      <c r="NR42" s="161">
        <v>0</v>
      </c>
      <c r="NS42" s="161">
        <v>376310</v>
      </c>
      <c r="NT42" s="161">
        <v>0</v>
      </c>
      <c r="NU42" s="165">
        <v>376310</v>
      </c>
      <c r="NV42" s="166">
        <v>376310</v>
      </c>
      <c r="NW42" s="163">
        <v>0</v>
      </c>
      <c r="NX42" s="161">
        <v>0</v>
      </c>
      <c r="NY42" s="165">
        <v>0</v>
      </c>
      <c r="NZ42" s="169"/>
      <c r="OA42" s="161">
        <v>0</v>
      </c>
      <c r="OB42" s="161">
        <v>0</v>
      </c>
      <c r="OC42" s="161">
        <v>0</v>
      </c>
      <c r="OD42" s="161">
        <v>0</v>
      </c>
      <c r="OE42" s="161">
        <v>680619</v>
      </c>
      <c r="OF42" s="165">
        <v>680619</v>
      </c>
      <c r="OG42" s="166">
        <v>680619</v>
      </c>
      <c r="OH42" s="163">
        <v>121300</v>
      </c>
      <c r="OI42" s="161">
        <v>53800</v>
      </c>
      <c r="OJ42" s="162">
        <v>175100</v>
      </c>
      <c r="OK42" s="164">
        <v>0</v>
      </c>
      <c r="OL42" s="161">
        <v>4336937</v>
      </c>
      <c r="OM42" s="161">
        <v>2697033</v>
      </c>
      <c r="ON42" s="161">
        <v>7559012</v>
      </c>
      <c r="OO42" s="161">
        <v>5333500</v>
      </c>
      <c r="OP42" s="161">
        <v>4124215</v>
      </c>
      <c r="OQ42" s="165">
        <v>24050697</v>
      </c>
      <c r="OR42" s="167">
        <v>24225797</v>
      </c>
    </row>
    <row r="43" spans="1:408" x14ac:dyDescent="0.2">
      <c r="A43" s="1" t="s">
        <v>84</v>
      </c>
    </row>
  </sheetData>
  <mergeCells count="159">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H7:LH8"/>
    <mergeCell ref="LI7:LK7"/>
    <mergeCell ref="KB7:KD7"/>
    <mergeCell ref="KE7:KK7"/>
    <mergeCell ref="KL7:KL8"/>
    <mergeCell ref="KM7:KO7"/>
    <mergeCell ref="KP7:KV7"/>
    <mergeCell ref="MP7:MR7"/>
    <mergeCell ref="MS7:MY7"/>
    <mergeCell ref="OH4:OR6"/>
    <mergeCell ref="HY5:II6"/>
    <mergeCell ref="IJ5:IT6"/>
    <mergeCell ref="IU5:JE6"/>
    <mergeCell ref="JF5:JP6"/>
    <mergeCell ref="JQ5:KA6"/>
    <mergeCell ref="KB5:KL6"/>
    <mergeCell ref="KM5:KW6"/>
    <mergeCell ref="KX5:LH6"/>
    <mergeCell ref="LI5:LS6"/>
    <mergeCell ref="LT5:MD6"/>
    <mergeCell ref="ME5:MO6"/>
    <mergeCell ref="MP5:MZ6"/>
    <mergeCell ref="NA5:NK6"/>
    <mergeCell ref="NL5:NV6"/>
    <mergeCell ref="ME4:OG4"/>
    <mergeCell ref="IC1:ID1"/>
    <mergeCell ref="HY4:MD4"/>
    <mergeCell ref="JI7:JO7"/>
    <mergeCell ref="JP7:JP8"/>
    <mergeCell ref="JQ7:JS7"/>
    <mergeCell ref="JT7:JZ7"/>
    <mergeCell ref="KA7:KA8"/>
    <mergeCell ref="NW5:OG6"/>
    <mergeCell ref="LL7:LR7"/>
    <mergeCell ref="LS7:LS8"/>
    <mergeCell ref="LT7:LV7"/>
    <mergeCell ref="IT7:IT8"/>
    <mergeCell ref="IU7:IW7"/>
    <mergeCell ref="IX7:JD7"/>
    <mergeCell ref="JE7:JE8"/>
    <mergeCell ref="JF7:JH7"/>
    <mergeCell ref="HY7:IA7"/>
    <mergeCell ref="IB7:IH7"/>
    <mergeCell ref="II7:II8"/>
    <mergeCell ref="IJ7:IL7"/>
    <mergeCell ref="IM7:IS7"/>
    <mergeCell ref="KW7:KW8"/>
    <mergeCell ref="KX7:KZ7"/>
    <mergeCell ref="LA7:LG7"/>
    <mergeCell ref="F2:G2"/>
    <mergeCell ref="ER7:EX7"/>
    <mergeCell ref="EY7:EY8"/>
    <mergeCell ref="DR7:DR8"/>
    <mergeCell ref="DS7:DU7"/>
    <mergeCell ref="DV7:EB7"/>
    <mergeCell ref="EC7:EC8"/>
    <mergeCell ref="DK7:DQ7"/>
    <mergeCell ref="CL7:CN7"/>
    <mergeCell ref="CO7:CU7"/>
    <mergeCell ref="CV7:CV8"/>
    <mergeCell ref="CW7:CY7"/>
    <mergeCell ref="CZ7:DF7"/>
    <mergeCell ref="DG7:DG8"/>
    <mergeCell ref="DH7:DJ7"/>
    <mergeCell ref="CK7:CK8"/>
    <mergeCell ref="BH7:BN7"/>
    <mergeCell ref="BO7:BO8"/>
    <mergeCell ref="BP7:BR7"/>
    <mergeCell ref="BS7:BY7"/>
    <mergeCell ref="BE7:BG7"/>
    <mergeCell ref="BZ7:BZ8"/>
    <mergeCell ref="CA7:CC7"/>
    <mergeCell ref="CD7:CJ7"/>
    <mergeCell ref="HX7:HX8"/>
    <mergeCell ref="HF7:HL7"/>
    <mergeCell ref="HM7:HM8"/>
    <mergeCell ref="HN7:HP7"/>
    <mergeCell ref="HQ7:HW7"/>
    <mergeCell ref="FK7:FM7"/>
    <mergeCell ref="FN7:FT7"/>
    <mergeCell ref="ED7:EF7"/>
    <mergeCell ref="EG7:EM7"/>
    <mergeCell ref="EN7:EN8"/>
    <mergeCell ref="EO7:EQ7"/>
    <mergeCell ref="GR7:GT7"/>
    <mergeCell ref="GU7:HA7"/>
    <mergeCell ref="HB7:HB8"/>
    <mergeCell ref="HC7:HE7"/>
    <mergeCell ref="FU7:FU8"/>
    <mergeCell ref="FV7:FX7"/>
    <mergeCell ref="FY7:GE7"/>
    <mergeCell ref="GF7:GF8"/>
    <mergeCell ref="GQ7:GQ8"/>
    <mergeCell ref="GJ7:GP7"/>
    <mergeCell ref="GG7:GI7"/>
    <mergeCell ref="EZ7:FB7"/>
    <mergeCell ref="FC7:FI7"/>
    <mergeCell ref="A4:A8"/>
    <mergeCell ref="B4:L6"/>
    <mergeCell ref="M4:HX4"/>
    <mergeCell ref="M5:BZ5"/>
    <mergeCell ref="CA5:DG5"/>
    <mergeCell ref="FK5:HB5"/>
    <mergeCell ref="HC5:HM6"/>
    <mergeCell ref="HN5:HX6"/>
    <mergeCell ref="X6:AH6"/>
    <mergeCell ref="P7:V7"/>
    <mergeCell ref="W7:W8"/>
    <mergeCell ref="X7:Z7"/>
    <mergeCell ref="AA7:AG7"/>
    <mergeCell ref="B7:D7"/>
    <mergeCell ref="E7:K7"/>
    <mergeCell ref="L7:L8"/>
    <mergeCell ref="M7:O7"/>
    <mergeCell ref="AT7:AV7"/>
    <mergeCell ref="AW7:BC7"/>
    <mergeCell ref="BD7:BD8"/>
    <mergeCell ref="AH7:AH8"/>
    <mergeCell ref="AI7:AK7"/>
    <mergeCell ref="AL7:AR7"/>
    <mergeCell ref="AS7:AS8"/>
    <mergeCell ref="FJ7:FJ8"/>
    <mergeCell ref="DH5:FJ5"/>
    <mergeCell ref="H1:I1"/>
    <mergeCell ref="GR6:HB6"/>
    <mergeCell ref="GG6:GQ6"/>
    <mergeCell ref="M6:W6"/>
    <mergeCell ref="CA6:CK6"/>
    <mergeCell ref="DH6:DR6"/>
    <mergeCell ref="DS6:EC6"/>
    <mergeCell ref="ED6:EN6"/>
    <mergeCell ref="EO6:EY6"/>
    <mergeCell ref="FK6:FU6"/>
    <mergeCell ref="FV6:GF6"/>
    <mergeCell ref="EZ6:FJ6"/>
    <mergeCell ref="CW6:DG6"/>
    <mergeCell ref="BP6:BZ6"/>
    <mergeCell ref="CL6:CV6"/>
    <mergeCell ref="AI6:AS6"/>
    <mergeCell ref="AT6:BD6"/>
    <mergeCell ref="BE6:BO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10"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25" customWidth="1"/>
    <col min="82" max="82" width="7.6640625" style="325" customWidth="1"/>
    <col min="83" max="83" width="9.88671875" style="325" customWidth="1"/>
    <col min="84" max="84" width="10" style="325" customWidth="1"/>
    <col min="85" max="85" width="9.77734375" style="325" customWidth="1"/>
    <col min="86" max="86" width="9.21875" style="325" customWidth="1"/>
    <col min="87" max="87" width="8.77734375" style="325" customWidth="1"/>
    <col min="88" max="88" width="9.88671875" style="325" customWidth="1"/>
    <col min="89" max="89" width="9.77734375" style="325"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25" customWidth="1"/>
    <col min="115" max="115" width="7.21875" style="325" customWidth="1"/>
    <col min="116" max="120" width="8.21875" style="325" customWidth="1"/>
    <col min="121" max="121" width="10.109375" style="325" customWidth="1"/>
    <col min="122" max="122" width="9.77734375" style="325"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25" customWidth="1"/>
    <col min="170" max="170" width="6.6640625" style="325" customWidth="1"/>
    <col min="171" max="175" width="8.21875" style="325" customWidth="1"/>
    <col min="176" max="176" width="10.109375" style="325" customWidth="1"/>
    <col min="177" max="177" width="9.88671875" style="325"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368">
        <f>第１表!F2</f>
        <v>4</v>
      </c>
      <c r="E1" s="251">
        <f>第１表!G2</f>
        <v>5</v>
      </c>
      <c r="F1" s="646">
        <f>IF(E1&lt;3,E1-2+12,E1-2)</f>
        <v>3</v>
      </c>
      <c r="G1" s="646"/>
      <c r="IA1" s="368"/>
      <c r="IB1" s="253"/>
      <c r="IC1" s="611"/>
      <c r="ID1" s="611"/>
    </row>
    <row r="2" spans="1:408" ht="21.75" customHeight="1" x14ac:dyDescent="0.2">
      <c r="A2" s="20" t="s">
        <v>147</v>
      </c>
      <c r="D2" s="250"/>
      <c r="E2" s="251"/>
      <c r="F2" s="342"/>
      <c r="G2" s="342"/>
      <c r="IA2" s="252"/>
      <c r="IB2" s="253"/>
      <c r="IC2" s="371"/>
      <c r="ID2" s="371"/>
    </row>
    <row r="3" spans="1:408" ht="24" customHeight="1" thickBot="1" x14ac:dyDescent="0.25">
      <c r="A3" s="20" t="s">
        <v>137</v>
      </c>
    </row>
    <row r="4" spans="1:408" ht="19.5" customHeight="1" thickBot="1" x14ac:dyDescent="0.25">
      <c r="A4" s="706" t="s">
        <v>42</v>
      </c>
      <c r="B4" s="709" t="s">
        <v>63</v>
      </c>
      <c r="C4" s="709"/>
      <c r="D4" s="709"/>
      <c r="E4" s="709"/>
      <c r="F4" s="709"/>
      <c r="G4" s="709"/>
      <c r="H4" s="709"/>
      <c r="I4" s="709"/>
      <c r="J4" s="709"/>
      <c r="K4" s="709"/>
      <c r="L4" s="709"/>
      <c r="M4" s="712"/>
      <c r="N4" s="712"/>
      <c r="O4" s="712"/>
      <c r="P4" s="712"/>
      <c r="Q4" s="712"/>
      <c r="R4" s="712"/>
      <c r="S4" s="712"/>
      <c r="T4" s="712"/>
      <c r="U4" s="712"/>
      <c r="V4" s="712"/>
      <c r="W4" s="712"/>
      <c r="X4" s="712"/>
      <c r="Y4" s="712"/>
      <c r="Z4" s="712"/>
      <c r="AA4" s="712"/>
      <c r="AB4" s="712"/>
      <c r="AC4" s="712"/>
      <c r="AD4" s="712"/>
      <c r="AE4" s="712"/>
      <c r="AF4" s="712"/>
      <c r="AG4" s="712"/>
      <c r="AH4" s="712"/>
      <c r="AI4" s="712"/>
      <c r="AJ4" s="712"/>
      <c r="AK4" s="712"/>
      <c r="AL4" s="712"/>
      <c r="AM4" s="712"/>
      <c r="AN4" s="712"/>
      <c r="AO4" s="712"/>
      <c r="AP4" s="712"/>
      <c r="AQ4" s="712"/>
      <c r="AR4" s="712"/>
      <c r="AS4" s="712"/>
      <c r="AT4" s="712"/>
      <c r="AU4" s="712"/>
      <c r="AV4" s="712"/>
      <c r="AW4" s="712"/>
      <c r="AX4" s="712"/>
      <c r="AY4" s="712"/>
      <c r="AZ4" s="712"/>
      <c r="BA4" s="712"/>
      <c r="BB4" s="712"/>
      <c r="BC4" s="712"/>
      <c r="BD4" s="712"/>
      <c r="BE4" s="712"/>
      <c r="BF4" s="712"/>
      <c r="BG4" s="712"/>
      <c r="BH4" s="712"/>
      <c r="BI4" s="712"/>
      <c r="BJ4" s="712"/>
      <c r="BK4" s="712"/>
      <c r="BL4" s="712"/>
      <c r="BM4" s="712"/>
      <c r="BN4" s="712"/>
      <c r="BO4" s="712"/>
      <c r="BP4" s="712"/>
      <c r="BQ4" s="712"/>
      <c r="BR4" s="712"/>
      <c r="BS4" s="712"/>
      <c r="BT4" s="712"/>
      <c r="BU4" s="712"/>
      <c r="BV4" s="712"/>
      <c r="BW4" s="712"/>
      <c r="BX4" s="712"/>
      <c r="BY4" s="712"/>
      <c r="BZ4" s="712"/>
      <c r="CA4" s="712"/>
      <c r="CB4" s="712"/>
      <c r="CC4" s="712"/>
      <c r="CD4" s="712"/>
      <c r="CE4" s="712"/>
      <c r="CF4" s="712"/>
      <c r="CG4" s="712"/>
      <c r="CH4" s="712"/>
      <c r="CI4" s="712"/>
      <c r="CJ4" s="712"/>
      <c r="CK4" s="712"/>
      <c r="CL4" s="712"/>
      <c r="CM4" s="712"/>
      <c r="CN4" s="712"/>
      <c r="CO4" s="712"/>
      <c r="CP4" s="712"/>
      <c r="CQ4" s="712"/>
      <c r="CR4" s="712"/>
      <c r="CS4" s="712"/>
      <c r="CT4" s="712"/>
      <c r="CU4" s="712"/>
      <c r="CV4" s="712"/>
      <c r="CW4" s="712"/>
      <c r="CX4" s="712"/>
      <c r="CY4" s="712"/>
      <c r="CZ4" s="712"/>
      <c r="DA4" s="712"/>
      <c r="DB4" s="712"/>
      <c r="DC4" s="712"/>
      <c r="DD4" s="712"/>
      <c r="DE4" s="712"/>
      <c r="DF4" s="712"/>
      <c r="DG4" s="712"/>
      <c r="DH4" s="712"/>
      <c r="DI4" s="712"/>
      <c r="DJ4" s="712"/>
      <c r="DK4" s="712"/>
      <c r="DL4" s="712"/>
      <c r="DM4" s="712"/>
      <c r="DN4" s="712"/>
      <c r="DO4" s="712"/>
      <c r="DP4" s="712"/>
      <c r="DQ4" s="712"/>
      <c r="DR4" s="712"/>
      <c r="DS4" s="712"/>
      <c r="DT4" s="712"/>
      <c r="DU4" s="712"/>
      <c r="DV4" s="712"/>
      <c r="DW4" s="712"/>
      <c r="DX4" s="712"/>
      <c r="DY4" s="712"/>
      <c r="DZ4" s="712"/>
      <c r="EA4" s="712"/>
      <c r="EB4" s="712"/>
      <c r="EC4" s="712"/>
      <c r="ED4" s="712"/>
      <c r="EE4" s="712"/>
      <c r="EF4" s="712"/>
      <c r="EG4" s="712"/>
      <c r="EH4" s="712"/>
      <c r="EI4" s="712"/>
      <c r="EJ4" s="712"/>
      <c r="EK4" s="712"/>
      <c r="EL4" s="712"/>
      <c r="EM4" s="712"/>
      <c r="EN4" s="712"/>
      <c r="EO4" s="712"/>
      <c r="EP4" s="712"/>
      <c r="EQ4" s="712"/>
      <c r="ER4" s="712"/>
      <c r="ES4" s="712"/>
      <c r="ET4" s="712"/>
      <c r="EU4" s="712"/>
      <c r="EV4" s="712"/>
      <c r="EW4" s="712"/>
      <c r="EX4" s="712"/>
      <c r="EY4" s="712"/>
      <c r="EZ4" s="712"/>
      <c r="FA4" s="712"/>
      <c r="FB4" s="712"/>
      <c r="FC4" s="712"/>
      <c r="FD4" s="712"/>
      <c r="FE4" s="712"/>
      <c r="FF4" s="712"/>
      <c r="FG4" s="712"/>
      <c r="FH4" s="712"/>
      <c r="FI4" s="712"/>
      <c r="FJ4" s="712"/>
      <c r="FK4" s="712"/>
      <c r="FL4" s="712"/>
      <c r="FM4" s="712"/>
      <c r="FN4" s="712"/>
      <c r="FO4" s="712"/>
      <c r="FP4" s="712"/>
      <c r="FQ4" s="712"/>
      <c r="FR4" s="712"/>
      <c r="FS4" s="712"/>
      <c r="FT4" s="712"/>
      <c r="FU4" s="712"/>
      <c r="FV4" s="712"/>
      <c r="FW4" s="712"/>
      <c r="FX4" s="712"/>
      <c r="FY4" s="712"/>
      <c r="FZ4" s="712"/>
      <c r="GA4" s="712"/>
      <c r="GB4" s="712"/>
      <c r="GC4" s="712"/>
      <c r="GD4" s="712"/>
      <c r="GE4" s="712"/>
      <c r="GF4" s="712"/>
      <c r="GG4" s="712"/>
      <c r="GH4" s="712"/>
      <c r="GI4" s="712"/>
      <c r="GJ4" s="712"/>
      <c r="GK4" s="712"/>
      <c r="GL4" s="712"/>
      <c r="GM4" s="712"/>
      <c r="GN4" s="712"/>
      <c r="GO4" s="712"/>
      <c r="GP4" s="712"/>
      <c r="GQ4" s="712"/>
      <c r="GR4" s="712"/>
      <c r="GS4" s="712"/>
      <c r="GT4" s="712"/>
      <c r="GU4" s="712"/>
      <c r="GV4" s="712"/>
      <c r="GW4" s="712"/>
      <c r="GX4" s="712"/>
      <c r="GY4" s="712"/>
      <c r="GZ4" s="712"/>
      <c r="HA4" s="712"/>
      <c r="HB4" s="712"/>
      <c r="HC4" s="712"/>
      <c r="HD4" s="712"/>
      <c r="HE4" s="712"/>
      <c r="HF4" s="712"/>
      <c r="HG4" s="712"/>
      <c r="HH4" s="712"/>
      <c r="HI4" s="712"/>
      <c r="HJ4" s="712"/>
      <c r="HK4" s="712"/>
      <c r="HL4" s="712"/>
      <c r="HM4" s="712"/>
      <c r="HN4" s="712"/>
      <c r="HO4" s="712"/>
      <c r="HP4" s="712"/>
      <c r="HQ4" s="712"/>
      <c r="HR4" s="712"/>
      <c r="HS4" s="712"/>
      <c r="HT4" s="712"/>
      <c r="HU4" s="712"/>
      <c r="HV4" s="712"/>
      <c r="HW4" s="712"/>
      <c r="HX4" s="713"/>
      <c r="HY4" s="608" t="s">
        <v>85</v>
      </c>
      <c r="HZ4" s="609"/>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10"/>
      <c r="ME4" s="608" t="s">
        <v>86</v>
      </c>
      <c r="MF4" s="609"/>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10"/>
      <c r="OH4" s="599" t="s">
        <v>60</v>
      </c>
      <c r="OI4" s="503"/>
      <c r="OJ4" s="503"/>
      <c r="OK4" s="503"/>
      <c r="OL4" s="503"/>
      <c r="OM4" s="503"/>
      <c r="ON4" s="503"/>
      <c r="OO4" s="503"/>
      <c r="OP4" s="503"/>
      <c r="OQ4" s="503"/>
      <c r="OR4" s="504"/>
    </row>
    <row r="5" spans="1:408" ht="19.5" customHeight="1" thickBot="1" x14ac:dyDescent="0.25">
      <c r="A5" s="707"/>
      <c r="B5" s="710"/>
      <c r="C5" s="710"/>
      <c r="D5" s="710"/>
      <c r="E5" s="710"/>
      <c r="F5" s="710"/>
      <c r="G5" s="710"/>
      <c r="H5" s="710"/>
      <c r="I5" s="710"/>
      <c r="J5" s="710"/>
      <c r="K5" s="710"/>
      <c r="L5" s="710"/>
      <c r="M5" s="714" t="s">
        <v>64</v>
      </c>
      <c r="N5" s="715"/>
      <c r="O5" s="715"/>
      <c r="P5" s="715"/>
      <c r="Q5" s="715"/>
      <c r="R5" s="715"/>
      <c r="S5" s="715"/>
      <c r="T5" s="715"/>
      <c r="U5" s="715"/>
      <c r="V5" s="715"/>
      <c r="W5" s="715"/>
      <c r="X5" s="715"/>
      <c r="Y5" s="715"/>
      <c r="Z5" s="715"/>
      <c r="AA5" s="715"/>
      <c r="AB5" s="715"/>
      <c r="AC5" s="715"/>
      <c r="AD5" s="715"/>
      <c r="AE5" s="715"/>
      <c r="AF5" s="715"/>
      <c r="AG5" s="715"/>
      <c r="AH5" s="715"/>
      <c r="AI5" s="715"/>
      <c r="AJ5" s="715"/>
      <c r="AK5" s="715"/>
      <c r="AL5" s="715"/>
      <c r="AM5" s="715"/>
      <c r="AN5" s="715"/>
      <c r="AO5" s="715"/>
      <c r="AP5" s="715"/>
      <c r="AQ5" s="715"/>
      <c r="AR5" s="715"/>
      <c r="AS5" s="715"/>
      <c r="AT5" s="715"/>
      <c r="AU5" s="715"/>
      <c r="AV5" s="715"/>
      <c r="AW5" s="715"/>
      <c r="AX5" s="715"/>
      <c r="AY5" s="715"/>
      <c r="AZ5" s="715"/>
      <c r="BA5" s="715"/>
      <c r="BB5" s="715"/>
      <c r="BC5" s="715"/>
      <c r="BD5" s="715"/>
      <c r="BE5" s="715"/>
      <c r="BF5" s="715"/>
      <c r="BG5" s="715"/>
      <c r="BH5" s="715"/>
      <c r="BI5" s="715"/>
      <c r="BJ5" s="715"/>
      <c r="BK5" s="715"/>
      <c r="BL5" s="715"/>
      <c r="BM5" s="715"/>
      <c r="BN5" s="715"/>
      <c r="BO5" s="715"/>
      <c r="BP5" s="715"/>
      <c r="BQ5" s="715"/>
      <c r="BR5" s="715"/>
      <c r="BS5" s="715"/>
      <c r="BT5" s="715"/>
      <c r="BU5" s="715"/>
      <c r="BV5" s="715"/>
      <c r="BW5" s="715"/>
      <c r="BX5" s="715"/>
      <c r="BY5" s="715"/>
      <c r="BZ5" s="716"/>
      <c r="CA5" s="714" t="s">
        <v>65</v>
      </c>
      <c r="CB5" s="715"/>
      <c r="CC5" s="715"/>
      <c r="CD5" s="715"/>
      <c r="CE5" s="715"/>
      <c r="CF5" s="715"/>
      <c r="CG5" s="715"/>
      <c r="CH5" s="715"/>
      <c r="CI5" s="715"/>
      <c r="CJ5" s="715"/>
      <c r="CK5" s="715"/>
      <c r="CL5" s="715"/>
      <c r="CM5" s="715"/>
      <c r="CN5" s="715"/>
      <c r="CO5" s="715"/>
      <c r="CP5" s="715"/>
      <c r="CQ5" s="715"/>
      <c r="CR5" s="715"/>
      <c r="CS5" s="715"/>
      <c r="CT5" s="715"/>
      <c r="CU5" s="715"/>
      <c r="CV5" s="715"/>
      <c r="CW5" s="715"/>
      <c r="CX5" s="715"/>
      <c r="CY5" s="715"/>
      <c r="CZ5" s="715"/>
      <c r="DA5" s="715"/>
      <c r="DB5" s="715"/>
      <c r="DC5" s="715"/>
      <c r="DD5" s="715"/>
      <c r="DE5" s="715"/>
      <c r="DF5" s="715"/>
      <c r="DG5" s="716"/>
      <c r="DH5" s="520" t="s">
        <v>66</v>
      </c>
      <c r="DI5" s="521"/>
      <c r="DJ5" s="521"/>
      <c r="DK5" s="521"/>
      <c r="DL5" s="521"/>
      <c r="DM5" s="521"/>
      <c r="DN5" s="521"/>
      <c r="DO5" s="521"/>
      <c r="DP5" s="521"/>
      <c r="DQ5" s="521"/>
      <c r="DR5" s="521"/>
      <c r="DS5" s="521"/>
      <c r="DT5" s="521"/>
      <c r="DU5" s="521"/>
      <c r="DV5" s="521"/>
      <c r="DW5" s="521"/>
      <c r="DX5" s="521"/>
      <c r="DY5" s="521"/>
      <c r="DZ5" s="521"/>
      <c r="EA5" s="521"/>
      <c r="EB5" s="521"/>
      <c r="EC5" s="521"/>
      <c r="ED5" s="521"/>
      <c r="EE5" s="521"/>
      <c r="EF5" s="521"/>
      <c r="EG5" s="521"/>
      <c r="EH5" s="521"/>
      <c r="EI5" s="521"/>
      <c r="EJ5" s="521"/>
      <c r="EK5" s="521"/>
      <c r="EL5" s="521"/>
      <c r="EM5" s="521"/>
      <c r="EN5" s="521"/>
      <c r="EO5" s="521"/>
      <c r="EP5" s="521"/>
      <c r="EQ5" s="521"/>
      <c r="ER5" s="521"/>
      <c r="ES5" s="521"/>
      <c r="ET5" s="521"/>
      <c r="EU5" s="521"/>
      <c r="EV5" s="521"/>
      <c r="EW5" s="521"/>
      <c r="EX5" s="521"/>
      <c r="EY5" s="521"/>
      <c r="EZ5" s="521"/>
      <c r="FA5" s="521"/>
      <c r="FB5" s="521"/>
      <c r="FC5" s="521"/>
      <c r="FD5" s="521"/>
      <c r="FE5" s="521"/>
      <c r="FF5" s="521"/>
      <c r="FG5" s="521"/>
      <c r="FH5" s="521"/>
      <c r="FI5" s="521"/>
      <c r="FJ5" s="522"/>
      <c r="FK5" s="714" t="s">
        <v>67</v>
      </c>
      <c r="FL5" s="715"/>
      <c r="FM5" s="715"/>
      <c r="FN5" s="715"/>
      <c r="FO5" s="715"/>
      <c r="FP5" s="715"/>
      <c r="FQ5" s="715"/>
      <c r="FR5" s="715"/>
      <c r="FS5" s="715"/>
      <c r="FT5" s="715"/>
      <c r="FU5" s="715"/>
      <c r="FV5" s="715"/>
      <c r="FW5" s="715"/>
      <c r="FX5" s="715"/>
      <c r="FY5" s="715"/>
      <c r="FZ5" s="715"/>
      <c r="GA5" s="715"/>
      <c r="GB5" s="715"/>
      <c r="GC5" s="715"/>
      <c r="GD5" s="715"/>
      <c r="GE5" s="715"/>
      <c r="GF5" s="715"/>
      <c r="GG5" s="715"/>
      <c r="GH5" s="715"/>
      <c r="GI5" s="715"/>
      <c r="GJ5" s="715"/>
      <c r="GK5" s="715"/>
      <c r="GL5" s="715"/>
      <c r="GM5" s="715"/>
      <c r="GN5" s="715"/>
      <c r="GO5" s="715"/>
      <c r="GP5" s="715"/>
      <c r="GQ5" s="715"/>
      <c r="GR5" s="715"/>
      <c r="GS5" s="715"/>
      <c r="GT5" s="715"/>
      <c r="GU5" s="715"/>
      <c r="GV5" s="715"/>
      <c r="GW5" s="715"/>
      <c r="GX5" s="715"/>
      <c r="GY5" s="715"/>
      <c r="GZ5" s="715"/>
      <c r="HA5" s="715"/>
      <c r="HB5" s="716"/>
      <c r="HC5" s="717" t="s">
        <v>68</v>
      </c>
      <c r="HD5" s="718"/>
      <c r="HE5" s="718"/>
      <c r="HF5" s="718"/>
      <c r="HG5" s="718"/>
      <c r="HH5" s="718"/>
      <c r="HI5" s="718"/>
      <c r="HJ5" s="718"/>
      <c r="HK5" s="718"/>
      <c r="HL5" s="718"/>
      <c r="HM5" s="719"/>
      <c r="HN5" s="717" t="s">
        <v>69</v>
      </c>
      <c r="HO5" s="718"/>
      <c r="HP5" s="718"/>
      <c r="HQ5" s="718"/>
      <c r="HR5" s="718"/>
      <c r="HS5" s="718"/>
      <c r="HT5" s="718"/>
      <c r="HU5" s="718"/>
      <c r="HV5" s="718"/>
      <c r="HW5" s="718"/>
      <c r="HX5" s="719"/>
      <c r="HY5" s="659"/>
      <c r="HZ5" s="660"/>
      <c r="IA5" s="660"/>
      <c r="IB5" s="660"/>
      <c r="IC5" s="660"/>
      <c r="ID5" s="660"/>
      <c r="IE5" s="660"/>
      <c r="IF5" s="660"/>
      <c r="IG5" s="660"/>
      <c r="IH5" s="660"/>
      <c r="II5" s="661"/>
      <c r="IJ5" s="599" t="s">
        <v>94</v>
      </c>
      <c r="IK5" s="503"/>
      <c r="IL5" s="503"/>
      <c r="IM5" s="503"/>
      <c r="IN5" s="503"/>
      <c r="IO5" s="503"/>
      <c r="IP5" s="503"/>
      <c r="IQ5" s="503"/>
      <c r="IR5" s="503"/>
      <c r="IS5" s="503"/>
      <c r="IT5" s="504"/>
      <c r="IU5" s="599" t="s">
        <v>88</v>
      </c>
      <c r="IV5" s="503"/>
      <c r="IW5" s="503"/>
      <c r="IX5" s="503"/>
      <c r="IY5" s="503"/>
      <c r="IZ5" s="503"/>
      <c r="JA5" s="503"/>
      <c r="JB5" s="503"/>
      <c r="JC5" s="503"/>
      <c r="JD5" s="503"/>
      <c r="JE5" s="504"/>
      <c r="JF5" s="662" t="s">
        <v>144</v>
      </c>
      <c r="JG5" s="663"/>
      <c r="JH5" s="663"/>
      <c r="JI5" s="663"/>
      <c r="JJ5" s="663"/>
      <c r="JK5" s="663"/>
      <c r="JL5" s="663"/>
      <c r="JM5" s="663"/>
      <c r="JN5" s="663"/>
      <c r="JO5" s="663"/>
      <c r="JP5" s="664"/>
      <c r="JQ5" s="599" t="s">
        <v>90</v>
      </c>
      <c r="JR5" s="503"/>
      <c r="JS5" s="503"/>
      <c r="JT5" s="503"/>
      <c r="JU5" s="503"/>
      <c r="JV5" s="503"/>
      <c r="JW5" s="503"/>
      <c r="JX5" s="503"/>
      <c r="JY5" s="503"/>
      <c r="JZ5" s="503"/>
      <c r="KA5" s="504"/>
      <c r="KB5" s="599" t="s">
        <v>89</v>
      </c>
      <c r="KC5" s="503"/>
      <c r="KD5" s="503"/>
      <c r="KE5" s="503"/>
      <c r="KF5" s="503"/>
      <c r="KG5" s="503"/>
      <c r="KH5" s="503"/>
      <c r="KI5" s="503"/>
      <c r="KJ5" s="503"/>
      <c r="KK5" s="503"/>
      <c r="KL5" s="504"/>
      <c r="KM5" s="599" t="s">
        <v>91</v>
      </c>
      <c r="KN5" s="503"/>
      <c r="KO5" s="503"/>
      <c r="KP5" s="503"/>
      <c r="KQ5" s="503"/>
      <c r="KR5" s="503"/>
      <c r="KS5" s="503"/>
      <c r="KT5" s="503"/>
      <c r="KU5" s="503"/>
      <c r="KV5" s="503"/>
      <c r="KW5" s="504"/>
      <c r="KX5" s="599" t="s">
        <v>92</v>
      </c>
      <c r="KY5" s="503"/>
      <c r="KZ5" s="503"/>
      <c r="LA5" s="503"/>
      <c r="LB5" s="503"/>
      <c r="LC5" s="503"/>
      <c r="LD5" s="503"/>
      <c r="LE5" s="503"/>
      <c r="LF5" s="503"/>
      <c r="LG5" s="503"/>
      <c r="LH5" s="504"/>
      <c r="LI5" s="668" t="s">
        <v>93</v>
      </c>
      <c r="LJ5" s="669"/>
      <c r="LK5" s="669"/>
      <c r="LL5" s="669"/>
      <c r="LM5" s="669"/>
      <c r="LN5" s="669"/>
      <c r="LO5" s="669"/>
      <c r="LP5" s="669"/>
      <c r="LQ5" s="669"/>
      <c r="LR5" s="669"/>
      <c r="LS5" s="670"/>
      <c r="LT5" s="671" t="s">
        <v>145</v>
      </c>
      <c r="LU5" s="672"/>
      <c r="LV5" s="672"/>
      <c r="LW5" s="672"/>
      <c r="LX5" s="672"/>
      <c r="LY5" s="672"/>
      <c r="LZ5" s="672"/>
      <c r="MA5" s="672"/>
      <c r="MB5" s="672"/>
      <c r="MC5" s="672"/>
      <c r="MD5" s="673"/>
      <c r="ME5" s="659"/>
      <c r="MF5" s="660"/>
      <c r="MG5" s="660"/>
      <c r="MH5" s="660"/>
      <c r="MI5" s="660"/>
      <c r="MJ5" s="660"/>
      <c r="MK5" s="660"/>
      <c r="ML5" s="660"/>
      <c r="MM5" s="660"/>
      <c r="MN5" s="660"/>
      <c r="MO5" s="661"/>
      <c r="MP5" s="599" t="s">
        <v>57</v>
      </c>
      <c r="MQ5" s="503"/>
      <c r="MR5" s="503"/>
      <c r="MS5" s="503"/>
      <c r="MT5" s="503"/>
      <c r="MU5" s="503"/>
      <c r="MV5" s="503"/>
      <c r="MW5" s="503"/>
      <c r="MX5" s="503"/>
      <c r="MY5" s="503"/>
      <c r="MZ5" s="504"/>
      <c r="NA5" s="599" t="s">
        <v>58</v>
      </c>
      <c r="NB5" s="503"/>
      <c r="NC5" s="503"/>
      <c r="ND5" s="503"/>
      <c r="NE5" s="503"/>
      <c r="NF5" s="503"/>
      <c r="NG5" s="503"/>
      <c r="NH5" s="503"/>
      <c r="NI5" s="503"/>
      <c r="NJ5" s="503"/>
      <c r="NK5" s="504"/>
      <c r="NL5" s="599" t="s">
        <v>59</v>
      </c>
      <c r="NM5" s="503"/>
      <c r="NN5" s="503"/>
      <c r="NO5" s="503"/>
      <c r="NP5" s="503"/>
      <c r="NQ5" s="503"/>
      <c r="NR5" s="503"/>
      <c r="NS5" s="503"/>
      <c r="NT5" s="503"/>
      <c r="NU5" s="503"/>
      <c r="NV5" s="504"/>
      <c r="NW5" s="649" t="s">
        <v>151</v>
      </c>
      <c r="NX5" s="650"/>
      <c r="NY5" s="650"/>
      <c r="NZ5" s="650"/>
      <c r="OA5" s="650"/>
      <c r="OB5" s="650"/>
      <c r="OC5" s="650"/>
      <c r="OD5" s="650"/>
      <c r="OE5" s="650"/>
      <c r="OF5" s="650"/>
      <c r="OG5" s="651"/>
      <c r="OH5" s="656"/>
      <c r="OI5" s="657"/>
      <c r="OJ5" s="657"/>
      <c r="OK5" s="657"/>
      <c r="OL5" s="657"/>
      <c r="OM5" s="657"/>
      <c r="ON5" s="657"/>
      <c r="OO5" s="657"/>
      <c r="OP5" s="657"/>
      <c r="OQ5" s="657"/>
      <c r="OR5" s="658"/>
    </row>
    <row r="6" spans="1:408" ht="19.5" customHeight="1" thickBot="1" x14ac:dyDescent="0.25">
      <c r="A6" s="707"/>
      <c r="B6" s="711"/>
      <c r="C6" s="711"/>
      <c r="D6" s="711"/>
      <c r="E6" s="711"/>
      <c r="F6" s="711"/>
      <c r="G6" s="711"/>
      <c r="H6" s="711"/>
      <c r="I6" s="711"/>
      <c r="J6" s="711"/>
      <c r="K6" s="711"/>
      <c r="L6" s="711"/>
      <c r="M6" s="512"/>
      <c r="N6" s="513"/>
      <c r="O6" s="513"/>
      <c r="P6" s="513"/>
      <c r="Q6" s="513"/>
      <c r="R6" s="513"/>
      <c r="S6" s="513"/>
      <c r="T6" s="513"/>
      <c r="U6" s="513"/>
      <c r="V6" s="513"/>
      <c r="W6" s="514"/>
      <c r="X6" s="699" t="s">
        <v>70</v>
      </c>
      <c r="Y6" s="516"/>
      <c r="Z6" s="516"/>
      <c r="AA6" s="516"/>
      <c r="AB6" s="516"/>
      <c r="AC6" s="516"/>
      <c r="AD6" s="516"/>
      <c r="AE6" s="516"/>
      <c r="AF6" s="516"/>
      <c r="AG6" s="516"/>
      <c r="AH6" s="517"/>
      <c r="AI6" s="694" t="s">
        <v>71</v>
      </c>
      <c r="AJ6" s="695"/>
      <c r="AK6" s="695"/>
      <c r="AL6" s="695"/>
      <c r="AM6" s="695"/>
      <c r="AN6" s="695"/>
      <c r="AO6" s="695"/>
      <c r="AP6" s="695"/>
      <c r="AQ6" s="695"/>
      <c r="AR6" s="695"/>
      <c r="AS6" s="696"/>
      <c r="AT6" s="694" t="s">
        <v>72</v>
      </c>
      <c r="AU6" s="695"/>
      <c r="AV6" s="695"/>
      <c r="AW6" s="695"/>
      <c r="AX6" s="695"/>
      <c r="AY6" s="695"/>
      <c r="AZ6" s="695"/>
      <c r="BA6" s="695"/>
      <c r="BB6" s="695"/>
      <c r="BC6" s="695"/>
      <c r="BD6" s="696"/>
      <c r="BE6" s="694" t="s">
        <v>73</v>
      </c>
      <c r="BF6" s="695"/>
      <c r="BG6" s="695"/>
      <c r="BH6" s="695"/>
      <c r="BI6" s="695"/>
      <c r="BJ6" s="695"/>
      <c r="BK6" s="695"/>
      <c r="BL6" s="695"/>
      <c r="BM6" s="695"/>
      <c r="BN6" s="695"/>
      <c r="BO6" s="696"/>
      <c r="BP6" s="694" t="s">
        <v>74</v>
      </c>
      <c r="BQ6" s="695"/>
      <c r="BR6" s="695"/>
      <c r="BS6" s="695"/>
      <c r="BT6" s="695"/>
      <c r="BU6" s="695"/>
      <c r="BV6" s="695"/>
      <c r="BW6" s="695"/>
      <c r="BX6" s="695"/>
      <c r="BY6" s="695"/>
      <c r="BZ6" s="696"/>
      <c r="CA6" s="697"/>
      <c r="CB6" s="698"/>
      <c r="CC6" s="698"/>
      <c r="CD6" s="698"/>
      <c r="CE6" s="698"/>
      <c r="CF6" s="698"/>
      <c r="CG6" s="698"/>
      <c r="CH6" s="698"/>
      <c r="CI6" s="698"/>
      <c r="CJ6" s="698"/>
      <c r="CK6" s="723"/>
      <c r="CL6" s="694" t="s">
        <v>75</v>
      </c>
      <c r="CM6" s="695"/>
      <c r="CN6" s="695"/>
      <c r="CO6" s="695"/>
      <c r="CP6" s="695"/>
      <c r="CQ6" s="695"/>
      <c r="CR6" s="695"/>
      <c r="CS6" s="695"/>
      <c r="CT6" s="695"/>
      <c r="CU6" s="695"/>
      <c r="CV6" s="696"/>
      <c r="CW6" s="694" t="s">
        <v>76</v>
      </c>
      <c r="CX6" s="695"/>
      <c r="CY6" s="695"/>
      <c r="CZ6" s="695"/>
      <c r="DA6" s="695"/>
      <c r="DB6" s="695"/>
      <c r="DC6" s="695"/>
      <c r="DD6" s="695"/>
      <c r="DE6" s="695"/>
      <c r="DF6" s="695"/>
      <c r="DG6" s="696"/>
      <c r="DH6" s="697"/>
      <c r="DI6" s="698"/>
      <c r="DJ6" s="698"/>
      <c r="DK6" s="698"/>
      <c r="DL6" s="698"/>
      <c r="DM6" s="698"/>
      <c r="DN6" s="698"/>
      <c r="DO6" s="698"/>
      <c r="DP6" s="698"/>
      <c r="DQ6" s="698"/>
      <c r="DR6" s="698"/>
      <c r="DS6" s="694" t="s">
        <v>77</v>
      </c>
      <c r="DT6" s="695"/>
      <c r="DU6" s="695"/>
      <c r="DV6" s="695"/>
      <c r="DW6" s="695"/>
      <c r="DX6" s="695"/>
      <c r="DY6" s="695"/>
      <c r="DZ6" s="695"/>
      <c r="EA6" s="695"/>
      <c r="EB6" s="695"/>
      <c r="EC6" s="696"/>
      <c r="ED6" s="694" t="s">
        <v>78</v>
      </c>
      <c r="EE6" s="695"/>
      <c r="EF6" s="695"/>
      <c r="EG6" s="695"/>
      <c r="EH6" s="695"/>
      <c r="EI6" s="695"/>
      <c r="EJ6" s="695"/>
      <c r="EK6" s="695"/>
      <c r="EL6" s="695"/>
      <c r="EM6" s="695"/>
      <c r="EN6" s="696"/>
      <c r="EO6" s="694" t="s">
        <v>79</v>
      </c>
      <c r="EP6" s="695"/>
      <c r="EQ6" s="695"/>
      <c r="ER6" s="695"/>
      <c r="ES6" s="695"/>
      <c r="ET6" s="695"/>
      <c r="EU6" s="695"/>
      <c r="EV6" s="695"/>
      <c r="EW6" s="695"/>
      <c r="EX6" s="695"/>
      <c r="EY6" s="696"/>
      <c r="EZ6" s="618" t="s">
        <v>152</v>
      </c>
      <c r="FA6" s="695"/>
      <c r="FB6" s="695"/>
      <c r="FC6" s="695"/>
      <c r="FD6" s="695"/>
      <c r="FE6" s="695"/>
      <c r="FF6" s="695"/>
      <c r="FG6" s="695"/>
      <c r="FH6" s="695"/>
      <c r="FI6" s="695"/>
      <c r="FJ6" s="696"/>
      <c r="FK6" s="697"/>
      <c r="FL6" s="698"/>
      <c r="FM6" s="698"/>
      <c r="FN6" s="698"/>
      <c r="FO6" s="698"/>
      <c r="FP6" s="698"/>
      <c r="FQ6" s="698"/>
      <c r="FR6" s="698"/>
      <c r="FS6" s="698"/>
      <c r="FT6" s="698"/>
      <c r="FU6" s="698"/>
      <c r="FV6" s="694" t="s">
        <v>80</v>
      </c>
      <c r="FW6" s="695"/>
      <c r="FX6" s="695"/>
      <c r="FY6" s="695"/>
      <c r="FZ6" s="695"/>
      <c r="GA6" s="695"/>
      <c r="GB6" s="695"/>
      <c r="GC6" s="695"/>
      <c r="GD6" s="695"/>
      <c r="GE6" s="695"/>
      <c r="GF6" s="696"/>
      <c r="GG6" s="699" t="s">
        <v>81</v>
      </c>
      <c r="GH6" s="516"/>
      <c r="GI6" s="516"/>
      <c r="GJ6" s="516"/>
      <c r="GK6" s="516"/>
      <c r="GL6" s="516"/>
      <c r="GM6" s="516"/>
      <c r="GN6" s="516"/>
      <c r="GO6" s="516"/>
      <c r="GP6" s="516"/>
      <c r="GQ6" s="517"/>
      <c r="GR6" s="699" t="s">
        <v>82</v>
      </c>
      <c r="GS6" s="516"/>
      <c r="GT6" s="516"/>
      <c r="GU6" s="516"/>
      <c r="GV6" s="516"/>
      <c r="GW6" s="516"/>
      <c r="GX6" s="516"/>
      <c r="GY6" s="516"/>
      <c r="GZ6" s="516"/>
      <c r="HA6" s="516"/>
      <c r="HB6" s="517"/>
      <c r="HC6" s="720"/>
      <c r="HD6" s="721"/>
      <c r="HE6" s="721"/>
      <c r="HF6" s="721"/>
      <c r="HG6" s="721"/>
      <c r="HH6" s="721"/>
      <c r="HI6" s="721"/>
      <c r="HJ6" s="721"/>
      <c r="HK6" s="721"/>
      <c r="HL6" s="721"/>
      <c r="HM6" s="722"/>
      <c r="HN6" s="720"/>
      <c r="HO6" s="721"/>
      <c r="HP6" s="721"/>
      <c r="HQ6" s="721"/>
      <c r="HR6" s="721"/>
      <c r="HS6" s="721"/>
      <c r="HT6" s="721"/>
      <c r="HU6" s="721"/>
      <c r="HV6" s="721"/>
      <c r="HW6" s="721"/>
      <c r="HX6" s="722"/>
      <c r="HY6" s="612"/>
      <c r="HZ6" s="613"/>
      <c r="IA6" s="613"/>
      <c r="IB6" s="613"/>
      <c r="IC6" s="613"/>
      <c r="ID6" s="613"/>
      <c r="IE6" s="613"/>
      <c r="IF6" s="613"/>
      <c r="IG6" s="613"/>
      <c r="IH6" s="613"/>
      <c r="II6" s="614"/>
      <c r="IJ6" s="600"/>
      <c r="IK6" s="593"/>
      <c r="IL6" s="593"/>
      <c r="IM6" s="593"/>
      <c r="IN6" s="593"/>
      <c r="IO6" s="593"/>
      <c r="IP6" s="593"/>
      <c r="IQ6" s="593"/>
      <c r="IR6" s="593"/>
      <c r="IS6" s="593"/>
      <c r="IT6" s="601"/>
      <c r="IU6" s="600"/>
      <c r="IV6" s="593"/>
      <c r="IW6" s="593"/>
      <c r="IX6" s="593"/>
      <c r="IY6" s="593"/>
      <c r="IZ6" s="593"/>
      <c r="JA6" s="593"/>
      <c r="JB6" s="593"/>
      <c r="JC6" s="593"/>
      <c r="JD6" s="593"/>
      <c r="JE6" s="601"/>
      <c r="JF6" s="665"/>
      <c r="JG6" s="666"/>
      <c r="JH6" s="666"/>
      <c r="JI6" s="666"/>
      <c r="JJ6" s="666"/>
      <c r="JK6" s="666"/>
      <c r="JL6" s="666"/>
      <c r="JM6" s="666"/>
      <c r="JN6" s="666"/>
      <c r="JO6" s="666"/>
      <c r="JP6" s="667"/>
      <c r="JQ6" s="600"/>
      <c r="JR6" s="593"/>
      <c r="JS6" s="593"/>
      <c r="JT6" s="593"/>
      <c r="JU6" s="593"/>
      <c r="JV6" s="593"/>
      <c r="JW6" s="593"/>
      <c r="JX6" s="593"/>
      <c r="JY6" s="593"/>
      <c r="JZ6" s="593"/>
      <c r="KA6" s="601"/>
      <c r="KB6" s="600"/>
      <c r="KC6" s="593"/>
      <c r="KD6" s="593"/>
      <c r="KE6" s="593"/>
      <c r="KF6" s="593"/>
      <c r="KG6" s="593"/>
      <c r="KH6" s="593"/>
      <c r="KI6" s="593"/>
      <c r="KJ6" s="593"/>
      <c r="KK6" s="593"/>
      <c r="KL6" s="601"/>
      <c r="KM6" s="600"/>
      <c r="KN6" s="593"/>
      <c r="KO6" s="593"/>
      <c r="KP6" s="593"/>
      <c r="KQ6" s="593"/>
      <c r="KR6" s="593"/>
      <c r="KS6" s="593"/>
      <c r="KT6" s="593"/>
      <c r="KU6" s="593"/>
      <c r="KV6" s="593"/>
      <c r="KW6" s="601"/>
      <c r="KX6" s="600"/>
      <c r="KY6" s="593"/>
      <c r="KZ6" s="593"/>
      <c r="LA6" s="593"/>
      <c r="LB6" s="593"/>
      <c r="LC6" s="593"/>
      <c r="LD6" s="593"/>
      <c r="LE6" s="593"/>
      <c r="LF6" s="593"/>
      <c r="LG6" s="593"/>
      <c r="LH6" s="601"/>
      <c r="LI6" s="612"/>
      <c r="LJ6" s="613"/>
      <c r="LK6" s="613"/>
      <c r="LL6" s="613"/>
      <c r="LM6" s="613"/>
      <c r="LN6" s="613"/>
      <c r="LO6" s="613"/>
      <c r="LP6" s="613"/>
      <c r="LQ6" s="613"/>
      <c r="LR6" s="613"/>
      <c r="LS6" s="614"/>
      <c r="LT6" s="674"/>
      <c r="LU6" s="675"/>
      <c r="LV6" s="675"/>
      <c r="LW6" s="675"/>
      <c r="LX6" s="675"/>
      <c r="LY6" s="675"/>
      <c r="LZ6" s="675"/>
      <c r="MA6" s="675"/>
      <c r="MB6" s="675"/>
      <c r="MC6" s="675"/>
      <c r="MD6" s="676"/>
      <c r="ME6" s="612"/>
      <c r="MF6" s="613"/>
      <c r="MG6" s="613"/>
      <c r="MH6" s="613"/>
      <c r="MI6" s="613"/>
      <c r="MJ6" s="613"/>
      <c r="MK6" s="613"/>
      <c r="ML6" s="613"/>
      <c r="MM6" s="613"/>
      <c r="MN6" s="613"/>
      <c r="MO6" s="614"/>
      <c r="MP6" s="600"/>
      <c r="MQ6" s="593"/>
      <c r="MR6" s="593"/>
      <c r="MS6" s="593"/>
      <c r="MT6" s="593"/>
      <c r="MU6" s="593"/>
      <c r="MV6" s="593"/>
      <c r="MW6" s="593"/>
      <c r="MX6" s="593"/>
      <c r="MY6" s="593"/>
      <c r="MZ6" s="601"/>
      <c r="NA6" s="600"/>
      <c r="NB6" s="593"/>
      <c r="NC6" s="593"/>
      <c r="ND6" s="593"/>
      <c r="NE6" s="593"/>
      <c r="NF6" s="593"/>
      <c r="NG6" s="593"/>
      <c r="NH6" s="593"/>
      <c r="NI6" s="593"/>
      <c r="NJ6" s="593"/>
      <c r="NK6" s="601"/>
      <c r="NL6" s="600"/>
      <c r="NM6" s="593"/>
      <c r="NN6" s="593"/>
      <c r="NO6" s="593"/>
      <c r="NP6" s="593"/>
      <c r="NQ6" s="593"/>
      <c r="NR6" s="593"/>
      <c r="NS6" s="593"/>
      <c r="NT6" s="593"/>
      <c r="NU6" s="593"/>
      <c r="NV6" s="601"/>
      <c r="NW6" s="652"/>
      <c r="NX6" s="653"/>
      <c r="NY6" s="653"/>
      <c r="NZ6" s="653"/>
      <c r="OA6" s="653"/>
      <c r="OB6" s="653"/>
      <c r="OC6" s="653"/>
      <c r="OD6" s="653"/>
      <c r="OE6" s="653"/>
      <c r="OF6" s="653"/>
      <c r="OG6" s="654"/>
      <c r="OH6" s="600"/>
      <c r="OI6" s="593"/>
      <c r="OJ6" s="593"/>
      <c r="OK6" s="593"/>
      <c r="OL6" s="593"/>
      <c r="OM6" s="593"/>
      <c r="ON6" s="593"/>
      <c r="OO6" s="593"/>
      <c r="OP6" s="593"/>
      <c r="OQ6" s="593"/>
      <c r="OR6" s="601"/>
    </row>
    <row r="7" spans="1:408" ht="23.25" customHeight="1" x14ac:dyDescent="0.2">
      <c r="A7" s="707"/>
      <c r="B7" s="692" t="s">
        <v>61</v>
      </c>
      <c r="C7" s="692"/>
      <c r="D7" s="692"/>
      <c r="E7" s="704" t="s">
        <v>62</v>
      </c>
      <c r="F7" s="692"/>
      <c r="G7" s="692"/>
      <c r="H7" s="692"/>
      <c r="I7" s="692"/>
      <c r="J7" s="692"/>
      <c r="K7" s="692"/>
      <c r="L7" s="704" t="s">
        <v>52</v>
      </c>
      <c r="M7" s="703" t="s">
        <v>61</v>
      </c>
      <c r="N7" s="692"/>
      <c r="O7" s="692"/>
      <c r="P7" s="704" t="s">
        <v>62</v>
      </c>
      <c r="Q7" s="692"/>
      <c r="R7" s="692"/>
      <c r="S7" s="692"/>
      <c r="T7" s="692"/>
      <c r="U7" s="692"/>
      <c r="V7" s="705"/>
      <c r="W7" s="700" t="s">
        <v>52</v>
      </c>
      <c r="X7" s="512" t="s">
        <v>61</v>
      </c>
      <c r="Y7" s="513"/>
      <c r="Z7" s="686"/>
      <c r="AA7" s="685" t="s">
        <v>62</v>
      </c>
      <c r="AB7" s="513"/>
      <c r="AC7" s="513"/>
      <c r="AD7" s="513"/>
      <c r="AE7" s="513"/>
      <c r="AF7" s="513"/>
      <c r="AG7" s="686"/>
      <c r="AH7" s="514" t="s">
        <v>52</v>
      </c>
      <c r="AI7" s="680" t="s">
        <v>61</v>
      </c>
      <c r="AJ7" s="681"/>
      <c r="AK7" s="682"/>
      <c r="AL7" s="683" t="s">
        <v>62</v>
      </c>
      <c r="AM7" s="681"/>
      <c r="AN7" s="681"/>
      <c r="AO7" s="681"/>
      <c r="AP7" s="681"/>
      <c r="AQ7" s="681"/>
      <c r="AR7" s="684"/>
      <c r="AS7" s="514" t="s">
        <v>52</v>
      </c>
      <c r="AT7" s="680" t="s">
        <v>61</v>
      </c>
      <c r="AU7" s="681"/>
      <c r="AV7" s="682"/>
      <c r="AW7" s="683" t="s">
        <v>62</v>
      </c>
      <c r="AX7" s="681"/>
      <c r="AY7" s="681"/>
      <c r="AZ7" s="681"/>
      <c r="BA7" s="681"/>
      <c r="BB7" s="681"/>
      <c r="BC7" s="684"/>
      <c r="BD7" s="514" t="s">
        <v>52</v>
      </c>
      <c r="BE7" s="680" t="s">
        <v>61</v>
      </c>
      <c r="BF7" s="681"/>
      <c r="BG7" s="682"/>
      <c r="BH7" s="683" t="s">
        <v>62</v>
      </c>
      <c r="BI7" s="681"/>
      <c r="BJ7" s="681"/>
      <c r="BK7" s="681"/>
      <c r="BL7" s="681"/>
      <c r="BM7" s="681"/>
      <c r="BN7" s="684"/>
      <c r="BO7" s="514" t="s">
        <v>52</v>
      </c>
      <c r="BP7" s="680" t="s">
        <v>61</v>
      </c>
      <c r="BQ7" s="681"/>
      <c r="BR7" s="682"/>
      <c r="BS7" s="683" t="s">
        <v>62</v>
      </c>
      <c r="BT7" s="681"/>
      <c r="BU7" s="681"/>
      <c r="BV7" s="681"/>
      <c r="BW7" s="681"/>
      <c r="BX7" s="681"/>
      <c r="BY7" s="684"/>
      <c r="BZ7" s="514" t="s">
        <v>52</v>
      </c>
      <c r="CA7" s="687" t="s">
        <v>61</v>
      </c>
      <c r="CB7" s="688"/>
      <c r="CC7" s="689"/>
      <c r="CD7" s="690" t="s">
        <v>62</v>
      </c>
      <c r="CE7" s="688"/>
      <c r="CF7" s="688"/>
      <c r="CG7" s="688"/>
      <c r="CH7" s="688"/>
      <c r="CI7" s="688"/>
      <c r="CJ7" s="691"/>
      <c r="CK7" s="700" t="s">
        <v>52</v>
      </c>
      <c r="CL7" s="680" t="s">
        <v>61</v>
      </c>
      <c r="CM7" s="681"/>
      <c r="CN7" s="684"/>
      <c r="CO7" s="683" t="s">
        <v>62</v>
      </c>
      <c r="CP7" s="681"/>
      <c r="CQ7" s="681"/>
      <c r="CR7" s="681"/>
      <c r="CS7" s="681"/>
      <c r="CT7" s="681"/>
      <c r="CU7" s="684"/>
      <c r="CV7" s="702" t="s">
        <v>52</v>
      </c>
      <c r="CW7" s="680" t="s">
        <v>61</v>
      </c>
      <c r="CX7" s="681"/>
      <c r="CY7" s="684"/>
      <c r="CZ7" s="683" t="s">
        <v>62</v>
      </c>
      <c r="DA7" s="681"/>
      <c r="DB7" s="681"/>
      <c r="DC7" s="681"/>
      <c r="DD7" s="681"/>
      <c r="DE7" s="681"/>
      <c r="DF7" s="684"/>
      <c r="DG7" s="702" t="s">
        <v>52</v>
      </c>
      <c r="DH7" s="687" t="s">
        <v>61</v>
      </c>
      <c r="DI7" s="688"/>
      <c r="DJ7" s="691"/>
      <c r="DK7" s="690" t="s">
        <v>62</v>
      </c>
      <c r="DL7" s="688"/>
      <c r="DM7" s="688"/>
      <c r="DN7" s="688"/>
      <c r="DO7" s="688"/>
      <c r="DP7" s="688"/>
      <c r="DQ7" s="691"/>
      <c r="DR7" s="700" t="s">
        <v>52</v>
      </c>
      <c r="DS7" s="680" t="s">
        <v>61</v>
      </c>
      <c r="DT7" s="681"/>
      <c r="DU7" s="682"/>
      <c r="DV7" s="683" t="s">
        <v>62</v>
      </c>
      <c r="DW7" s="681"/>
      <c r="DX7" s="681"/>
      <c r="DY7" s="681"/>
      <c r="DZ7" s="681"/>
      <c r="EA7" s="681"/>
      <c r="EB7" s="684"/>
      <c r="EC7" s="514" t="s">
        <v>52</v>
      </c>
      <c r="ED7" s="680" t="s">
        <v>61</v>
      </c>
      <c r="EE7" s="681"/>
      <c r="EF7" s="682"/>
      <c r="EG7" s="683" t="s">
        <v>62</v>
      </c>
      <c r="EH7" s="681"/>
      <c r="EI7" s="681"/>
      <c r="EJ7" s="681"/>
      <c r="EK7" s="681"/>
      <c r="EL7" s="681"/>
      <c r="EM7" s="684"/>
      <c r="EN7" s="514" t="s">
        <v>52</v>
      </c>
      <c r="EO7" s="680" t="s">
        <v>61</v>
      </c>
      <c r="EP7" s="681"/>
      <c r="EQ7" s="682"/>
      <c r="ER7" s="683" t="s">
        <v>62</v>
      </c>
      <c r="ES7" s="681"/>
      <c r="ET7" s="681"/>
      <c r="EU7" s="681"/>
      <c r="EV7" s="681"/>
      <c r="EW7" s="681"/>
      <c r="EX7" s="684"/>
      <c r="EY7" s="514" t="s">
        <v>52</v>
      </c>
      <c r="EZ7" s="680" t="s">
        <v>61</v>
      </c>
      <c r="FA7" s="681"/>
      <c r="FB7" s="682"/>
      <c r="FC7" s="683" t="s">
        <v>62</v>
      </c>
      <c r="FD7" s="681"/>
      <c r="FE7" s="681"/>
      <c r="FF7" s="681"/>
      <c r="FG7" s="681"/>
      <c r="FH7" s="681"/>
      <c r="FI7" s="684"/>
      <c r="FJ7" s="514" t="s">
        <v>52</v>
      </c>
      <c r="FK7" s="687" t="s">
        <v>61</v>
      </c>
      <c r="FL7" s="688"/>
      <c r="FM7" s="689"/>
      <c r="FN7" s="690" t="s">
        <v>62</v>
      </c>
      <c r="FO7" s="688"/>
      <c r="FP7" s="688"/>
      <c r="FQ7" s="688"/>
      <c r="FR7" s="688"/>
      <c r="FS7" s="688"/>
      <c r="FT7" s="691"/>
      <c r="FU7" s="692" t="s">
        <v>52</v>
      </c>
      <c r="FV7" s="680" t="s">
        <v>61</v>
      </c>
      <c r="FW7" s="681"/>
      <c r="FX7" s="682"/>
      <c r="FY7" s="683" t="s">
        <v>62</v>
      </c>
      <c r="FZ7" s="681"/>
      <c r="GA7" s="681"/>
      <c r="GB7" s="681"/>
      <c r="GC7" s="681"/>
      <c r="GD7" s="681"/>
      <c r="GE7" s="684"/>
      <c r="GF7" s="514" t="s">
        <v>52</v>
      </c>
      <c r="GG7" s="512" t="s">
        <v>61</v>
      </c>
      <c r="GH7" s="513"/>
      <c r="GI7" s="513"/>
      <c r="GJ7" s="685" t="s">
        <v>62</v>
      </c>
      <c r="GK7" s="513"/>
      <c r="GL7" s="513"/>
      <c r="GM7" s="513"/>
      <c r="GN7" s="513"/>
      <c r="GO7" s="513"/>
      <c r="GP7" s="686"/>
      <c r="GQ7" s="678" t="s">
        <v>52</v>
      </c>
      <c r="GR7" s="512" t="s">
        <v>61</v>
      </c>
      <c r="GS7" s="513"/>
      <c r="GT7" s="686"/>
      <c r="GU7" s="685" t="s">
        <v>62</v>
      </c>
      <c r="GV7" s="513"/>
      <c r="GW7" s="513"/>
      <c r="GX7" s="513"/>
      <c r="GY7" s="513"/>
      <c r="GZ7" s="513"/>
      <c r="HA7" s="686"/>
      <c r="HB7" s="678" t="s">
        <v>52</v>
      </c>
      <c r="HC7" s="680" t="s">
        <v>61</v>
      </c>
      <c r="HD7" s="681"/>
      <c r="HE7" s="682"/>
      <c r="HF7" s="683" t="s">
        <v>62</v>
      </c>
      <c r="HG7" s="681"/>
      <c r="HH7" s="681"/>
      <c r="HI7" s="681"/>
      <c r="HJ7" s="681"/>
      <c r="HK7" s="681"/>
      <c r="HL7" s="684"/>
      <c r="HM7" s="514" t="s">
        <v>52</v>
      </c>
      <c r="HN7" s="680" t="s">
        <v>61</v>
      </c>
      <c r="HO7" s="681"/>
      <c r="HP7" s="682"/>
      <c r="HQ7" s="683" t="s">
        <v>62</v>
      </c>
      <c r="HR7" s="681"/>
      <c r="HS7" s="681"/>
      <c r="HT7" s="681"/>
      <c r="HU7" s="681"/>
      <c r="HV7" s="681"/>
      <c r="HW7" s="684"/>
      <c r="HX7" s="514" t="s">
        <v>52</v>
      </c>
      <c r="HY7" s="581" t="s">
        <v>61</v>
      </c>
      <c r="HZ7" s="582"/>
      <c r="IA7" s="583"/>
      <c r="IB7" s="640" t="s">
        <v>62</v>
      </c>
      <c r="IC7" s="582"/>
      <c r="ID7" s="582"/>
      <c r="IE7" s="582"/>
      <c r="IF7" s="582"/>
      <c r="IG7" s="582"/>
      <c r="IH7" s="641"/>
      <c r="II7" s="585" t="s">
        <v>52</v>
      </c>
      <c r="IJ7" s="589" t="s">
        <v>61</v>
      </c>
      <c r="IK7" s="590"/>
      <c r="IL7" s="591"/>
      <c r="IM7" s="638" t="s">
        <v>62</v>
      </c>
      <c r="IN7" s="590"/>
      <c r="IO7" s="590"/>
      <c r="IP7" s="590"/>
      <c r="IQ7" s="590"/>
      <c r="IR7" s="590"/>
      <c r="IS7" s="639"/>
      <c r="IT7" s="601" t="s">
        <v>52</v>
      </c>
      <c r="IU7" s="589" t="s">
        <v>61</v>
      </c>
      <c r="IV7" s="590"/>
      <c r="IW7" s="639"/>
      <c r="IX7" s="638" t="s">
        <v>62</v>
      </c>
      <c r="IY7" s="590"/>
      <c r="IZ7" s="590"/>
      <c r="JA7" s="590"/>
      <c r="JB7" s="590"/>
      <c r="JC7" s="590"/>
      <c r="JD7" s="639"/>
      <c r="JE7" s="601" t="s">
        <v>52</v>
      </c>
      <c r="JF7" s="589" t="s">
        <v>61</v>
      </c>
      <c r="JG7" s="590"/>
      <c r="JH7" s="591"/>
      <c r="JI7" s="638" t="s">
        <v>62</v>
      </c>
      <c r="JJ7" s="590"/>
      <c r="JK7" s="590"/>
      <c r="JL7" s="590"/>
      <c r="JM7" s="590"/>
      <c r="JN7" s="590"/>
      <c r="JO7" s="639"/>
      <c r="JP7" s="647" t="s">
        <v>52</v>
      </c>
      <c r="JQ7" s="589" t="s">
        <v>61</v>
      </c>
      <c r="JR7" s="590"/>
      <c r="JS7" s="591"/>
      <c r="JT7" s="638" t="s">
        <v>62</v>
      </c>
      <c r="JU7" s="590"/>
      <c r="JV7" s="590"/>
      <c r="JW7" s="590"/>
      <c r="JX7" s="590"/>
      <c r="JY7" s="590"/>
      <c r="JZ7" s="639"/>
      <c r="KA7" s="647" t="s">
        <v>52</v>
      </c>
      <c r="KB7" s="589" t="s">
        <v>61</v>
      </c>
      <c r="KC7" s="590"/>
      <c r="KD7" s="591"/>
      <c r="KE7" s="638" t="s">
        <v>62</v>
      </c>
      <c r="KF7" s="590"/>
      <c r="KG7" s="590"/>
      <c r="KH7" s="590"/>
      <c r="KI7" s="590"/>
      <c r="KJ7" s="590"/>
      <c r="KK7" s="639"/>
      <c r="KL7" s="647" t="s">
        <v>52</v>
      </c>
      <c r="KM7" s="589" t="s">
        <v>61</v>
      </c>
      <c r="KN7" s="590"/>
      <c r="KO7" s="591"/>
      <c r="KP7" s="638" t="s">
        <v>62</v>
      </c>
      <c r="KQ7" s="590"/>
      <c r="KR7" s="590"/>
      <c r="KS7" s="590"/>
      <c r="KT7" s="590"/>
      <c r="KU7" s="590"/>
      <c r="KV7" s="639"/>
      <c r="KW7" s="647" t="s">
        <v>52</v>
      </c>
      <c r="KX7" s="589" t="s">
        <v>61</v>
      </c>
      <c r="KY7" s="590"/>
      <c r="KZ7" s="591"/>
      <c r="LA7" s="638" t="s">
        <v>62</v>
      </c>
      <c r="LB7" s="590"/>
      <c r="LC7" s="590"/>
      <c r="LD7" s="590"/>
      <c r="LE7" s="590"/>
      <c r="LF7" s="590"/>
      <c r="LG7" s="639"/>
      <c r="LH7" s="647" t="s">
        <v>52</v>
      </c>
      <c r="LI7" s="589" t="s">
        <v>61</v>
      </c>
      <c r="LJ7" s="590"/>
      <c r="LK7" s="591"/>
      <c r="LL7" s="638" t="s">
        <v>62</v>
      </c>
      <c r="LM7" s="590"/>
      <c r="LN7" s="590"/>
      <c r="LO7" s="590"/>
      <c r="LP7" s="590"/>
      <c r="LQ7" s="590"/>
      <c r="LR7" s="639"/>
      <c r="LS7" s="647" t="s">
        <v>52</v>
      </c>
      <c r="LT7" s="589" t="s">
        <v>61</v>
      </c>
      <c r="LU7" s="590"/>
      <c r="LV7" s="591"/>
      <c r="LW7" s="638" t="s">
        <v>62</v>
      </c>
      <c r="LX7" s="590"/>
      <c r="LY7" s="590"/>
      <c r="LZ7" s="590"/>
      <c r="MA7" s="590"/>
      <c r="MB7" s="590"/>
      <c r="MC7" s="639"/>
      <c r="MD7" s="647" t="s">
        <v>52</v>
      </c>
      <c r="ME7" s="581" t="s">
        <v>61</v>
      </c>
      <c r="MF7" s="582"/>
      <c r="MG7" s="583"/>
      <c r="MH7" s="640" t="s">
        <v>62</v>
      </c>
      <c r="MI7" s="582"/>
      <c r="MJ7" s="582"/>
      <c r="MK7" s="582"/>
      <c r="ML7" s="582"/>
      <c r="MM7" s="582"/>
      <c r="MN7" s="641"/>
      <c r="MO7" s="634" t="s">
        <v>52</v>
      </c>
      <c r="MP7" s="589" t="s">
        <v>61</v>
      </c>
      <c r="MQ7" s="590"/>
      <c r="MR7" s="591"/>
      <c r="MS7" s="638" t="s">
        <v>62</v>
      </c>
      <c r="MT7" s="590"/>
      <c r="MU7" s="590"/>
      <c r="MV7" s="590"/>
      <c r="MW7" s="590"/>
      <c r="MX7" s="590"/>
      <c r="MY7" s="639"/>
      <c r="MZ7" s="647" t="s">
        <v>52</v>
      </c>
      <c r="NA7" s="589" t="s">
        <v>61</v>
      </c>
      <c r="NB7" s="590"/>
      <c r="NC7" s="591"/>
      <c r="ND7" s="638" t="s">
        <v>62</v>
      </c>
      <c r="NE7" s="590"/>
      <c r="NF7" s="590"/>
      <c r="NG7" s="590"/>
      <c r="NH7" s="590"/>
      <c r="NI7" s="590"/>
      <c r="NJ7" s="639"/>
      <c r="NK7" s="647" t="s">
        <v>52</v>
      </c>
      <c r="NL7" s="589" t="s">
        <v>61</v>
      </c>
      <c r="NM7" s="590"/>
      <c r="NN7" s="591"/>
      <c r="NO7" s="638" t="s">
        <v>62</v>
      </c>
      <c r="NP7" s="590"/>
      <c r="NQ7" s="590"/>
      <c r="NR7" s="590"/>
      <c r="NS7" s="590"/>
      <c r="NT7" s="590"/>
      <c r="NU7" s="639"/>
      <c r="NV7" s="647" t="s">
        <v>52</v>
      </c>
      <c r="NW7" s="589" t="s">
        <v>61</v>
      </c>
      <c r="NX7" s="590"/>
      <c r="NY7" s="591"/>
      <c r="NZ7" s="638" t="s">
        <v>62</v>
      </c>
      <c r="OA7" s="590"/>
      <c r="OB7" s="590"/>
      <c r="OC7" s="590"/>
      <c r="OD7" s="590"/>
      <c r="OE7" s="590"/>
      <c r="OF7" s="639"/>
      <c r="OG7" s="647" t="s">
        <v>52</v>
      </c>
      <c r="OH7" s="581" t="s">
        <v>61</v>
      </c>
      <c r="OI7" s="582"/>
      <c r="OJ7" s="583"/>
      <c r="OK7" s="640" t="s">
        <v>62</v>
      </c>
      <c r="OL7" s="582"/>
      <c r="OM7" s="582"/>
      <c r="ON7" s="582"/>
      <c r="OO7" s="582"/>
      <c r="OP7" s="582"/>
      <c r="OQ7" s="641"/>
      <c r="OR7" s="634" t="s">
        <v>52</v>
      </c>
    </row>
    <row r="8" spans="1:408" ht="28.5" customHeight="1" thickBot="1" x14ac:dyDescent="0.25">
      <c r="A8" s="708"/>
      <c r="B8" s="326" t="s">
        <v>43</v>
      </c>
      <c r="C8" s="47" t="s">
        <v>44</v>
      </c>
      <c r="D8" s="327" t="s">
        <v>45</v>
      </c>
      <c r="E8" s="52" t="s">
        <v>83</v>
      </c>
      <c r="F8" s="47" t="s">
        <v>47</v>
      </c>
      <c r="G8" s="47" t="s">
        <v>48</v>
      </c>
      <c r="H8" s="47" t="s">
        <v>49</v>
      </c>
      <c r="I8" s="47" t="s">
        <v>50</v>
      </c>
      <c r="J8" s="47" t="s">
        <v>51</v>
      </c>
      <c r="K8" s="48" t="s">
        <v>45</v>
      </c>
      <c r="L8" s="724"/>
      <c r="M8" s="51" t="s">
        <v>43</v>
      </c>
      <c r="N8" s="47" t="s">
        <v>44</v>
      </c>
      <c r="O8" s="48" t="s">
        <v>45</v>
      </c>
      <c r="P8" s="52" t="s">
        <v>83</v>
      </c>
      <c r="Q8" s="47" t="s">
        <v>47</v>
      </c>
      <c r="R8" s="47" t="s">
        <v>48</v>
      </c>
      <c r="S8" s="47" t="s">
        <v>49</v>
      </c>
      <c r="T8" s="47" t="s">
        <v>50</v>
      </c>
      <c r="U8" s="47" t="s">
        <v>51</v>
      </c>
      <c r="V8" s="48" t="s">
        <v>45</v>
      </c>
      <c r="W8" s="701"/>
      <c r="X8" s="51" t="s">
        <v>43</v>
      </c>
      <c r="Y8" s="47" t="s">
        <v>44</v>
      </c>
      <c r="Z8" s="48" t="s">
        <v>45</v>
      </c>
      <c r="AA8" s="52" t="s">
        <v>83</v>
      </c>
      <c r="AB8" s="47" t="s">
        <v>47</v>
      </c>
      <c r="AC8" s="47" t="s">
        <v>48</v>
      </c>
      <c r="AD8" s="47" t="s">
        <v>49</v>
      </c>
      <c r="AE8" s="47" t="s">
        <v>50</v>
      </c>
      <c r="AF8" s="47" t="s">
        <v>51</v>
      </c>
      <c r="AG8" s="48" t="s">
        <v>45</v>
      </c>
      <c r="AH8" s="677"/>
      <c r="AI8" s="51" t="s">
        <v>43</v>
      </c>
      <c r="AJ8" s="47" t="s">
        <v>44</v>
      </c>
      <c r="AK8" s="327" t="s">
        <v>45</v>
      </c>
      <c r="AL8" s="52" t="s">
        <v>83</v>
      </c>
      <c r="AM8" s="47" t="s">
        <v>47</v>
      </c>
      <c r="AN8" s="47" t="s">
        <v>48</v>
      </c>
      <c r="AO8" s="47" t="s">
        <v>49</v>
      </c>
      <c r="AP8" s="47" t="s">
        <v>50</v>
      </c>
      <c r="AQ8" s="47" t="s">
        <v>51</v>
      </c>
      <c r="AR8" s="48" t="s">
        <v>45</v>
      </c>
      <c r="AS8" s="677"/>
      <c r="AT8" s="51" t="s">
        <v>43</v>
      </c>
      <c r="AU8" s="47" t="s">
        <v>44</v>
      </c>
      <c r="AV8" s="327" t="s">
        <v>45</v>
      </c>
      <c r="AW8" s="52" t="s">
        <v>83</v>
      </c>
      <c r="AX8" s="47" t="s">
        <v>47</v>
      </c>
      <c r="AY8" s="47" t="s">
        <v>48</v>
      </c>
      <c r="AZ8" s="47" t="s">
        <v>49</v>
      </c>
      <c r="BA8" s="47" t="s">
        <v>50</v>
      </c>
      <c r="BB8" s="47" t="s">
        <v>51</v>
      </c>
      <c r="BC8" s="48" t="s">
        <v>45</v>
      </c>
      <c r="BD8" s="677"/>
      <c r="BE8" s="328" t="s">
        <v>43</v>
      </c>
      <c r="BF8" s="47" t="s">
        <v>44</v>
      </c>
      <c r="BG8" s="327" t="s">
        <v>45</v>
      </c>
      <c r="BH8" s="52" t="s">
        <v>83</v>
      </c>
      <c r="BI8" s="47" t="s">
        <v>47</v>
      </c>
      <c r="BJ8" s="47" t="s">
        <v>48</v>
      </c>
      <c r="BK8" s="47" t="s">
        <v>49</v>
      </c>
      <c r="BL8" s="47" t="s">
        <v>50</v>
      </c>
      <c r="BM8" s="47" t="s">
        <v>51</v>
      </c>
      <c r="BN8" s="48" t="s">
        <v>45</v>
      </c>
      <c r="BO8" s="677"/>
      <c r="BP8" s="51" t="s">
        <v>43</v>
      </c>
      <c r="BQ8" s="47" t="s">
        <v>44</v>
      </c>
      <c r="BR8" s="327" t="s">
        <v>45</v>
      </c>
      <c r="BS8" s="52" t="s">
        <v>83</v>
      </c>
      <c r="BT8" s="47" t="s">
        <v>47</v>
      </c>
      <c r="BU8" s="47" t="s">
        <v>48</v>
      </c>
      <c r="BV8" s="47" t="s">
        <v>49</v>
      </c>
      <c r="BW8" s="47" t="s">
        <v>50</v>
      </c>
      <c r="BX8" s="47" t="s">
        <v>51</v>
      </c>
      <c r="BY8" s="48" t="s">
        <v>45</v>
      </c>
      <c r="BZ8" s="677"/>
      <c r="CA8" s="51" t="s">
        <v>43</v>
      </c>
      <c r="CB8" s="47" t="s">
        <v>44</v>
      </c>
      <c r="CC8" s="327" t="s">
        <v>45</v>
      </c>
      <c r="CD8" s="52" t="s">
        <v>83</v>
      </c>
      <c r="CE8" s="47" t="s">
        <v>47</v>
      </c>
      <c r="CF8" s="47" t="s">
        <v>48</v>
      </c>
      <c r="CG8" s="47" t="s">
        <v>49</v>
      </c>
      <c r="CH8" s="47" t="s">
        <v>50</v>
      </c>
      <c r="CI8" s="47" t="s">
        <v>51</v>
      </c>
      <c r="CJ8" s="48" t="s">
        <v>45</v>
      </c>
      <c r="CK8" s="701"/>
      <c r="CL8" s="51" t="s">
        <v>43</v>
      </c>
      <c r="CM8" s="47" t="s">
        <v>44</v>
      </c>
      <c r="CN8" s="48" t="s">
        <v>45</v>
      </c>
      <c r="CO8" s="52" t="s">
        <v>83</v>
      </c>
      <c r="CP8" s="47" t="s">
        <v>47</v>
      </c>
      <c r="CQ8" s="47" t="s">
        <v>48</v>
      </c>
      <c r="CR8" s="47" t="s">
        <v>49</v>
      </c>
      <c r="CS8" s="47" t="s">
        <v>50</v>
      </c>
      <c r="CT8" s="47" t="s">
        <v>51</v>
      </c>
      <c r="CU8" s="48" t="s">
        <v>45</v>
      </c>
      <c r="CV8" s="701"/>
      <c r="CW8" s="51" t="s">
        <v>43</v>
      </c>
      <c r="CX8" s="47" t="s">
        <v>44</v>
      </c>
      <c r="CY8" s="48" t="s">
        <v>45</v>
      </c>
      <c r="CZ8" s="52" t="s">
        <v>83</v>
      </c>
      <c r="DA8" s="47" t="s">
        <v>47</v>
      </c>
      <c r="DB8" s="47" t="s">
        <v>48</v>
      </c>
      <c r="DC8" s="47" t="s">
        <v>49</v>
      </c>
      <c r="DD8" s="47" t="s">
        <v>50</v>
      </c>
      <c r="DE8" s="47" t="s">
        <v>51</v>
      </c>
      <c r="DF8" s="48" t="s">
        <v>45</v>
      </c>
      <c r="DG8" s="701"/>
      <c r="DH8" s="51" t="s">
        <v>43</v>
      </c>
      <c r="DI8" s="47" t="s">
        <v>44</v>
      </c>
      <c r="DJ8" s="48" t="s">
        <v>45</v>
      </c>
      <c r="DK8" s="52" t="s">
        <v>83</v>
      </c>
      <c r="DL8" s="47" t="s">
        <v>47</v>
      </c>
      <c r="DM8" s="47" t="s">
        <v>48</v>
      </c>
      <c r="DN8" s="47" t="s">
        <v>49</v>
      </c>
      <c r="DO8" s="47" t="s">
        <v>50</v>
      </c>
      <c r="DP8" s="47" t="s">
        <v>51</v>
      </c>
      <c r="DQ8" s="48" t="s">
        <v>45</v>
      </c>
      <c r="DR8" s="701"/>
      <c r="DS8" s="51" t="s">
        <v>43</v>
      </c>
      <c r="DT8" s="47" t="s">
        <v>44</v>
      </c>
      <c r="DU8" s="327" t="s">
        <v>45</v>
      </c>
      <c r="DV8" s="52" t="s">
        <v>83</v>
      </c>
      <c r="DW8" s="47" t="s">
        <v>47</v>
      </c>
      <c r="DX8" s="47" t="s">
        <v>48</v>
      </c>
      <c r="DY8" s="47" t="s">
        <v>49</v>
      </c>
      <c r="DZ8" s="47" t="s">
        <v>50</v>
      </c>
      <c r="EA8" s="47" t="s">
        <v>51</v>
      </c>
      <c r="EB8" s="48" t="s">
        <v>45</v>
      </c>
      <c r="EC8" s="677"/>
      <c r="ED8" s="51" t="s">
        <v>43</v>
      </c>
      <c r="EE8" s="47" t="s">
        <v>44</v>
      </c>
      <c r="EF8" s="327" t="s">
        <v>45</v>
      </c>
      <c r="EG8" s="52" t="s">
        <v>83</v>
      </c>
      <c r="EH8" s="47" t="s">
        <v>47</v>
      </c>
      <c r="EI8" s="47" t="s">
        <v>48</v>
      </c>
      <c r="EJ8" s="47" t="s">
        <v>49</v>
      </c>
      <c r="EK8" s="47" t="s">
        <v>50</v>
      </c>
      <c r="EL8" s="47" t="s">
        <v>51</v>
      </c>
      <c r="EM8" s="48" t="s">
        <v>45</v>
      </c>
      <c r="EN8" s="677"/>
      <c r="EO8" s="51" t="s">
        <v>43</v>
      </c>
      <c r="EP8" s="47" t="s">
        <v>44</v>
      </c>
      <c r="EQ8" s="327" t="s">
        <v>45</v>
      </c>
      <c r="ER8" s="52" t="s">
        <v>83</v>
      </c>
      <c r="ES8" s="47" t="s">
        <v>47</v>
      </c>
      <c r="ET8" s="47" t="s">
        <v>48</v>
      </c>
      <c r="EU8" s="47" t="s">
        <v>49</v>
      </c>
      <c r="EV8" s="47" t="s">
        <v>50</v>
      </c>
      <c r="EW8" s="47" t="s">
        <v>51</v>
      </c>
      <c r="EX8" s="48" t="s">
        <v>45</v>
      </c>
      <c r="EY8" s="677"/>
      <c r="EZ8" s="51" t="s">
        <v>43</v>
      </c>
      <c r="FA8" s="47" t="s">
        <v>44</v>
      </c>
      <c r="FB8" s="327" t="s">
        <v>45</v>
      </c>
      <c r="FC8" s="52" t="s">
        <v>83</v>
      </c>
      <c r="FD8" s="47" t="s">
        <v>47</v>
      </c>
      <c r="FE8" s="47" t="s">
        <v>48</v>
      </c>
      <c r="FF8" s="47" t="s">
        <v>49</v>
      </c>
      <c r="FG8" s="47" t="s">
        <v>50</v>
      </c>
      <c r="FH8" s="47" t="s">
        <v>51</v>
      </c>
      <c r="FI8" s="48" t="s">
        <v>45</v>
      </c>
      <c r="FJ8" s="677"/>
      <c r="FK8" s="51" t="s">
        <v>43</v>
      </c>
      <c r="FL8" s="47" t="s">
        <v>44</v>
      </c>
      <c r="FM8" s="327" t="s">
        <v>45</v>
      </c>
      <c r="FN8" s="52" t="s">
        <v>83</v>
      </c>
      <c r="FO8" s="47" t="s">
        <v>47</v>
      </c>
      <c r="FP8" s="47" t="s">
        <v>48</v>
      </c>
      <c r="FQ8" s="47" t="s">
        <v>49</v>
      </c>
      <c r="FR8" s="47" t="s">
        <v>50</v>
      </c>
      <c r="FS8" s="47" t="s">
        <v>51</v>
      </c>
      <c r="FT8" s="48" t="s">
        <v>45</v>
      </c>
      <c r="FU8" s="693"/>
      <c r="FV8" s="51" t="s">
        <v>43</v>
      </c>
      <c r="FW8" s="47" t="s">
        <v>44</v>
      </c>
      <c r="FX8" s="327" t="s">
        <v>45</v>
      </c>
      <c r="FY8" s="52" t="s">
        <v>83</v>
      </c>
      <c r="FZ8" s="47" t="s">
        <v>47</v>
      </c>
      <c r="GA8" s="47" t="s">
        <v>48</v>
      </c>
      <c r="GB8" s="47" t="s">
        <v>49</v>
      </c>
      <c r="GC8" s="47" t="s">
        <v>50</v>
      </c>
      <c r="GD8" s="47" t="s">
        <v>51</v>
      </c>
      <c r="GE8" s="48" t="s">
        <v>45</v>
      </c>
      <c r="GF8" s="677"/>
      <c r="GG8" s="51" t="s">
        <v>43</v>
      </c>
      <c r="GH8" s="47" t="s">
        <v>44</v>
      </c>
      <c r="GI8" s="327" t="s">
        <v>45</v>
      </c>
      <c r="GJ8" s="52" t="s">
        <v>83</v>
      </c>
      <c r="GK8" s="47" t="s">
        <v>47</v>
      </c>
      <c r="GL8" s="47" t="s">
        <v>48</v>
      </c>
      <c r="GM8" s="47" t="s">
        <v>49</v>
      </c>
      <c r="GN8" s="47" t="s">
        <v>50</v>
      </c>
      <c r="GO8" s="47" t="s">
        <v>51</v>
      </c>
      <c r="GP8" s="48" t="s">
        <v>45</v>
      </c>
      <c r="GQ8" s="679"/>
      <c r="GR8" s="51" t="s">
        <v>43</v>
      </c>
      <c r="GS8" s="47" t="s">
        <v>44</v>
      </c>
      <c r="GT8" s="327" t="s">
        <v>45</v>
      </c>
      <c r="GU8" s="52" t="s">
        <v>83</v>
      </c>
      <c r="GV8" s="47" t="s">
        <v>47</v>
      </c>
      <c r="GW8" s="47" t="s">
        <v>48</v>
      </c>
      <c r="GX8" s="47" t="s">
        <v>49</v>
      </c>
      <c r="GY8" s="47" t="s">
        <v>50</v>
      </c>
      <c r="GZ8" s="47" t="s">
        <v>51</v>
      </c>
      <c r="HA8" s="48" t="s">
        <v>45</v>
      </c>
      <c r="HB8" s="679"/>
      <c r="HC8" s="51" t="s">
        <v>43</v>
      </c>
      <c r="HD8" s="47" t="s">
        <v>44</v>
      </c>
      <c r="HE8" s="327" t="s">
        <v>45</v>
      </c>
      <c r="HF8" s="52" t="s">
        <v>83</v>
      </c>
      <c r="HG8" s="47" t="s">
        <v>47</v>
      </c>
      <c r="HH8" s="47" t="s">
        <v>48</v>
      </c>
      <c r="HI8" s="47" t="s">
        <v>49</v>
      </c>
      <c r="HJ8" s="47" t="s">
        <v>50</v>
      </c>
      <c r="HK8" s="47" t="s">
        <v>51</v>
      </c>
      <c r="HL8" s="48" t="s">
        <v>45</v>
      </c>
      <c r="HM8" s="677"/>
      <c r="HN8" s="51" t="s">
        <v>43</v>
      </c>
      <c r="HO8" s="47" t="s">
        <v>44</v>
      </c>
      <c r="HP8" s="327" t="s">
        <v>45</v>
      </c>
      <c r="HQ8" s="52" t="s">
        <v>83</v>
      </c>
      <c r="HR8" s="47" t="s">
        <v>47</v>
      </c>
      <c r="HS8" s="47" t="s">
        <v>48</v>
      </c>
      <c r="HT8" s="47" t="s">
        <v>49</v>
      </c>
      <c r="HU8" s="47" t="s">
        <v>50</v>
      </c>
      <c r="HV8" s="47" t="s">
        <v>51</v>
      </c>
      <c r="HW8" s="48" t="s">
        <v>45</v>
      </c>
      <c r="HX8" s="677"/>
      <c r="HY8" s="369" t="s">
        <v>43</v>
      </c>
      <c r="HZ8" s="370" t="s">
        <v>44</v>
      </c>
      <c r="IA8" s="41" t="s">
        <v>45</v>
      </c>
      <c r="IB8" s="42" t="s">
        <v>83</v>
      </c>
      <c r="IC8" s="370" t="s">
        <v>47</v>
      </c>
      <c r="ID8" s="370" t="s">
        <v>48</v>
      </c>
      <c r="IE8" s="370" t="s">
        <v>49</v>
      </c>
      <c r="IF8" s="370" t="s">
        <v>50</v>
      </c>
      <c r="IG8" s="370" t="s">
        <v>51</v>
      </c>
      <c r="IH8" s="17" t="s">
        <v>45</v>
      </c>
      <c r="II8" s="645"/>
      <c r="IJ8" s="369" t="s">
        <v>43</v>
      </c>
      <c r="IK8" s="370" t="s">
        <v>44</v>
      </c>
      <c r="IL8" s="41" t="s">
        <v>45</v>
      </c>
      <c r="IM8" s="42" t="s">
        <v>83</v>
      </c>
      <c r="IN8" s="59" t="s">
        <v>47</v>
      </c>
      <c r="IO8" s="59" t="s">
        <v>48</v>
      </c>
      <c r="IP8" s="59" t="s">
        <v>49</v>
      </c>
      <c r="IQ8" s="59" t="s">
        <v>50</v>
      </c>
      <c r="IR8" s="59" t="s">
        <v>51</v>
      </c>
      <c r="IS8" s="64" t="s">
        <v>45</v>
      </c>
      <c r="IT8" s="655"/>
      <c r="IU8" s="61" t="s">
        <v>43</v>
      </c>
      <c r="IV8" s="59" t="s">
        <v>44</v>
      </c>
      <c r="IW8" s="64" t="s">
        <v>45</v>
      </c>
      <c r="IX8" s="33" t="s">
        <v>83</v>
      </c>
      <c r="IY8" s="59" t="s">
        <v>47</v>
      </c>
      <c r="IZ8" s="59" t="s">
        <v>48</v>
      </c>
      <c r="JA8" s="59" t="s">
        <v>49</v>
      </c>
      <c r="JB8" s="59" t="s">
        <v>50</v>
      </c>
      <c r="JC8" s="59" t="s">
        <v>51</v>
      </c>
      <c r="JD8" s="64" t="s">
        <v>45</v>
      </c>
      <c r="JE8" s="655"/>
      <c r="JF8" s="61" t="s">
        <v>43</v>
      </c>
      <c r="JG8" s="59" t="s">
        <v>44</v>
      </c>
      <c r="JH8" s="60" t="s">
        <v>45</v>
      </c>
      <c r="JI8" s="33" t="s">
        <v>83</v>
      </c>
      <c r="JJ8" s="59" t="s">
        <v>47</v>
      </c>
      <c r="JK8" s="59" t="s">
        <v>48</v>
      </c>
      <c r="JL8" s="59" t="s">
        <v>49</v>
      </c>
      <c r="JM8" s="59" t="s">
        <v>50</v>
      </c>
      <c r="JN8" s="59" t="s">
        <v>51</v>
      </c>
      <c r="JO8" s="64" t="s">
        <v>45</v>
      </c>
      <c r="JP8" s="648"/>
      <c r="JQ8" s="61" t="s">
        <v>43</v>
      </c>
      <c r="JR8" s="59" t="s">
        <v>44</v>
      </c>
      <c r="JS8" s="60" t="s">
        <v>45</v>
      </c>
      <c r="JT8" s="33" t="s">
        <v>83</v>
      </c>
      <c r="JU8" s="59" t="s">
        <v>47</v>
      </c>
      <c r="JV8" s="59" t="s">
        <v>48</v>
      </c>
      <c r="JW8" s="59" t="s">
        <v>49</v>
      </c>
      <c r="JX8" s="59" t="s">
        <v>50</v>
      </c>
      <c r="JY8" s="59" t="s">
        <v>51</v>
      </c>
      <c r="JZ8" s="64" t="s">
        <v>45</v>
      </c>
      <c r="KA8" s="648"/>
      <c r="KB8" s="61" t="s">
        <v>43</v>
      </c>
      <c r="KC8" s="59" t="s">
        <v>44</v>
      </c>
      <c r="KD8" s="60" t="s">
        <v>45</v>
      </c>
      <c r="KE8" s="33" t="s">
        <v>83</v>
      </c>
      <c r="KF8" s="59" t="s">
        <v>47</v>
      </c>
      <c r="KG8" s="59" t="s">
        <v>48</v>
      </c>
      <c r="KH8" s="59" t="s">
        <v>49</v>
      </c>
      <c r="KI8" s="59" t="s">
        <v>50</v>
      </c>
      <c r="KJ8" s="59" t="s">
        <v>51</v>
      </c>
      <c r="KK8" s="64" t="s">
        <v>45</v>
      </c>
      <c r="KL8" s="648"/>
      <c r="KM8" s="61" t="s">
        <v>43</v>
      </c>
      <c r="KN8" s="59" t="s">
        <v>44</v>
      </c>
      <c r="KO8" s="60" t="s">
        <v>45</v>
      </c>
      <c r="KP8" s="42" t="s">
        <v>83</v>
      </c>
      <c r="KQ8" s="59" t="s">
        <v>47</v>
      </c>
      <c r="KR8" s="59" t="s">
        <v>48</v>
      </c>
      <c r="KS8" s="59" t="s">
        <v>49</v>
      </c>
      <c r="KT8" s="59" t="s">
        <v>50</v>
      </c>
      <c r="KU8" s="59" t="s">
        <v>51</v>
      </c>
      <c r="KV8" s="64" t="s">
        <v>45</v>
      </c>
      <c r="KW8" s="648"/>
      <c r="KX8" s="61" t="s">
        <v>43</v>
      </c>
      <c r="KY8" s="59" t="s">
        <v>44</v>
      </c>
      <c r="KZ8" s="60" t="s">
        <v>45</v>
      </c>
      <c r="LA8" s="42" t="s">
        <v>83</v>
      </c>
      <c r="LB8" s="59" t="s">
        <v>47</v>
      </c>
      <c r="LC8" s="59" t="s">
        <v>48</v>
      </c>
      <c r="LD8" s="59" t="s">
        <v>49</v>
      </c>
      <c r="LE8" s="59" t="s">
        <v>50</v>
      </c>
      <c r="LF8" s="59" t="s">
        <v>51</v>
      </c>
      <c r="LG8" s="64" t="s">
        <v>45</v>
      </c>
      <c r="LH8" s="648"/>
      <c r="LI8" s="61" t="s">
        <v>43</v>
      </c>
      <c r="LJ8" s="59" t="s">
        <v>44</v>
      </c>
      <c r="LK8" s="60" t="s">
        <v>45</v>
      </c>
      <c r="LL8" s="42" t="s">
        <v>83</v>
      </c>
      <c r="LM8" s="59" t="s">
        <v>47</v>
      </c>
      <c r="LN8" s="59" t="s">
        <v>48</v>
      </c>
      <c r="LO8" s="59" t="s">
        <v>49</v>
      </c>
      <c r="LP8" s="59" t="s">
        <v>50</v>
      </c>
      <c r="LQ8" s="59" t="s">
        <v>51</v>
      </c>
      <c r="LR8" s="64" t="s">
        <v>45</v>
      </c>
      <c r="LS8" s="648"/>
      <c r="LT8" s="61" t="s">
        <v>43</v>
      </c>
      <c r="LU8" s="59" t="s">
        <v>44</v>
      </c>
      <c r="LV8" s="60" t="s">
        <v>45</v>
      </c>
      <c r="LW8" s="42" t="s">
        <v>83</v>
      </c>
      <c r="LX8" s="59" t="s">
        <v>47</v>
      </c>
      <c r="LY8" s="59" t="s">
        <v>48</v>
      </c>
      <c r="LZ8" s="59" t="s">
        <v>49</v>
      </c>
      <c r="MA8" s="59" t="s">
        <v>50</v>
      </c>
      <c r="MB8" s="59" t="s">
        <v>51</v>
      </c>
      <c r="MC8" s="64" t="s">
        <v>45</v>
      </c>
      <c r="MD8" s="648"/>
      <c r="ME8" s="61" t="s">
        <v>43</v>
      </c>
      <c r="MF8" s="59" t="s">
        <v>44</v>
      </c>
      <c r="MG8" s="60" t="s">
        <v>45</v>
      </c>
      <c r="MH8" s="42" t="s">
        <v>83</v>
      </c>
      <c r="MI8" s="59" t="s">
        <v>47</v>
      </c>
      <c r="MJ8" s="59" t="s">
        <v>48</v>
      </c>
      <c r="MK8" s="59" t="s">
        <v>49</v>
      </c>
      <c r="ML8" s="59" t="s">
        <v>50</v>
      </c>
      <c r="MM8" s="59" t="s">
        <v>51</v>
      </c>
      <c r="MN8" s="64" t="s">
        <v>45</v>
      </c>
      <c r="MO8" s="648"/>
      <c r="MP8" s="61" t="s">
        <v>43</v>
      </c>
      <c r="MQ8" s="59" t="s">
        <v>44</v>
      </c>
      <c r="MR8" s="60" t="s">
        <v>45</v>
      </c>
      <c r="MS8" s="42" t="s">
        <v>83</v>
      </c>
      <c r="MT8" s="59" t="s">
        <v>47</v>
      </c>
      <c r="MU8" s="59" t="s">
        <v>48</v>
      </c>
      <c r="MV8" s="59" t="s">
        <v>49</v>
      </c>
      <c r="MW8" s="59" t="s">
        <v>50</v>
      </c>
      <c r="MX8" s="59" t="s">
        <v>51</v>
      </c>
      <c r="MY8" s="64" t="s">
        <v>45</v>
      </c>
      <c r="MZ8" s="648"/>
      <c r="NA8" s="61" t="s">
        <v>43</v>
      </c>
      <c r="NB8" s="59" t="s">
        <v>44</v>
      </c>
      <c r="NC8" s="60" t="s">
        <v>45</v>
      </c>
      <c r="ND8" s="42" t="s">
        <v>83</v>
      </c>
      <c r="NE8" s="59" t="s">
        <v>47</v>
      </c>
      <c r="NF8" s="59" t="s">
        <v>48</v>
      </c>
      <c r="NG8" s="59" t="s">
        <v>49</v>
      </c>
      <c r="NH8" s="59" t="s">
        <v>50</v>
      </c>
      <c r="NI8" s="59" t="s">
        <v>51</v>
      </c>
      <c r="NJ8" s="64" t="s">
        <v>45</v>
      </c>
      <c r="NK8" s="648"/>
      <c r="NL8" s="61" t="s">
        <v>43</v>
      </c>
      <c r="NM8" s="59" t="s">
        <v>44</v>
      </c>
      <c r="NN8" s="60" t="s">
        <v>45</v>
      </c>
      <c r="NO8" s="42" t="s">
        <v>83</v>
      </c>
      <c r="NP8" s="59" t="s">
        <v>47</v>
      </c>
      <c r="NQ8" s="59" t="s">
        <v>48</v>
      </c>
      <c r="NR8" s="59" t="s">
        <v>49</v>
      </c>
      <c r="NS8" s="59" t="s">
        <v>50</v>
      </c>
      <c r="NT8" s="59" t="s">
        <v>51</v>
      </c>
      <c r="NU8" s="64" t="s">
        <v>45</v>
      </c>
      <c r="NV8" s="648"/>
      <c r="NW8" s="61" t="s">
        <v>43</v>
      </c>
      <c r="NX8" s="59" t="s">
        <v>44</v>
      </c>
      <c r="NY8" s="60" t="s">
        <v>45</v>
      </c>
      <c r="NZ8" s="42" t="s">
        <v>83</v>
      </c>
      <c r="OA8" s="59" t="s">
        <v>47</v>
      </c>
      <c r="OB8" s="59" t="s">
        <v>48</v>
      </c>
      <c r="OC8" s="59" t="s">
        <v>49</v>
      </c>
      <c r="OD8" s="59" t="s">
        <v>50</v>
      </c>
      <c r="OE8" s="59" t="s">
        <v>51</v>
      </c>
      <c r="OF8" s="64" t="s">
        <v>45</v>
      </c>
      <c r="OG8" s="648"/>
      <c r="OH8" s="61" t="s">
        <v>43</v>
      </c>
      <c r="OI8" s="59" t="s">
        <v>44</v>
      </c>
      <c r="OJ8" s="60" t="s">
        <v>45</v>
      </c>
      <c r="OK8" s="33" t="s">
        <v>83</v>
      </c>
      <c r="OL8" s="59" t="s">
        <v>47</v>
      </c>
      <c r="OM8" s="59" t="s">
        <v>48</v>
      </c>
      <c r="ON8" s="59" t="s">
        <v>49</v>
      </c>
      <c r="OO8" s="59" t="s">
        <v>50</v>
      </c>
      <c r="OP8" s="59" t="s">
        <v>51</v>
      </c>
      <c r="OQ8" s="64" t="s">
        <v>45</v>
      </c>
      <c r="OR8" s="648"/>
    </row>
    <row r="9" spans="1:408" s="474" customFormat="1" ht="20.25" customHeight="1" x14ac:dyDescent="0.2">
      <c r="A9" s="468" t="s">
        <v>4</v>
      </c>
      <c r="B9" s="388">
        <v>28637832</v>
      </c>
      <c r="C9" s="389">
        <v>45756860</v>
      </c>
      <c r="D9" s="390">
        <v>74394692</v>
      </c>
      <c r="E9" s="391">
        <v>0</v>
      </c>
      <c r="F9" s="389">
        <v>304188016</v>
      </c>
      <c r="G9" s="389">
        <v>387628085</v>
      </c>
      <c r="H9" s="389">
        <v>356864824</v>
      </c>
      <c r="I9" s="389">
        <v>305986382</v>
      </c>
      <c r="J9" s="389">
        <v>204971961</v>
      </c>
      <c r="K9" s="392">
        <v>1559639268</v>
      </c>
      <c r="L9" s="393">
        <v>1634033960</v>
      </c>
      <c r="M9" s="388">
        <v>8726101</v>
      </c>
      <c r="N9" s="389">
        <v>16140373</v>
      </c>
      <c r="O9" s="394">
        <v>24866474</v>
      </c>
      <c r="P9" s="388">
        <v>0</v>
      </c>
      <c r="Q9" s="389">
        <v>95127067</v>
      </c>
      <c r="R9" s="389">
        <v>134102995</v>
      </c>
      <c r="S9" s="389">
        <v>119746077</v>
      </c>
      <c r="T9" s="389">
        <v>113510507</v>
      </c>
      <c r="U9" s="389">
        <v>103805249</v>
      </c>
      <c r="V9" s="394">
        <v>566291895</v>
      </c>
      <c r="W9" s="393">
        <v>591158369</v>
      </c>
      <c r="X9" s="388">
        <v>0</v>
      </c>
      <c r="Y9" s="389">
        <v>0</v>
      </c>
      <c r="Z9" s="394">
        <v>0</v>
      </c>
      <c r="AA9" s="395">
        <v>0</v>
      </c>
      <c r="AB9" s="396">
        <v>40551282</v>
      </c>
      <c r="AC9" s="396">
        <v>58744351</v>
      </c>
      <c r="AD9" s="396">
        <v>62223667</v>
      </c>
      <c r="AE9" s="396">
        <v>58423464</v>
      </c>
      <c r="AF9" s="396">
        <v>54947882</v>
      </c>
      <c r="AG9" s="394">
        <v>274890646</v>
      </c>
      <c r="AH9" s="393">
        <v>274890646</v>
      </c>
      <c r="AI9" s="397">
        <v>18405</v>
      </c>
      <c r="AJ9" s="396">
        <v>125805</v>
      </c>
      <c r="AK9" s="394">
        <v>144210</v>
      </c>
      <c r="AL9" s="395">
        <v>0</v>
      </c>
      <c r="AM9" s="396">
        <v>565344</v>
      </c>
      <c r="AN9" s="392">
        <v>1316561</v>
      </c>
      <c r="AO9" s="396">
        <v>3128363</v>
      </c>
      <c r="AP9" s="396">
        <v>7485919</v>
      </c>
      <c r="AQ9" s="396">
        <v>13974423</v>
      </c>
      <c r="AR9" s="394">
        <v>26470610</v>
      </c>
      <c r="AS9" s="393">
        <v>26614820</v>
      </c>
      <c r="AT9" s="397">
        <v>4586917</v>
      </c>
      <c r="AU9" s="396">
        <v>10843264</v>
      </c>
      <c r="AV9" s="394">
        <v>15430181</v>
      </c>
      <c r="AW9" s="395">
        <v>0</v>
      </c>
      <c r="AX9" s="396">
        <v>35154405</v>
      </c>
      <c r="AY9" s="396">
        <v>50235471</v>
      </c>
      <c r="AZ9" s="396">
        <v>33669150</v>
      </c>
      <c r="BA9" s="396">
        <v>29243518</v>
      </c>
      <c r="BB9" s="396">
        <v>22843422</v>
      </c>
      <c r="BC9" s="394">
        <v>171145966</v>
      </c>
      <c r="BD9" s="398">
        <v>186576147</v>
      </c>
      <c r="BE9" s="397">
        <v>564699</v>
      </c>
      <c r="BF9" s="392">
        <v>1720416</v>
      </c>
      <c r="BG9" s="399">
        <v>2285115</v>
      </c>
      <c r="BH9" s="395">
        <v>0</v>
      </c>
      <c r="BI9" s="396">
        <v>2379472</v>
      </c>
      <c r="BJ9" s="396">
        <v>3935295</v>
      </c>
      <c r="BK9" s="396">
        <v>2764641</v>
      </c>
      <c r="BL9" s="396">
        <v>2504046</v>
      </c>
      <c r="BM9" s="396">
        <v>1358794</v>
      </c>
      <c r="BN9" s="394">
        <v>12942248</v>
      </c>
      <c r="BO9" s="393">
        <v>15227363</v>
      </c>
      <c r="BP9" s="397">
        <v>3556080</v>
      </c>
      <c r="BQ9" s="396">
        <v>3450888</v>
      </c>
      <c r="BR9" s="394">
        <v>7006968</v>
      </c>
      <c r="BS9" s="395">
        <v>0</v>
      </c>
      <c r="BT9" s="396">
        <v>16476564</v>
      </c>
      <c r="BU9" s="396">
        <v>19871317</v>
      </c>
      <c r="BV9" s="396">
        <v>17960256</v>
      </c>
      <c r="BW9" s="396">
        <v>15853560</v>
      </c>
      <c r="BX9" s="396">
        <v>10680728</v>
      </c>
      <c r="BY9" s="394">
        <v>80842425</v>
      </c>
      <c r="BZ9" s="393">
        <v>87849393</v>
      </c>
      <c r="CA9" s="397">
        <v>2565968</v>
      </c>
      <c r="CB9" s="396">
        <v>6081731</v>
      </c>
      <c r="CC9" s="394">
        <v>8647699</v>
      </c>
      <c r="CD9" s="395">
        <v>0</v>
      </c>
      <c r="CE9" s="396">
        <v>92042232</v>
      </c>
      <c r="CF9" s="396">
        <v>110106574</v>
      </c>
      <c r="CG9" s="400">
        <v>87724639</v>
      </c>
      <c r="CH9" s="396">
        <v>47856793</v>
      </c>
      <c r="CI9" s="396">
        <v>18493026</v>
      </c>
      <c r="CJ9" s="394">
        <v>356223264</v>
      </c>
      <c r="CK9" s="393">
        <v>364870963</v>
      </c>
      <c r="CL9" s="388">
        <v>0</v>
      </c>
      <c r="CM9" s="389">
        <v>0</v>
      </c>
      <c r="CN9" s="394">
        <v>0</v>
      </c>
      <c r="CO9" s="395">
        <v>0</v>
      </c>
      <c r="CP9" s="396">
        <v>73726268</v>
      </c>
      <c r="CQ9" s="396">
        <v>79714732</v>
      </c>
      <c r="CR9" s="396">
        <v>64314516</v>
      </c>
      <c r="CS9" s="396">
        <v>33723212</v>
      </c>
      <c r="CT9" s="396">
        <v>14456080</v>
      </c>
      <c r="CU9" s="401">
        <v>265934808</v>
      </c>
      <c r="CV9" s="393">
        <v>265934808</v>
      </c>
      <c r="CW9" s="397">
        <v>2565968</v>
      </c>
      <c r="CX9" s="396">
        <v>6081731</v>
      </c>
      <c r="CY9" s="394">
        <v>8647699</v>
      </c>
      <c r="CZ9" s="395">
        <v>0</v>
      </c>
      <c r="DA9" s="396">
        <v>18315964</v>
      </c>
      <c r="DB9" s="396">
        <v>30391842</v>
      </c>
      <c r="DC9" s="396">
        <v>23410123</v>
      </c>
      <c r="DD9" s="396">
        <v>14133581</v>
      </c>
      <c r="DE9" s="396">
        <v>4036946</v>
      </c>
      <c r="DF9" s="394">
        <v>90288456</v>
      </c>
      <c r="DG9" s="393">
        <v>98936155</v>
      </c>
      <c r="DH9" s="397">
        <v>83101</v>
      </c>
      <c r="DI9" s="396">
        <v>751867</v>
      </c>
      <c r="DJ9" s="399">
        <v>834968</v>
      </c>
      <c r="DK9" s="395">
        <v>0</v>
      </c>
      <c r="DL9" s="396">
        <v>11309702</v>
      </c>
      <c r="DM9" s="396">
        <v>15688370</v>
      </c>
      <c r="DN9" s="396">
        <v>31675855</v>
      </c>
      <c r="DO9" s="396">
        <v>27603085</v>
      </c>
      <c r="DP9" s="396">
        <v>11028555</v>
      </c>
      <c r="DQ9" s="402">
        <v>97305567</v>
      </c>
      <c r="DR9" s="393">
        <v>98140535</v>
      </c>
      <c r="DS9" s="397">
        <v>83101</v>
      </c>
      <c r="DT9" s="396">
        <v>724896</v>
      </c>
      <c r="DU9" s="394">
        <v>807997</v>
      </c>
      <c r="DV9" s="395">
        <v>0</v>
      </c>
      <c r="DW9" s="396">
        <v>9671482</v>
      </c>
      <c r="DX9" s="396">
        <v>12785728</v>
      </c>
      <c r="DY9" s="396">
        <v>27816683</v>
      </c>
      <c r="DZ9" s="396">
        <v>24812410</v>
      </c>
      <c r="EA9" s="396">
        <v>9378122</v>
      </c>
      <c r="EB9" s="394">
        <v>84464425</v>
      </c>
      <c r="EC9" s="393">
        <v>85272422</v>
      </c>
      <c r="ED9" s="397">
        <v>0</v>
      </c>
      <c r="EE9" s="392">
        <v>26971</v>
      </c>
      <c r="EF9" s="394">
        <v>26971</v>
      </c>
      <c r="EG9" s="398">
        <v>0</v>
      </c>
      <c r="EH9" s="396">
        <v>1638220</v>
      </c>
      <c r="EI9" s="396">
        <v>2902642</v>
      </c>
      <c r="EJ9" s="396">
        <v>3859172</v>
      </c>
      <c r="EK9" s="396">
        <v>2790675</v>
      </c>
      <c r="EL9" s="400">
        <v>1650433</v>
      </c>
      <c r="EM9" s="392">
        <v>12841142</v>
      </c>
      <c r="EN9" s="393">
        <v>12868113</v>
      </c>
      <c r="EO9" s="397">
        <v>0</v>
      </c>
      <c r="EP9" s="396">
        <v>0</v>
      </c>
      <c r="EQ9" s="392">
        <v>0</v>
      </c>
      <c r="ER9" s="395">
        <v>0</v>
      </c>
      <c r="ES9" s="396">
        <v>0</v>
      </c>
      <c r="ET9" s="396">
        <v>0</v>
      </c>
      <c r="EU9" s="396">
        <v>0</v>
      </c>
      <c r="EV9" s="396">
        <v>0</v>
      </c>
      <c r="EW9" s="396">
        <v>0</v>
      </c>
      <c r="EX9" s="401">
        <v>0</v>
      </c>
      <c r="EY9" s="393">
        <v>0</v>
      </c>
      <c r="EZ9" s="397">
        <v>0</v>
      </c>
      <c r="FA9" s="396">
        <v>0</v>
      </c>
      <c r="FB9" s="392">
        <v>0</v>
      </c>
      <c r="FC9" s="403"/>
      <c r="FD9" s="396">
        <v>0</v>
      </c>
      <c r="FE9" s="396">
        <v>0</v>
      </c>
      <c r="FF9" s="396">
        <v>0</v>
      </c>
      <c r="FG9" s="396">
        <v>0</v>
      </c>
      <c r="FH9" s="396">
        <v>0</v>
      </c>
      <c r="FI9" s="401">
        <v>0</v>
      </c>
      <c r="FJ9" s="393">
        <v>0</v>
      </c>
      <c r="FK9" s="397">
        <v>6363046</v>
      </c>
      <c r="FL9" s="396">
        <v>10090554</v>
      </c>
      <c r="FM9" s="394">
        <v>16453600</v>
      </c>
      <c r="FN9" s="395">
        <v>0</v>
      </c>
      <c r="FO9" s="396">
        <v>15998965</v>
      </c>
      <c r="FP9" s="396">
        <v>38351576</v>
      </c>
      <c r="FQ9" s="396">
        <v>29113028</v>
      </c>
      <c r="FR9" s="396">
        <v>26244235</v>
      </c>
      <c r="FS9" s="396">
        <v>14775029</v>
      </c>
      <c r="FT9" s="394">
        <v>124482833</v>
      </c>
      <c r="FU9" s="393">
        <v>140936433</v>
      </c>
      <c r="FV9" s="397">
        <v>2524458</v>
      </c>
      <c r="FW9" s="396">
        <v>6003830</v>
      </c>
      <c r="FX9" s="392">
        <v>8528288</v>
      </c>
      <c r="FY9" s="398">
        <v>0</v>
      </c>
      <c r="FZ9" s="396">
        <v>10842216</v>
      </c>
      <c r="GA9" s="404">
        <v>32549494</v>
      </c>
      <c r="GB9" s="396">
        <v>25663759</v>
      </c>
      <c r="GC9" s="404">
        <v>22358739</v>
      </c>
      <c r="GD9" s="396">
        <v>14136630</v>
      </c>
      <c r="GE9" s="401">
        <v>105550838</v>
      </c>
      <c r="GF9" s="405">
        <v>114079126</v>
      </c>
      <c r="GG9" s="406">
        <v>391821</v>
      </c>
      <c r="GH9" s="396">
        <v>827058</v>
      </c>
      <c r="GI9" s="404">
        <v>1218879</v>
      </c>
      <c r="GJ9" s="391">
        <v>0</v>
      </c>
      <c r="GK9" s="396">
        <v>987040</v>
      </c>
      <c r="GL9" s="392">
        <v>1306928</v>
      </c>
      <c r="GM9" s="396">
        <v>1184945</v>
      </c>
      <c r="GN9" s="392">
        <v>1150400</v>
      </c>
      <c r="GO9" s="396">
        <v>231439</v>
      </c>
      <c r="GP9" s="402">
        <v>4860752</v>
      </c>
      <c r="GQ9" s="393">
        <v>6079631</v>
      </c>
      <c r="GR9" s="392">
        <v>3446767</v>
      </c>
      <c r="GS9" s="396">
        <v>3259666</v>
      </c>
      <c r="GT9" s="394">
        <v>6706433</v>
      </c>
      <c r="GU9" s="392">
        <v>0</v>
      </c>
      <c r="GV9" s="396">
        <v>4169709</v>
      </c>
      <c r="GW9" s="392">
        <v>4495154</v>
      </c>
      <c r="GX9" s="396">
        <v>2264324</v>
      </c>
      <c r="GY9" s="392">
        <v>2735096</v>
      </c>
      <c r="GZ9" s="396">
        <v>406960</v>
      </c>
      <c r="HA9" s="392">
        <v>14071243</v>
      </c>
      <c r="HB9" s="393">
        <v>20777676</v>
      </c>
      <c r="HC9" s="392">
        <v>10899616</v>
      </c>
      <c r="HD9" s="396">
        <v>12692335</v>
      </c>
      <c r="HE9" s="392">
        <v>23591951</v>
      </c>
      <c r="HF9" s="398">
        <v>0</v>
      </c>
      <c r="HG9" s="396">
        <v>89710050</v>
      </c>
      <c r="HH9" s="404">
        <v>89378570</v>
      </c>
      <c r="HI9" s="396">
        <v>88605225</v>
      </c>
      <c r="HJ9" s="404">
        <v>90771762</v>
      </c>
      <c r="HK9" s="396">
        <v>56870102</v>
      </c>
      <c r="HL9" s="401">
        <v>415335709</v>
      </c>
      <c r="HM9" s="392">
        <v>438927660</v>
      </c>
      <c r="HN9" s="469"/>
      <c r="HO9" s="470"/>
      <c r="HP9" s="471"/>
      <c r="HQ9" s="472"/>
      <c r="HR9" s="470"/>
      <c r="HS9" s="472"/>
      <c r="HT9" s="470"/>
      <c r="HU9" s="472"/>
      <c r="HV9" s="470"/>
      <c r="HW9" s="472"/>
      <c r="HX9" s="473"/>
      <c r="HY9" s="407">
        <v>543145</v>
      </c>
      <c r="HZ9" s="408">
        <v>811534</v>
      </c>
      <c r="IA9" s="409">
        <v>1354679</v>
      </c>
      <c r="IB9" s="410">
        <v>0</v>
      </c>
      <c r="IC9" s="408">
        <v>83909624</v>
      </c>
      <c r="ID9" s="411">
        <v>104732208</v>
      </c>
      <c r="IE9" s="412">
        <v>112704703</v>
      </c>
      <c r="IF9" s="408">
        <v>81795410</v>
      </c>
      <c r="IG9" s="412">
        <v>46174901</v>
      </c>
      <c r="IH9" s="413">
        <v>429316846</v>
      </c>
      <c r="II9" s="414">
        <v>430671525</v>
      </c>
      <c r="IJ9" s="415">
        <v>0</v>
      </c>
      <c r="IK9" s="416">
        <v>0</v>
      </c>
      <c r="IL9" s="417">
        <v>0</v>
      </c>
      <c r="IM9" s="418"/>
      <c r="IN9" s="419">
        <v>1192469</v>
      </c>
      <c r="IO9" s="419">
        <v>3259364</v>
      </c>
      <c r="IP9" s="419">
        <v>3281174</v>
      </c>
      <c r="IQ9" s="419">
        <v>5545691</v>
      </c>
      <c r="IR9" s="419">
        <v>3953600</v>
      </c>
      <c r="IS9" s="420">
        <v>17232298</v>
      </c>
      <c r="IT9" s="421">
        <v>17232298</v>
      </c>
      <c r="IU9" s="422">
        <v>0</v>
      </c>
      <c r="IV9" s="419">
        <v>0</v>
      </c>
      <c r="IW9" s="423">
        <v>0</v>
      </c>
      <c r="IX9" s="424"/>
      <c r="IY9" s="419">
        <v>320043</v>
      </c>
      <c r="IZ9" s="419">
        <v>812238</v>
      </c>
      <c r="JA9" s="419">
        <v>1175903</v>
      </c>
      <c r="JB9" s="419">
        <v>1046069</v>
      </c>
      <c r="JC9" s="419">
        <v>911673</v>
      </c>
      <c r="JD9" s="423">
        <v>4265926</v>
      </c>
      <c r="JE9" s="425">
        <v>4265926</v>
      </c>
      <c r="JF9" s="422">
        <v>0</v>
      </c>
      <c r="JG9" s="419">
        <v>0</v>
      </c>
      <c r="JH9" s="420">
        <v>0</v>
      </c>
      <c r="JI9" s="426">
        <v>0</v>
      </c>
      <c r="JJ9" s="419">
        <v>37593386</v>
      </c>
      <c r="JK9" s="419">
        <v>36447651</v>
      </c>
      <c r="JL9" s="419">
        <v>30753267</v>
      </c>
      <c r="JM9" s="419">
        <v>15016821</v>
      </c>
      <c r="JN9" s="419">
        <v>7106718</v>
      </c>
      <c r="JO9" s="423">
        <v>126917843</v>
      </c>
      <c r="JP9" s="421">
        <v>126917843</v>
      </c>
      <c r="JQ9" s="422">
        <v>25834</v>
      </c>
      <c r="JR9" s="419">
        <v>104221</v>
      </c>
      <c r="JS9" s="420">
        <v>130055</v>
      </c>
      <c r="JT9" s="426">
        <v>0</v>
      </c>
      <c r="JU9" s="419">
        <v>5433620</v>
      </c>
      <c r="JV9" s="419">
        <v>7104605</v>
      </c>
      <c r="JW9" s="419">
        <v>8911899</v>
      </c>
      <c r="JX9" s="419">
        <v>5275630</v>
      </c>
      <c r="JY9" s="419">
        <v>2541910</v>
      </c>
      <c r="JZ9" s="423">
        <v>29267664</v>
      </c>
      <c r="KA9" s="421">
        <v>29397719</v>
      </c>
      <c r="KB9" s="427">
        <v>517311</v>
      </c>
      <c r="KC9" s="428">
        <v>707313</v>
      </c>
      <c r="KD9" s="423">
        <v>1224624</v>
      </c>
      <c r="KE9" s="426">
        <v>0</v>
      </c>
      <c r="KF9" s="419">
        <v>10237046</v>
      </c>
      <c r="KG9" s="419">
        <v>14971506</v>
      </c>
      <c r="KH9" s="419">
        <v>15517078</v>
      </c>
      <c r="KI9" s="419">
        <v>12674177</v>
      </c>
      <c r="KJ9" s="419">
        <v>5285143</v>
      </c>
      <c r="KK9" s="423">
        <v>58684950</v>
      </c>
      <c r="KL9" s="429">
        <v>59909574</v>
      </c>
      <c r="KM9" s="415">
        <v>0</v>
      </c>
      <c r="KN9" s="416">
        <v>0</v>
      </c>
      <c r="KO9" s="417">
        <v>0</v>
      </c>
      <c r="KP9" s="418"/>
      <c r="KQ9" s="419">
        <v>25852989</v>
      </c>
      <c r="KR9" s="419">
        <v>37990675</v>
      </c>
      <c r="KS9" s="419">
        <v>43746286</v>
      </c>
      <c r="KT9" s="419">
        <v>29456972</v>
      </c>
      <c r="KU9" s="419">
        <v>12435085</v>
      </c>
      <c r="KV9" s="423">
        <v>149482007</v>
      </c>
      <c r="KW9" s="421">
        <v>149482007</v>
      </c>
      <c r="KX9" s="422">
        <v>0</v>
      </c>
      <c r="KY9" s="419">
        <v>0</v>
      </c>
      <c r="KZ9" s="423">
        <v>0</v>
      </c>
      <c r="LA9" s="430"/>
      <c r="LB9" s="419">
        <v>319938</v>
      </c>
      <c r="LC9" s="419">
        <v>1060096</v>
      </c>
      <c r="LD9" s="419">
        <v>904404</v>
      </c>
      <c r="LE9" s="419">
        <v>2543722</v>
      </c>
      <c r="LF9" s="419">
        <v>706219</v>
      </c>
      <c r="LG9" s="423">
        <v>5534379</v>
      </c>
      <c r="LH9" s="425">
        <v>5534379</v>
      </c>
      <c r="LI9" s="422">
        <v>0</v>
      </c>
      <c r="LJ9" s="419">
        <v>0</v>
      </c>
      <c r="LK9" s="423">
        <v>0</v>
      </c>
      <c r="LL9" s="430"/>
      <c r="LM9" s="419">
        <v>0</v>
      </c>
      <c r="LN9" s="419">
        <v>246456</v>
      </c>
      <c r="LO9" s="419">
        <v>4156596</v>
      </c>
      <c r="LP9" s="419">
        <v>3637924</v>
      </c>
      <c r="LQ9" s="419">
        <v>2454244</v>
      </c>
      <c r="LR9" s="423">
        <v>10495220</v>
      </c>
      <c r="LS9" s="421">
        <v>10495220</v>
      </c>
      <c r="LT9" s="422">
        <v>0</v>
      </c>
      <c r="LU9" s="419">
        <v>0</v>
      </c>
      <c r="LV9" s="423">
        <v>0</v>
      </c>
      <c r="LW9" s="430"/>
      <c r="LX9" s="419">
        <v>2960133</v>
      </c>
      <c r="LY9" s="419">
        <v>2839617</v>
      </c>
      <c r="LZ9" s="419">
        <v>4258096</v>
      </c>
      <c r="MA9" s="419">
        <v>6598404</v>
      </c>
      <c r="MB9" s="419">
        <v>10780309</v>
      </c>
      <c r="MC9" s="423">
        <v>27436559</v>
      </c>
      <c r="MD9" s="425">
        <v>27436559</v>
      </c>
      <c r="ME9" s="422">
        <v>0</v>
      </c>
      <c r="MF9" s="419">
        <v>0</v>
      </c>
      <c r="MG9" s="423">
        <v>0</v>
      </c>
      <c r="MH9" s="430"/>
      <c r="MI9" s="419">
        <v>24513547</v>
      </c>
      <c r="MJ9" s="419">
        <v>62768018</v>
      </c>
      <c r="MK9" s="419">
        <v>186577884</v>
      </c>
      <c r="ML9" s="419">
        <v>272217533</v>
      </c>
      <c r="MM9" s="419">
        <v>161688476</v>
      </c>
      <c r="MN9" s="423">
        <v>707765458</v>
      </c>
      <c r="MO9" s="429">
        <v>707765458</v>
      </c>
      <c r="MP9" s="422">
        <v>0</v>
      </c>
      <c r="MQ9" s="419">
        <v>0</v>
      </c>
      <c r="MR9" s="423">
        <v>0</v>
      </c>
      <c r="MS9" s="430"/>
      <c r="MT9" s="419">
        <v>1852948</v>
      </c>
      <c r="MU9" s="419">
        <v>10669865</v>
      </c>
      <c r="MV9" s="419">
        <v>103027850</v>
      </c>
      <c r="MW9" s="419">
        <v>163871332</v>
      </c>
      <c r="MX9" s="419">
        <v>101680427</v>
      </c>
      <c r="MY9" s="423">
        <v>381102422</v>
      </c>
      <c r="MZ9" s="429">
        <v>381102422</v>
      </c>
      <c r="NA9" s="422">
        <v>0</v>
      </c>
      <c r="NB9" s="419">
        <v>0</v>
      </c>
      <c r="NC9" s="423">
        <v>0</v>
      </c>
      <c r="ND9" s="430"/>
      <c r="NE9" s="419">
        <v>22601814</v>
      </c>
      <c r="NF9" s="419">
        <v>51871217</v>
      </c>
      <c r="NG9" s="419">
        <v>82278037</v>
      </c>
      <c r="NH9" s="419">
        <v>98636317</v>
      </c>
      <c r="NI9" s="419">
        <v>47484449</v>
      </c>
      <c r="NJ9" s="423">
        <v>302871834</v>
      </c>
      <c r="NK9" s="421">
        <v>302871834</v>
      </c>
      <c r="NL9" s="422">
        <v>0</v>
      </c>
      <c r="NM9" s="419">
        <v>0</v>
      </c>
      <c r="NN9" s="423">
        <v>0</v>
      </c>
      <c r="NO9" s="430"/>
      <c r="NP9" s="419">
        <v>59130</v>
      </c>
      <c r="NQ9" s="419">
        <v>0</v>
      </c>
      <c r="NR9" s="419">
        <v>635073</v>
      </c>
      <c r="NS9" s="419">
        <v>4955510</v>
      </c>
      <c r="NT9" s="419">
        <v>4986671</v>
      </c>
      <c r="NU9" s="423">
        <v>10636384</v>
      </c>
      <c r="NV9" s="425">
        <v>10636384</v>
      </c>
      <c r="NW9" s="422">
        <v>0</v>
      </c>
      <c r="NX9" s="419">
        <v>0</v>
      </c>
      <c r="NY9" s="423">
        <v>0</v>
      </c>
      <c r="NZ9" s="430"/>
      <c r="OA9" s="419">
        <v>-345</v>
      </c>
      <c r="OB9" s="419">
        <v>226936</v>
      </c>
      <c r="OC9" s="419">
        <v>636924</v>
      </c>
      <c r="OD9" s="419">
        <v>4754374</v>
      </c>
      <c r="OE9" s="419">
        <v>7536929</v>
      </c>
      <c r="OF9" s="423">
        <v>13154818</v>
      </c>
      <c r="OG9" s="425">
        <v>13154818</v>
      </c>
      <c r="OH9" s="422">
        <v>29180977</v>
      </c>
      <c r="OI9" s="419">
        <v>46568394</v>
      </c>
      <c r="OJ9" s="420">
        <v>75749371</v>
      </c>
      <c r="OK9" s="426">
        <v>0</v>
      </c>
      <c r="OL9" s="419">
        <v>412611187</v>
      </c>
      <c r="OM9" s="419">
        <v>555128311</v>
      </c>
      <c r="ON9" s="419">
        <v>656147411</v>
      </c>
      <c r="OO9" s="419">
        <v>659999325</v>
      </c>
      <c r="OP9" s="419">
        <v>412835338</v>
      </c>
      <c r="OQ9" s="423">
        <v>2696721572</v>
      </c>
      <c r="OR9" s="429">
        <v>2772470943</v>
      </c>
    </row>
    <row r="10" spans="1:408" s="474" customFormat="1" ht="20.25" customHeight="1" x14ac:dyDescent="0.2">
      <c r="A10" s="475" t="s">
        <v>5</v>
      </c>
      <c r="B10" s="433">
        <v>12528538</v>
      </c>
      <c r="C10" s="434">
        <v>23699102</v>
      </c>
      <c r="D10" s="435">
        <v>36227640</v>
      </c>
      <c r="E10" s="436">
        <v>0</v>
      </c>
      <c r="F10" s="434">
        <v>112330044</v>
      </c>
      <c r="G10" s="434">
        <v>183404148</v>
      </c>
      <c r="H10" s="434">
        <v>163774476</v>
      </c>
      <c r="I10" s="434">
        <v>124835473</v>
      </c>
      <c r="J10" s="434">
        <v>87871683</v>
      </c>
      <c r="K10" s="436">
        <v>672215824</v>
      </c>
      <c r="L10" s="437">
        <v>708443464</v>
      </c>
      <c r="M10" s="433">
        <v>4051828</v>
      </c>
      <c r="N10" s="434">
        <v>9217711</v>
      </c>
      <c r="O10" s="435">
        <v>13269539</v>
      </c>
      <c r="P10" s="433">
        <v>0</v>
      </c>
      <c r="Q10" s="434">
        <v>36435187</v>
      </c>
      <c r="R10" s="434">
        <v>67563807</v>
      </c>
      <c r="S10" s="434">
        <v>55127158</v>
      </c>
      <c r="T10" s="434">
        <v>45372280</v>
      </c>
      <c r="U10" s="434">
        <v>44126786</v>
      </c>
      <c r="V10" s="435">
        <v>248625218</v>
      </c>
      <c r="W10" s="437">
        <v>261894757</v>
      </c>
      <c r="X10" s="433">
        <v>0</v>
      </c>
      <c r="Y10" s="434">
        <v>0</v>
      </c>
      <c r="Z10" s="435">
        <v>0</v>
      </c>
      <c r="AA10" s="433">
        <v>0</v>
      </c>
      <c r="AB10" s="434">
        <v>16156165</v>
      </c>
      <c r="AC10" s="434">
        <v>27783440</v>
      </c>
      <c r="AD10" s="434">
        <v>26240315</v>
      </c>
      <c r="AE10" s="434">
        <v>21570509</v>
      </c>
      <c r="AF10" s="434">
        <v>22339553</v>
      </c>
      <c r="AG10" s="435">
        <v>114089982</v>
      </c>
      <c r="AH10" s="437">
        <v>114089982</v>
      </c>
      <c r="AI10" s="433">
        <v>18405</v>
      </c>
      <c r="AJ10" s="434">
        <v>125805</v>
      </c>
      <c r="AK10" s="435">
        <v>144210</v>
      </c>
      <c r="AL10" s="433">
        <v>0</v>
      </c>
      <c r="AM10" s="434">
        <v>168378</v>
      </c>
      <c r="AN10" s="434">
        <v>773907</v>
      </c>
      <c r="AO10" s="434">
        <v>1258712</v>
      </c>
      <c r="AP10" s="434">
        <v>2777941</v>
      </c>
      <c r="AQ10" s="434">
        <v>6143946</v>
      </c>
      <c r="AR10" s="435">
        <v>11122884</v>
      </c>
      <c r="AS10" s="437">
        <v>11267094</v>
      </c>
      <c r="AT10" s="433">
        <v>2255465</v>
      </c>
      <c r="AU10" s="434">
        <v>6381958</v>
      </c>
      <c r="AV10" s="435">
        <v>8637423</v>
      </c>
      <c r="AW10" s="433">
        <v>0</v>
      </c>
      <c r="AX10" s="434">
        <v>13486597</v>
      </c>
      <c r="AY10" s="434">
        <v>27782481</v>
      </c>
      <c r="AZ10" s="434">
        <v>18235825</v>
      </c>
      <c r="BA10" s="434">
        <v>13514646</v>
      </c>
      <c r="BB10" s="434">
        <v>10477032</v>
      </c>
      <c r="BC10" s="435">
        <v>83496581</v>
      </c>
      <c r="BD10" s="437">
        <v>92134004</v>
      </c>
      <c r="BE10" s="433">
        <v>215990</v>
      </c>
      <c r="BF10" s="434">
        <v>1062052</v>
      </c>
      <c r="BG10" s="438">
        <v>1278042</v>
      </c>
      <c r="BH10" s="439">
        <v>0</v>
      </c>
      <c r="BI10" s="434">
        <v>491531</v>
      </c>
      <c r="BJ10" s="434">
        <v>1883478</v>
      </c>
      <c r="BK10" s="434">
        <v>1155650</v>
      </c>
      <c r="BL10" s="434">
        <v>826552</v>
      </c>
      <c r="BM10" s="434">
        <v>513975</v>
      </c>
      <c r="BN10" s="435">
        <v>4871186</v>
      </c>
      <c r="BO10" s="437">
        <v>6149228</v>
      </c>
      <c r="BP10" s="433">
        <v>1561968</v>
      </c>
      <c r="BQ10" s="434">
        <v>1647896</v>
      </c>
      <c r="BR10" s="435">
        <v>3209864</v>
      </c>
      <c r="BS10" s="433">
        <v>0</v>
      </c>
      <c r="BT10" s="434">
        <v>6132516</v>
      </c>
      <c r="BU10" s="434">
        <v>9340501</v>
      </c>
      <c r="BV10" s="434">
        <v>8236656</v>
      </c>
      <c r="BW10" s="434">
        <v>6682632</v>
      </c>
      <c r="BX10" s="434">
        <v>4652280</v>
      </c>
      <c r="BY10" s="435">
        <v>35044585</v>
      </c>
      <c r="BZ10" s="437">
        <v>38254449</v>
      </c>
      <c r="CA10" s="433">
        <v>1330242</v>
      </c>
      <c r="CB10" s="434">
        <v>3333668</v>
      </c>
      <c r="CC10" s="435">
        <v>4663910</v>
      </c>
      <c r="CD10" s="433">
        <v>0</v>
      </c>
      <c r="CE10" s="434">
        <v>33056434</v>
      </c>
      <c r="CF10" s="434">
        <v>49666633</v>
      </c>
      <c r="CG10" s="434">
        <v>35695463</v>
      </c>
      <c r="CH10" s="434">
        <v>16834746</v>
      </c>
      <c r="CI10" s="434">
        <v>7182034</v>
      </c>
      <c r="CJ10" s="435">
        <v>142435310</v>
      </c>
      <c r="CK10" s="437">
        <v>147099220</v>
      </c>
      <c r="CL10" s="433">
        <v>0</v>
      </c>
      <c r="CM10" s="434">
        <v>0</v>
      </c>
      <c r="CN10" s="435">
        <v>0</v>
      </c>
      <c r="CO10" s="439">
        <v>0</v>
      </c>
      <c r="CP10" s="434">
        <v>26529305</v>
      </c>
      <c r="CQ10" s="434">
        <v>35674789</v>
      </c>
      <c r="CR10" s="434">
        <v>24767759</v>
      </c>
      <c r="CS10" s="434">
        <v>11223425</v>
      </c>
      <c r="CT10" s="434">
        <v>5234293</v>
      </c>
      <c r="CU10" s="435">
        <v>103429571</v>
      </c>
      <c r="CV10" s="437">
        <v>103429571</v>
      </c>
      <c r="CW10" s="433">
        <v>1330242</v>
      </c>
      <c r="CX10" s="434">
        <v>3333668</v>
      </c>
      <c r="CY10" s="435">
        <v>4663910</v>
      </c>
      <c r="CZ10" s="433">
        <v>0</v>
      </c>
      <c r="DA10" s="434">
        <v>6527129</v>
      </c>
      <c r="DB10" s="434">
        <v>13991844</v>
      </c>
      <c r="DC10" s="434">
        <v>10927704</v>
      </c>
      <c r="DD10" s="434">
        <v>5611321</v>
      </c>
      <c r="DE10" s="434">
        <v>1947741</v>
      </c>
      <c r="DF10" s="435">
        <v>39005739</v>
      </c>
      <c r="DG10" s="437">
        <v>43669649</v>
      </c>
      <c r="DH10" s="433">
        <v>34232</v>
      </c>
      <c r="DI10" s="434">
        <v>469874</v>
      </c>
      <c r="DJ10" s="438">
        <v>504106</v>
      </c>
      <c r="DK10" s="439">
        <v>0</v>
      </c>
      <c r="DL10" s="434">
        <v>4065782</v>
      </c>
      <c r="DM10" s="434">
        <v>6547258</v>
      </c>
      <c r="DN10" s="434">
        <v>14014982</v>
      </c>
      <c r="DO10" s="434">
        <v>11192442</v>
      </c>
      <c r="DP10" s="434">
        <v>4112929</v>
      </c>
      <c r="DQ10" s="435">
        <v>39933393</v>
      </c>
      <c r="DR10" s="437">
        <v>40437499</v>
      </c>
      <c r="DS10" s="433">
        <v>34232</v>
      </c>
      <c r="DT10" s="434">
        <v>442903</v>
      </c>
      <c r="DU10" s="435">
        <v>477135</v>
      </c>
      <c r="DV10" s="433">
        <v>0</v>
      </c>
      <c r="DW10" s="434">
        <v>3076267</v>
      </c>
      <c r="DX10" s="434">
        <v>4683550</v>
      </c>
      <c r="DY10" s="434">
        <v>11086489</v>
      </c>
      <c r="DZ10" s="434">
        <v>9239429</v>
      </c>
      <c r="EA10" s="434">
        <v>3260598</v>
      </c>
      <c r="EB10" s="435">
        <v>31346333</v>
      </c>
      <c r="EC10" s="437">
        <v>31823468</v>
      </c>
      <c r="ED10" s="433">
        <v>0</v>
      </c>
      <c r="EE10" s="438">
        <v>26971</v>
      </c>
      <c r="EF10" s="435">
        <v>26971</v>
      </c>
      <c r="EG10" s="433">
        <v>0</v>
      </c>
      <c r="EH10" s="434">
        <v>989515</v>
      </c>
      <c r="EI10" s="434">
        <v>1863708</v>
      </c>
      <c r="EJ10" s="434">
        <v>2928493</v>
      </c>
      <c r="EK10" s="434">
        <v>1953013</v>
      </c>
      <c r="EL10" s="434">
        <v>852331</v>
      </c>
      <c r="EM10" s="438">
        <v>8587060</v>
      </c>
      <c r="EN10" s="437">
        <v>8614031</v>
      </c>
      <c r="EO10" s="433">
        <v>0</v>
      </c>
      <c r="EP10" s="434">
        <v>0</v>
      </c>
      <c r="EQ10" s="438">
        <v>0</v>
      </c>
      <c r="ER10" s="439">
        <v>0</v>
      </c>
      <c r="ES10" s="434">
        <v>0</v>
      </c>
      <c r="ET10" s="434">
        <v>0</v>
      </c>
      <c r="EU10" s="434">
        <v>0</v>
      </c>
      <c r="EV10" s="434">
        <v>0</v>
      </c>
      <c r="EW10" s="434">
        <v>0</v>
      </c>
      <c r="EX10" s="435">
        <v>0</v>
      </c>
      <c r="EY10" s="437">
        <v>0</v>
      </c>
      <c r="EZ10" s="433">
        <v>0</v>
      </c>
      <c r="FA10" s="434">
        <v>0</v>
      </c>
      <c r="FB10" s="438">
        <v>0</v>
      </c>
      <c r="FC10" s="440"/>
      <c r="FD10" s="434">
        <v>0</v>
      </c>
      <c r="FE10" s="434">
        <v>0</v>
      </c>
      <c r="FF10" s="434">
        <v>0</v>
      </c>
      <c r="FG10" s="434">
        <v>0</v>
      </c>
      <c r="FH10" s="434">
        <v>0</v>
      </c>
      <c r="FI10" s="435">
        <v>0</v>
      </c>
      <c r="FJ10" s="437">
        <v>0</v>
      </c>
      <c r="FK10" s="433">
        <v>2661820</v>
      </c>
      <c r="FL10" s="434">
        <v>5506328</v>
      </c>
      <c r="FM10" s="435">
        <v>8168148</v>
      </c>
      <c r="FN10" s="433">
        <v>0</v>
      </c>
      <c r="FO10" s="434">
        <v>5815164</v>
      </c>
      <c r="FP10" s="434">
        <v>17153690</v>
      </c>
      <c r="FQ10" s="434">
        <v>13715793</v>
      </c>
      <c r="FR10" s="434">
        <v>11335124</v>
      </c>
      <c r="FS10" s="434">
        <v>6157654</v>
      </c>
      <c r="FT10" s="435">
        <v>54177425</v>
      </c>
      <c r="FU10" s="437">
        <v>62345573</v>
      </c>
      <c r="FV10" s="441">
        <v>889800</v>
      </c>
      <c r="FW10" s="434">
        <v>2873854</v>
      </c>
      <c r="FX10" s="438">
        <v>3763654</v>
      </c>
      <c r="FY10" s="439">
        <v>0</v>
      </c>
      <c r="FZ10" s="434">
        <v>3085360</v>
      </c>
      <c r="GA10" s="434">
        <v>14201706</v>
      </c>
      <c r="GB10" s="434">
        <v>11576808</v>
      </c>
      <c r="GC10" s="434">
        <v>8989320</v>
      </c>
      <c r="GD10" s="434">
        <v>5886094</v>
      </c>
      <c r="GE10" s="435">
        <v>43739288</v>
      </c>
      <c r="GF10" s="442">
        <v>47502942</v>
      </c>
      <c r="GG10" s="441">
        <v>178281</v>
      </c>
      <c r="GH10" s="434">
        <v>616570</v>
      </c>
      <c r="GI10" s="438">
        <v>794851</v>
      </c>
      <c r="GJ10" s="439">
        <v>0</v>
      </c>
      <c r="GK10" s="434">
        <v>422744</v>
      </c>
      <c r="GL10" s="434">
        <v>714650</v>
      </c>
      <c r="GM10" s="434">
        <v>710909</v>
      </c>
      <c r="GN10" s="434">
        <v>663924</v>
      </c>
      <c r="GO10" s="434">
        <v>87560</v>
      </c>
      <c r="GP10" s="435">
        <v>2599787</v>
      </c>
      <c r="GQ10" s="437">
        <v>3394638</v>
      </c>
      <c r="GR10" s="433">
        <v>1593739</v>
      </c>
      <c r="GS10" s="434">
        <v>2015904</v>
      </c>
      <c r="GT10" s="435">
        <v>3609643</v>
      </c>
      <c r="GU10" s="433">
        <v>0</v>
      </c>
      <c r="GV10" s="434">
        <v>2307060</v>
      </c>
      <c r="GW10" s="434">
        <v>2237334</v>
      </c>
      <c r="GX10" s="434">
        <v>1428076</v>
      </c>
      <c r="GY10" s="434">
        <v>1681880</v>
      </c>
      <c r="GZ10" s="434">
        <v>184000</v>
      </c>
      <c r="HA10" s="438">
        <v>7838350</v>
      </c>
      <c r="HB10" s="437">
        <v>11447993</v>
      </c>
      <c r="HC10" s="433">
        <v>4450416</v>
      </c>
      <c r="HD10" s="434">
        <v>5171521</v>
      </c>
      <c r="HE10" s="438">
        <v>9621937</v>
      </c>
      <c r="HF10" s="439">
        <v>0</v>
      </c>
      <c r="HG10" s="434">
        <v>32957477</v>
      </c>
      <c r="HH10" s="434">
        <v>42472760</v>
      </c>
      <c r="HI10" s="434">
        <v>45221080</v>
      </c>
      <c r="HJ10" s="434">
        <v>40100881</v>
      </c>
      <c r="HK10" s="434">
        <v>26292280</v>
      </c>
      <c r="HL10" s="435">
        <v>187044478</v>
      </c>
      <c r="HM10" s="436">
        <v>196666415</v>
      </c>
      <c r="HN10" s="476"/>
      <c r="HO10" s="477"/>
      <c r="HP10" s="478"/>
      <c r="HQ10" s="479"/>
      <c r="HR10" s="477"/>
      <c r="HS10" s="477"/>
      <c r="HT10" s="477"/>
      <c r="HU10" s="477"/>
      <c r="HV10" s="477"/>
      <c r="HW10" s="480"/>
      <c r="HX10" s="481"/>
      <c r="HY10" s="443">
        <v>174338</v>
      </c>
      <c r="HZ10" s="444">
        <v>600918</v>
      </c>
      <c r="IA10" s="445">
        <v>775256</v>
      </c>
      <c r="IB10" s="446">
        <v>0</v>
      </c>
      <c r="IC10" s="447">
        <v>29632443</v>
      </c>
      <c r="ID10" s="448">
        <v>46159619</v>
      </c>
      <c r="IE10" s="449">
        <v>48895338</v>
      </c>
      <c r="IF10" s="447">
        <v>30348725</v>
      </c>
      <c r="IG10" s="449">
        <v>21117142</v>
      </c>
      <c r="IH10" s="450">
        <v>176153267</v>
      </c>
      <c r="II10" s="451">
        <v>176928523</v>
      </c>
      <c r="IJ10" s="452">
        <v>0</v>
      </c>
      <c r="IK10" s="453">
        <v>0</v>
      </c>
      <c r="IL10" s="454">
        <v>0</v>
      </c>
      <c r="IM10" s="455"/>
      <c r="IN10" s="456">
        <v>387070</v>
      </c>
      <c r="IO10" s="456">
        <v>1611009</v>
      </c>
      <c r="IP10" s="456">
        <v>1887791</v>
      </c>
      <c r="IQ10" s="456">
        <v>1714519</v>
      </c>
      <c r="IR10" s="456">
        <v>1665486</v>
      </c>
      <c r="IS10" s="457">
        <v>7265875</v>
      </c>
      <c r="IT10" s="458">
        <v>7265875</v>
      </c>
      <c r="IU10" s="459">
        <v>0</v>
      </c>
      <c r="IV10" s="456">
        <v>0</v>
      </c>
      <c r="IW10" s="460">
        <v>0</v>
      </c>
      <c r="IX10" s="461"/>
      <c r="IY10" s="456">
        <v>206279</v>
      </c>
      <c r="IZ10" s="456">
        <v>497444</v>
      </c>
      <c r="JA10" s="456">
        <v>729118</v>
      </c>
      <c r="JB10" s="456">
        <v>806802</v>
      </c>
      <c r="JC10" s="456">
        <v>738663</v>
      </c>
      <c r="JD10" s="460">
        <v>2978306</v>
      </c>
      <c r="JE10" s="462">
        <v>2978306</v>
      </c>
      <c r="JF10" s="459">
        <v>0</v>
      </c>
      <c r="JG10" s="456">
        <v>0</v>
      </c>
      <c r="JH10" s="457">
        <v>0</v>
      </c>
      <c r="JI10" s="463">
        <v>0</v>
      </c>
      <c r="JJ10" s="456">
        <v>14057808</v>
      </c>
      <c r="JK10" s="456">
        <v>17048530</v>
      </c>
      <c r="JL10" s="456">
        <v>16858403</v>
      </c>
      <c r="JM10" s="456">
        <v>8081153</v>
      </c>
      <c r="JN10" s="456">
        <v>3834625</v>
      </c>
      <c r="JO10" s="460">
        <v>59880519</v>
      </c>
      <c r="JP10" s="458">
        <v>59880519</v>
      </c>
      <c r="JQ10" s="459">
        <v>0</v>
      </c>
      <c r="JR10" s="456">
        <v>104221</v>
      </c>
      <c r="JS10" s="457">
        <v>104221</v>
      </c>
      <c r="JT10" s="463">
        <v>0</v>
      </c>
      <c r="JU10" s="456">
        <v>2084312</v>
      </c>
      <c r="JV10" s="456">
        <v>4203786</v>
      </c>
      <c r="JW10" s="456">
        <v>4448864</v>
      </c>
      <c r="JX10" s="456">
        <v>3026041</v>
      </c>
      <c r="JY10" s="456">
        <v>1657014</v>
      </c>
      <c r="JZ10" s="460">
        <v>15420017</v>
      </c>
      <c r="KA10" s="458">
        <v>15524238</v>
      </c>
      <c r="KB10" s="464">
        <v>174338</v>
      </c>
      <c r="KC10" s="465">
        <v>496697</v>
      </c>
      <c r="KD10" s="460">
        <v>671035</v>
      </c>
      <c r="KE10" s="463">
        <v>0</v>
      </c>
      <c r="KF10" s="456">
        <v>3624248</v>
      </c>
      <c r="KG10" s="456">
        <v>5729321</v>
      </c>
      <c r="KH10" s="456">
        <v>7152503</v>
      </c>
      <c r="KI10" s="456">
        <v>5592599</v>
      </c>
      <c r="KJ10" s="456">
        <v>2297920</v>
      </c>
      <c r="KK10" s="460">
        <v>24396591</v>
      </c>
      <c r="KL10" s="466">
        <v>25067626</v>
      </c>
      <c r="KM10" s="452">
        <v>0</v>
      </c>
      <c r="KN10" s="453">
        <v>0</v>
      </c>
      <c r="KO10" s="454">
        <v>0</v>
      </c>
      <c r="KP10" s="455"/>
      <c r="KQ10" s="456">
        <v>8424030</v>
      </c>
      <c r="KR10" s="456">
        <v>16399677</v>
      </c>
      <c r="KS10" s="456">
        <v>16609060</v>
      </c>
      <c r="KT10" s="456">
        <v>9147226</v>
      </c>
      <c r="KU10" s="456">
        <v>4088431</v>
      </c>
      <c r="KV10" s="460">
        <v>54668424</v>
      </c>
      <c r="KW10" s="458">
        <v>54668424</v>
      </c>
      <c r="KX10" s="459">
        <v>0</v>
      </c>
      <c r="KY10" s="456">
        <v>0</v>
      </c>
      <c r="KZ10" s="460">
        <v>0</v>
      </c>
      <c r="LA10" s="467"/>
      <c r="LB10" s="456">
        <v>0</v>
      </c>
      <c r="LC10" s="456">
        <v>0</v>
      </c>
      <c r="LD10" s="456">
        <v>0</v>
      </c>
      <c r="LE10" s="456">
        <v>0</v>
      </c>
      <c r="LF10" s="456">
        <v>0</v>
      </c>
      <c r="LG10" s="460">
        <v>0</v>
      </c>
      <c r="LH10" s="462">
        <v>0</v>
      </c>
      <c r="LI10" s="459">
        <v>0</v>
      </c>
      <c r="LJ10" s="456">
        <v>0</v>
      </c>
      <c r="LK10" s="460">
        <v>0</v>
      </c>
      <c r="LL10" s="467"/>
      <c r="LM10" s="456">
        <v>0</v>
      </c>
      <c r="LN10" s="456">
        <v>246456</v>
      </c>
      <c r="LO10" s="456">
        <v>721985</v>
      </c>
      <c r="LP10" s="456">
        <v>573579</v>
      </c>
      <c r="LQ10" s="456">
        <v>614598</v>
      </c>
      <c r="LR10" s="460">
        <v>2156618</v>
      </c>
      <c r="LS10" s="458">
        <v>2156618</v>
      </c>
      <c r="LT10" s="459">
        <v>0</v>
      </c>
      <c r="LU10" s="456">
        <v>0</v>
      </c>
      <c r="LV10" s="460">
        <v>0</v>
      </c>
      <c r="LW10" s="467"/>
      <c r="LX10" s="456">
        <v>848696</v>
      </c>
      <c r="LY10" s="456">
        <v>423396</v>
      </c>
      <c r="LZ10" s="456">
        <v>487614</v>
      </c>
      <c r="MA10" s="456">
        <v>1406806</v>
      </c>
      <c r="MB10" s="456">
        <v>6220405</v>
      </c>
      <c r="MC10" s="460">
        <v>9386917</v>
      </c>
      <c r="MD10" s="462">
        <v>9386917</v>
      </c>
      <c r="ME10" s="459">
        <v>0</v>
      </c>
      <c r="MF10" s="456">
        <v>0</v>
      </c>
      <c r="MG10" s="460">
        <v>0</v>
      </c>
      <c r="MH10" s="467"/>
      <c r="MI10" s="456">
        <v>10261466</v>
      </c>
      <c r="MJ10" s="456">
        <v>35200719</v>
      </c>
      <c r="MK10" s="456">
        <v>93770286</v>
      </c>
      <c r="ML10" s="456">
        <v>128080333</v>
      </c>
      <c r="MM10" s="456">
        <v>81504324</v>
      </c>
      <c r="MN10" s="460">
        <v>348817128</v>
      </c>
      <c r="MO10" s="466">
        <v>348817128</v>
      </c>
      <c r="MP10" s="459">
        <v>0</v>
      </c>
      <c r="MQ10" s="456">
        <v>0</v>
      </c>
      <c r="MR10" s="460">
        <v>0</v>
      </c>
      <c r="MS10" s="467"/>
      <c r="MT10" s="456">
        <v>441731</v>
      </c>
      <c r="MU10" s="456">
        <v>6798979</v>
      </c>
      <c r="MV10" s="456">
        <v>53976928</v>
      </c>
      <c r="MW10" s="456">
        <v>73040076</v>
      </c>
      <c r="MX10" s="456">
        <v>50191083</v>
      </c>
      <c r="MY10" s="460">
        <v>184448797</v>
      </c>
      <c r="MZ10" s="466">
        <v>184448797</v>
      </c>
      <c r="NA10" s="459">
        <v>0</v>
      </c>
      <c r="NB10" s="456">
        <v>0</v>
      </c>
      <c r="NC10" s="460">
        <v>0</v>
      </c>
      <c r="ND10" s="467"/>
      <c r="NE10" s="456">
        <v>9819735</v>
      </c>
      <c r="NF10" s="456">
        <v>28401740</v>
      </c>
      <c r="NG10" s="456">
        <v>39793358</v>
      </c>
      <c r="NH10" s="456">
        <v>52190414</v>
      </c>
      <c r="NI10" s="456">
        <v>27055360</v>
      </c>
      <c r="NJ10" s="460">
        <v>157260607</v>
      </c>
      <c r="NK10" s="458">
        <v>157260607</v>
      </c>
      <c r="NL10" s="459">
        <v>0</v>
      </c>
      <c r="NM10" s="456">
        <v>0</v>
      </c>
      <c r="NN10" s="460">
        <v>0</v>
      </c>
      <c r="NO10" s="467"/>
      <c r="NP10" s="456">
        <v>0</v>
      </c>
      <c r="NQ10" s="456">
        <v>0</v>
      </c>
      <c r="NR10" s="456">
        <v>0</v>
      </c>
      <c r="NS10" s="456">
        <v>1054670</v>
      </c>
      <c r="NT10" s="456">
        <v>2107046</v>
      </c>
      <c r="NU10" s="460">
        <v>3161716</v>
      </c>
      <c r="NV10" s="462">
        <v>3161716</v>
      </c>
      <c r="NW10" s="459">
        <v>0</v>
      </c>
      <c r="NX10" s="456">
        <v>0</v>
      </c>
      <c r="NY10" s="460">
        <v>0</v>
      </c>
      <c r="NZ10" s="467"/>
      <c r="OA10" s="456">
        <v>0</v>
      </c>
      <c r="OB10" s="456">
        <v>0</v>
      </c>
      <c r="OC10" s="456">
        <v>0</v>
      </c>
      <c r="OD10" s="456">
        <v>1795173</v>
      </c>
      <c r="OE10" s="456">
        <v>2150835</v>
      </c>
      <c r="OF10" s="460">
        <v>3946008</v>
      </c>
      <c r="OG10" s="462">
        <v>3946008</v>
      </c>
      <c r="OH10" s="459">
        <v>12702876</v>
      </c>
      <c r="OI10" s="456">
        <v>24300020</v>
      </c>
      <c r="OJ10" s="457">
        <v>37002896</v>
      </c>
      <c r="OK10" s="463">
        <v>0</v>
      </c>
      <c r="OL10" s="456">
        <v>152223953</v>
      </c>
      <c r="OM10" s="456">
        <v>264764486</v>
      </c>
      <c r="ON10" s="456">
        <v>306440100</v>
      </c>
      <c r="OO10" s="456">
        <v>283264531</v>
      </c>
      <c r="OP10" s="456">
        <v>190493149</v>
      </c>
      <c r="OQ10" s="460">
        <v>1197186219</v>
      </c>
      <c r="OR10" s="466">
        <v>1234189115</v>
      </c>
    </row>
    <row r="11" spans="1:408" ht="20.25" customHeight="1" x14ac:dyDescent="0.2">
      <c r="A11" s="126" t="s">
        <v>6</v>
      </c>
      <c r="B11" s="110">
        <v>4475767</v>
      </c>
      <c r="C11" s="114">
        <v>4268751</v>
      </c>
      <c r="D11" s="113">
        <v>8744518</v>
      </c>
      <c r="E11" s="109">
        <v>0</v>
      </c>
      <c r="F11" s="114">
        <v>40421917</v>
      </c>
      <c r="G11" s="114">
        <v>43910154</v>
      </c>
      <c r="H11" s="114">
        <v>39376536</v>
      </c>
      <c r="I11" s="114">
        <v>42751436</v>
      </c>
      <c r="J11" s="114">
        <v>29870194</v>
      </c>
      <c r="K11" s="109">
        <v>196330237</v>
      </c>
      <c r="L11" s="116">
        <v>205074755</v>
      </c>
      <c r="M11" s="110">
        <v>1264632</v>
      </c>
      <c r="N11" s="114">
        <v>1401653</v>
      </c>
      <c r="O11" s="113">
        <v>2666285</v>
      </c>
      <c r="P11" s="110">
        <v>0</v>
      </c>
      <c r="Q11" s="114">
        <v>13437504</v>
      </c>
      <c r="R11" s="114">
        <v>15282428</v>
      </c>
      <c r="S11" s="114">
        <v>14102512</v>
      </c>
      <c r="T11" s="114">
        <v>17655337</v>
      </c>
      <c r="U11" s="114">
        <v>16311425</v>
      </c>
      <c r="V11" s="113">
        <v>76789206</v>
      </c>
      <c r="W11" s="116">
        <v>79455491</v>
      </c>
      <c r="X11" s="110">
        <v>0</v>
      </c>
      <c r="Y11" s="114">
        <v>0</v>
      </c>
      <c r="Z11" s="113">
        <v>0</v>
      </c>
      <c r="AA11" s="110">
        <v>0</v>
      </c>
      <c r="AB11" s="114">
        <v>5552945</v>
      </c>
      <c r="AC11" s="114">
        <v>6565030</v>
      </c>
      <c r="AD11" s="114">
        <v>7710161</v>
      </c>
      <c r="AE11" s="114">
        <v>9127312</v>
      </c>
      <c r="AF11" s="114">
        <v>8886683</v>
      </c>
      <c r="AG11" s="113">
        <v>37842131</v>
      </c>
      <c r="AH11" s="116">
        <v>37842131</v>
      </c>
      <c r="AI11" s="110">
        <v>0</v>
      </c>
      <c r="AJ11" s="114">
        <v>0</v>
      </c>
      <c r="AK11" s="113">
        <v>0</v>
      </c>
      <c r="AL11" s="110">
        <v>0</v>
      </c>
      <c r="AM11" s="114">
        <v>60136</v>
      </c>
      <c r="AN11" s="114">
        <v>156354</v>
      </c>
      <c r="AO11" s="114">
        <v>266510</v>
      </c>
      <c r="AP11" s="114">
        <v>963084</v>
      </c>
      <c r="AQ11" s="114">
        <v>1855552</v>
      </c>
      <c r="AR11" s="113">
        <v>3301636</v>
      </c>
      <c r="AS11" s="116">
        <v>3301636</v>
      </c>
      <c r="AT11" s="110">
        <v>574839</v>
      </c>
      <c r="AU11" s="114">
        <v>973741</v>
      </c>
      <c r="AV11" s="113">
        <v>1548580</v>
      </c>
      <c r="AW11" s="110">
        <v>0</v>
      </c>
      <c r="AX11" s="114">
        <v>5022750</v>
      </c>
      <c r="AY11" s="114">
        <v>5370051</v>
      </c>
      <c r="AZ11" s="114">
        <v>3264228</v>
      </c>
      <c r="BA11" s="114">
        <v>4624958</v>
      </c>
      <c r="BB11" s="114">
        <v>3621517</v>
      </c>
      <c r="BC11" s="113">
        <v>21903504</v>
      </c>
      <c r="BD11" s="116">
        <v>23452084</v>
      </c>
      <c r="BE11" s="110">
        <v>42961</v>
      </c>
      <c r="BF11" s="114">
        <v>21376</v>
      </c>
      <c r="BG11" s="112">
        <v>64337</v>
      </c>
      <c r="BH11" s="111">
        <v>0</v>
      </c>
      <c r="BI11" s="114">
        <v>458681</v>
      </c>
      <c r="BJ11" s="114">
        <v>492137</v>
      </c>
      <c r="BK11" s="114">
        <v>308341</v>
      </c>
      <c r="BL11" s="114">
        <v>396007</v>
      </c>
      <c r="BM11" s="114">
        <v>313257</v>
      </c>
      <c r="BN11" s="113">
        <v>1968423</v>
      </c>
      <c r="BO11" s="116">
        <v>2032760</v>
      </c>
      <c r="BP11" s="110">
        <v>646832</v>
      </c>
      <c r="BQ11" s="114">
        <v>406536</v>
      </c>
      <c r="BR11" s="113">
        <v>1053368</v>
      </c>
      <c r="BS11" s="110">
        <v>0</v>
      </c>
      <c r="BT11" s="114">
        <v>2342992</v>
      </c>
      <c r="BU11" s="114">
        <v>2698856</v>
      </c>
      <c r="BV11" s="114">
        <v>2553272</v>
      </c>
      <c r="BW11" s="114">
        <v>2543976</v>
      </c>
      <c r="BX11" s="114">
        <v>1634416</v>
      </c>
      <c r="BY11" s="113">
        <v>11773512</v>
      </c>
      <c r="BZ11" s="116">
        <v>12826880</v>
      </c>
      <c r="CA11" s="110">
        <v>87219</v>
      </c>
      <c r="CB11" s="114">
        <v>478302</v>
      </c>
      <c r="CC11" s="113">
        <v>565521</v>
      </c>
      <c r="CD11" s="110">
        <v>0</v>
      </c>
      <c r="CE11" s="114">
        <v>12225255</v>
      </c>
      <c r="CF11" s="114">
        <v>11851438</v>
      </c>
      <c r="CG11" s="114">
        <v>9972333</v>
      </c>
      <c r="CH11" s="114">
        <v>6286452</v>
      </c>
      <c r="CI11" s="114">
        <v>2986417</v>
      </c>
      <c r="CJ11" s="113">
        <v>43321895</v>
      </c>
      <c r="CK11" s="116">
        <v>43887416</v>
      </c>
      <c r="CL11" s="110">
        <v>0</v>
      </c>
      <c r="CM11" s="114">
        <v>0</v>
      </c>
      <c r="CN11" s="113">
        <v>0</v>
      </c>
      <c r="CO11" s="111">
        <v>0</v>
      </c>
      <c r="CP11" s="114">
        <v>9658084</v>
      </c>
      <c r="CQ11" s="114">
        <v>8313529</v>
      </c>
      <c r="CR11" s="114">
        <v>7089202</v>
      </c>
      <c r="CS11" s="114">
        <v>4715951</v>
      </c>
      <c r="CT11" s="114">
        <v>2155489</v>
      </c>
      <c r="CU11" s="113">
        <v>31932255</v>
      </c>
      <c r="CV11" s="116">
        <v>31932255</v>
      </c>
      <c r="CW11" s="110">
        <v>87219</v>
      </c>
      <c r="CX11" s="114">
        <v>478302</v>
      </c>
      <c r="CY11" s="113">
        <v>565521</v>
      </c>
      <c r="CZ11" s="110">
        <v>0</v>
      </c>
      <c r="DA11" s="114">
        <v>2567171</v>
      </c>
      <c r="DB11" s="114">
        <v>3537909</v>
      </c>
      <c r="DC11" s="114">
        <v>2883131</v>
      </c>
      <c r="DD11" s="114">
        <v>1570501</v>
      </c>
      <c r="DE11" s="114">
        <v>830928</v>
      </c>
      <c r="DF11" s="113">
        <v>11389640</v>
      </c>
      <c r="DG11" s="116">
        <v>11955161</v>
      </c>
      <c r="DH11" s="110">
        <v>0</v>
      </c>
      <c r="DI11" s="114">
        <v>43432</v>
      </c>
      <c r="DJ11" s="112">
        <v>43432</v>
      </c>
      <c r="DK11" s="111">
        <v>0</v>
      </c>
      <c r="DL11" s="114">
        <v>1112295</v>
      </c>
      <c r="DM11" s="114">
        <v>1516360</v>
      </c>
      <c r="DN11" s="114">
        <v>2128674</v>
      </c>
      <c r="DO11" s="114">
        <v>2789216</v>
      </c>
      <c r="DP11" s="114">
        <v>1416627</v>
      </c>
      <c r="DQ11" s="113">
        <v>8963172</v>
      </c>
      <c r="DR11" s="116">
        <v>9006604</v>
      </c>
      <c r="DS11" s="110">
        <v>0</v>
      </c>
      <c r="DT11" s="114">
        <v>43432</v>
      </c>
      <c r="DU11" s="113">
        <v>43432</v>
      </c>
      <c r="DV11" s="110">
        <v>0</v>
      </c>
      <c r="DW11" s="114">
        <v>939929</v>
      </c>
      <c r="DX11" s="114">
        <v>1278687</v>
      </c>
      <c r="DY11" s="114">
        <v>1925949</v>
      </c>
      <c r="DZ11" s="114">
        <v>2373413</v>
      </c>
      <c r="EA11" s="114">
        <v>1043857</v>
      </c>
      <c r="EB11" s="113">
        <v>7561835</v>
      </c>
      <c r="EC11" s="116">
        <v>7605267</v>
      </c>
      <c r="ED11" s="110">
        <v>0</v>
      </c>
      <c r="EE11" s="112">
        <v>0</v>
      </c>
      <c r="EF11" s="113">
        <v>0</v>
      </c>
      <c r="EG11" s="110">
        <v>0</v>
      </c>
      <c r="EH11" s="114">
        <v>172366</v>
      </c>
      <c r="EI11" s="114">
        <v>237673</v>
      </c>
      <c r="EJ11" s="114">
        <v>202725</v>
      </c>
      <c r="EK11" s="114">
        <v>415803</v>
      </c>
      <c r="EL11" s="114">
        <v>372770</v>
      </c>
      <c r="EM11" s="112">
        <v>1401337</v>
      </c>
      <c r="EN11" s="116">
        <v>1401337</v>
      </c>
      <c r="EO11" s="110">
        <v>0</v>
      </c>
      <c r="EP11" s="114">
        <v>0</v>
      </c>
      <c r="EQ11" s="112">
        <v>0</v>
      </c>
      <c r="ER11" s="111">
        <v>0</v>
      </c>
      <c r="ES11" s="114">
        <v>0</v>
      </c>
      <c r="ET11" s="114">
        <v>0</v>
      </c>
      <c r="EU11" s="114">
        <v>0</v>
      </c>
      <c r="EV11" s="114">
        <v>0</v>
      </c>
      <c r="EW11" s="114">
        <v>0</v>
      </c>
      <c r="EX11" s="113">
        <v>0</v>
      </c>
      <c r="EY11" s="116">
        <v>0</v>
      </c>
      <c r="EZ11" s="110">
        <v>0</v>
      </c>
      <c r="FA11" s="114">
        <v>0</v>
      </c>
      <c r="FB11" s="112">
        <v>0</v>
      </c>
      <c r="FC11" s="348"/>
      <c r="FD11" s="114">
        <v>0</v>
      </c>
      <c r="FE11" s="114">
        <v>0</v>
      </c>
      <c r="FF11" s="114">
        <v>0</v>
      </c>
      <c r="FG11" s="114">
        <v>0</v>
      </c>
      <c r="FH11" s="114">
        <v>0</v>
      </c>
      <c r="FI11" s="113">
        <v>0</v>
      </c>
      <c r="FJ11" s="116">
        <v>0</v>
      </c>
      <c r="FK11" s="110">
        <v>753882</v>
      </c>
      <c r="FL11" s="114">
        <v>921320</v>
      </c>
      <c r="FM11" s="113">
        <v>1675202</v>
      </c>
      <c r="FN11" s="110">
        <v>0</v>
      </c>
      <c r="FO11" s="114">
        <v>2347736</v>
      </c>
      <c r="FP11" s="114">
        <v>3855342</v>
      </c>
      <c r="FQ11" s="114">
        <v>3102648</v>
      </c>
      <c r="FR11" s="114">
        <v>3834012</v>
      </c>
      <c r="FS11" s="114">
        <v>2510192</v>
      </c>
      <c r="FT11" s="113">
        <v>15649930</v>
      </c>
      <c r="FU11" s="116">
        <v>17325132</v>
      </c>
      <c r="FV11" s="115">
        <v>339642</v>
      </c>
      <c r="FW11" s="114">
        <v>657032</v>
      </c>
      <c r="FX11" s="112">
        <v>996674</v>
      </c>
      <c r="FY11" s="111">
        <v>0</v>
      </c>
      <c r="FZ11" s="114">
        <v>1756424</v>
      </c>
      <c r="GA11" s="114">
        <v>3465440</v>
      </c>
      <c r="GB11" s="114">
        <v>2993048</v>
      </c>
      <c r="GC11" s="114">
        <v>3262556</v>
      </c>
      <c r="GD11" s="114">
        <v>2308672</v>
      </c>
      <c r="GE11" s="113">
        <v>13786140</v>
      </c>
      <c r="GF11" s="319">
        <v>14782814</v>
      </c>
      <c r="GG11" s="115">
        <v>90076</v>
      </c>
      <c r="GH11" s="114">
        <v>69888</v>
      </c>
      <c r="GI11" s="112">
        <v>159964</v>
      </c>
      <c r="GJ11" s="111">
        <v>0</v>
      </c>
      <c r="GK11" s="114">
        <v>161408</v>
      </c>
      <c r="GL11" s="114">
        <v>241700</v>
      </c>
      <c r="GM11" s="114">
        <v>109600</v>
      </c>
      <c r="GN11" s="114">
        <v>201616</v>
      </c>
      <c r="GO11" s="114">
        <v>10560</v>
      </c>
      <c r="GP11" s="113">
        <v>724884</v>
      </c>
      <c r="GQ11" s="116">
        <v>884848</v>
      </c>
      <c r="GR11" s="110">
        <v>324164</v>
      </c>
      <c r="GS11" s="114">
        <v>194400</v>
      </c>
      <c r="GT11" s="113">
        <v>518564</v>
      </c>
      <c r="GU11" s="110">
        <v>0</v>
      </c>
      <c r="GV11" s="114">
        <v>429904</v>
      </c>
      <c r="GW11" s="114">
        <v>148202</v>
      </c>
      <c r="GX11" s="114">
        <v>0</v>
      </c>
      <c r="GY11" s="114">
        <v>369840</v>
      </c>
      <c r="GZ11" s="114">
        <v>190960</v>
      </c>
      <c r="HA11" s="112">
        <v>1138906</v>
      </c>
      <c r="HB11" s="116">
        <v>1657470</v>
      </c>
      <c r="HC11" s="110">
        <v>2370034</v>
      </c>
      <c r="HD11" s="114">
        <v>1424044</v>
      </c>
      <c r="HE11" s="112">
        <v>3794078</v>
      </c>
      <c r="HF11" s="111">
        <v>0</v>
      </c>
      <c r="HG11" s="114">
        <v>11299127</v>
      </c>
      <c r="HH11" s="114">
        <v>11404586</v>
      </c>
      <c r="HI11" s="114">
        <v>10070369</v>
      </c>
      <c r="HJ11" s="114">
        <v>12186419</v>
      </c>
      <c r="HK11" s="114">
        <v>6645533</v>
      </c>
      <c r="HL11" s="113">
        <v>51606034</v>
      </c>
      <c r="HM11" s="109">
        <v>55400112</v>
      </c>
      <c r="HN11" s="329"/>
      <c r="HO11" s="330"/>
      <c r="HP11" s="331"/>
      <c r="HQ11" s="332"/>
      <c r="HR11" s="330"/>
      <c r="HS11" s="330"/>
      <c r="HT11" s="330"/>
      <c r="HU11" s="330"/>
      <c r="HV11" s="330"/>
      <c r="HW11" s="333"/>
      <c r="HX11" s="334"/>
      <c r="HY11" s="131">
        <v>80833</v>
      </c>
      <c r="HZ11" s="132">
        <v>68152</v>
      </c>
      <c r="IA11" s="133">
        <v>148985</v>
      </c>
      <c r="IB11" s="146">
        <v>0</v>
      </c>
      <c r="IC11" s="132">
        <v>12077932</v>
      </c>
      <c r="ID11" s="147">
        <v>15587505</v>
      </c>
      <c r="IE11" s="133">
        <v>17159356</v>
      </c>
      <c r="IF11" s="132">
        <v>15021864</v>
      </c>
      <c r="IG11" s="133">
        <v>7685547</v>
      </c>
      <c r="IH11" s="148">
        <v>67532204</v>
      </c>
      <c r="II11" s="139">
        <v>67681189</v>
      </c>
      <c r="IJ11" s="232">
        <v>0</v>
      </c>
      <c r="IK11" s="236">
        <v>0</v>
      </c>
      <c r="IL11" s="237">
        <v>0</v>
      </c>
      <c r="IM11" s="140"/>
      <c r="IN11" s="119">
        <v>218091</v>
      </c>
      <c r="IO11" s="119">
        <v>759426</v>
      </c>
      <c r="IP11" s="119">
        <v>591127</v>
      </c>
      <c r="IQ11" s="119">
        <v>2756450</v>
      </c>
      <c r="IR11" s="119">
        <v>720631</v>
      </c>
      <c r="IS11" s="141">
        <v>5045725</v>
      </c>
      <c r="IT11" s="321">
        <v>5045725</v>
      </c>
      <c r="IU11" s="142">
        <v>0</v>
      </c>
      <c r="IV11" s="119">
        <v>0</v>
      </c>
      <c r="IW11" s="120">
        <v>0</v>
      </c>
      <c r="IX11" s="144"/>
      <c r="IY11" s="119">
        <v>86786</v>
      </c>
      <c r="IZ11" s="119">
        <v>281365</v>
      </c>
      <c r="JA11" s="119">
        <v>425835</v>
      </c>
      <c r="JB11" s="119">
        <v>239267</v>
      </c>
      <c r="JC11" s="119">
        <v>150353</v>
      </c>
      <c r="JD11" s="120">
        <v>1183606</v>
      </c>
      <c r="JE11" s="121">
        <v>1183606</v>
      </c>
      <c r="JF11" s="142">
        <v>0</v>
      </c>
      <c r="JG11" s="119">
        <v>0</v>
      </c>
      <c r="JH11" s="141">
        <v>0</v>
      </c>
      <c r="JI11" s="118">
        <v>0</v>
      </c>
      <c r="JJ11" s="119">
        <v>4746125</v>
      </c>
      <c r="JK11" s="119">
        <v>3877443</v>
      </c>
      <c r="JL11" s="119">
        <v>2925328</v>
      </c>
      <c r="JM11" s="119">
        <v>2013745</v>
      </c>
      <c r="JN11" s="119">
        <v>655039</v>
      </c>
      <c r="JO11" s="120">
        <v>14217680</v>
      </c>
      <c r="JP11" s="321">
        <v>14217680</v>
      </c>
      <c r="JQ11" s="142">
        <v>0</v>
      </c>
      <c r="JR11" s="119">
        <v>0</v>
      </c>
      <c r="JS11" s="141">
        <v>0</v>
      </c>
      <c r="JT11" s="118">
        <v>0</v>
      </c>
      <c r="JU11" s="119">
        <v>1264285</v>
      </c>
      <c r="JV11" s="119">
        <v>1106443</v>
      </c>
      <c r="JW11" s="119">
        <v>1794459</v>
      </c>
      <c r="JX11" s="119">
        <v>747043</v>
      </c>
      <c r="JY11" s="119">
        <v>454834</v>
      </c>
      <c r="JZ11" s="120">
        <v>5367064</v>
      </c>
      <c r="KA11" s="321">
        <v>5367064</v>
      </c>
      <c r="KB11" s="234">
        <v>80833</v>
      </c>
      <c r="KC11" s="230">
        <v>68152</v>
      </c>
      <c r="KD11" s="120">
        <v>148985</v>
      </c>
      <c r="KE11" s="118">
        <v>0</v>
      </c>
      <c r="KF11" s="119">
        <v>1068252</v>
      </c>
      <c r="KG11" s="119">
        <v>2268817</v>
      </c>
      <c r="KH11" s="119">
        <v>1611687</v>
      </c>
      <c r="KI11" s="119">
        <v>1241221</v>
      </c>
      <c r="KJ11" s="119">
        <v>566498</v>
      </c>
      <c r="KK11" s="120">
        <v>6756475</v>
      </c>
      <c r="KL11" s="143">
        <v>6905460</v>
      </c>
      <c r="KM11" s="232">
        <v>0</v>
      </c>
      <c r="KN11" s="236">
        <v>0</v>
      </c>
      <c r="KO11" s="237">
        <v>0</v>
      </c>
      <c r="KP11" s="140"/>
      <c r="KQ11" s="119">
        <v>3966421</v>
      </c>
      <c r="KR11" s="119">
        <v>6195033</v>
      </c>
      <c r="KS11" s="119">
        <v>7219783</v>
      </c>
      <c r="KT11" s="119">
        <v>4864522</v>
      </c>
      <c r="KU11" s="119">
        <v>2571823</v>
      </c>
      <c r="KV11" s="120">
        <v>24817582</v>
      </c>
      <c r="KW11" s="321">
        <v>24817582</v>
      </c>
      <c r="KX11" s="142">
        <v>0</v>
      </c>
      <c r="KY11" s="119">
        <v>0</v>
      </c>
      <c r="KZ11" s="120">
        <v>0</v>
      </c>
      <c r="LA11" s="145"/>
      <c r="LB11" s="119">
        <v>0</v>
      </c>
      <c r="LC11" s="119">
        <v>0</v>
      </c>
      <c r="LD11" s="119">
        <v>0</v>
      </c>
      <c r="LE11" s="119">
        <v>0</v>
      </c>
      <c r="LF11" s="119">
        <v>0</v>
      </c>
      <c r="LG11" s="120">
        <v>0</v>
      </c>
      <c r="LH11" s="121">
        <v>0</v>
      </c>
      <c r="LI11" s="142">
        <v>0</v>
      </c>
      <c r="LJ11" s="119">
        <v>0</v>
      </c>
      <c r="LK11" s="120">
        <v>0</v>
      </c>
      <c r="LL11" s="145"/>
      <c r="LM11" s="119">
        <v>0</v>
      </c>
      <c r="LN11" s="119">
        <v>0</v>
      </c>
      <c r="LO11" s="119">
        <v>2014813</v>
      </c>
      <c r="LP11" s="119">
        <v>995174</v>
      </c>
      <c r="LQ11" s="119">
        <v>764395</v>
      </c>
      <c r="LR11" s="120">
        <v>3774382</v>
      </c>
      <c r="LS11" s="321">
        <v>3774382</v>
      </c>
      <c r="LT11" s="142">
        <v>0</v>
      </c>
      <c r="LU11" s="119">
        <v>0</v>
      </c>
      <c r="LV11" s="120">
        <v>0</v>
      </c>
      <c r="LW11" s="145"/>
      <c r="LX11" s="119">
        <v>727972</v>
      </c>
      <c r="LY11" s="119">
        <v>1098978</v>
      </c>
      <c r="LZ11" s="119">
        <v>576324</v>
      </c>
      <c r="MA11" s="119">
        <v>2164442</v>
      </c>
      <c r="MB11" s="119">
        <v>1801974</v>
      </c>
      <c r="MC11" s="120">
        <v>6369690</v>
      </c>
      <c r="MD11" s="121">
        <v>6369690</v>
      </c>
      <c r="ME11" s="142">
        <v>0</v>
      </c>
      <c r="MF11" s="119">
        <v>0</v>
      </c>
      <c r="MG11" s="120">
        <v>0</v>
      </c>
      <c r="MH11" s="145"/>
      <c r="MI11" s="119">
        <v>2538573</v>
      </c>
      <c r="MJ11" s="119">
        <v>6808242</v>
      </c>
      <c r="MK11" s="119">
        <v>19175226</v>
      </c>
      <c r="ML11" s="119">
        <v>28016807</v>
      </c>
      <c r="MM11" s="119">
        <v>20843192</v>
      </c>
      <c r="MN11" s="120">
        <v>77382040</v>
      </c>
      <c r="MO11" s="143">
        <v>77382040</v>
      </c>
      <c r="MP11" s="142">
        <v>0</v>
      </c>
      <c r="MQ11" s="119">
        <v>0</v>
      </c>
      <c r="MR11" s="120">
        <v>0</v>
      </c>
      <c r="MS11" s="145"/>
      <c r="MT11" s="119">
        <v>0</v>
      </c>
      <c r="MU11" s="119">
        <v>1340725</v>
      </c>
      <c r="MV11" s="119">
        <v>9864580</v>
      </c>
      <c r="MW11" s="119">
        <v>13835932</v>
      </c>
      <c r="MX11" s="119">
        <v>9963436</v>
      </c>
      <c r="MY11" s="120">
        <v>35004673</v>
      </c>
      <c r="MZ11" s="143">
        <v>35004673</v>
      </c>
      <c r="NA11" s="142">
        <v>0</v>
      </c>
      <c r="NB11" s="119">
        <v>0</v>
      </c>
      <c r="NC11" s="120">
        <v>0</v>
      </c>
      <c r="ND11" s="145"/>
      <c r="NE11" s="119">
        <v>2479443</v>
      </c>
      <c r="NF11" s="119">
        <v>5467517</v>
      </c>
      <c r="NG11" s="119">
        <v>8675573</v>
      </c>
      <c r="NH11" s="119">
        <v>10440777</v>
      </c>
      <c r="NI11" s="119">
        <v>6270744</v>
      </c>
      <c r="NJ11" s="120">
        <v>33334054</v>
      </c>
      <c r="NK11" s="321">
        <v>33334054</v>
      </c>
      <c r="NL11" s="142">
        <v>0</v>
      </c>
      <c r="NM11" s="119">
        <v>0</v>
      </c>
      <c r="NN11" s="120">
        <v>0</v>
      </c>
      <c r="NO11" s="145"/>
      <c r="NP11" s="119">
        <v>59130</v>
      </c>
      <c r="NQ11" s="119">
        <v>0</v>
      </c>
      <c r="NR11" s="119">
        <v>635073</v>
      </c>
      <c r="NS11" s="119">
        <v>3050000</v>
      </c>
      <c r="NT11" s="119">
        <v>1936901</v>
      </c>
      <c r="NU11" s="120">
        <v>5681104</v>
      </c>
      <c r="NV11" s="121">
        <v>5681104</v>
      </c>
      <c r="NW11" s="142">
        <v>0</v>
      </c>
      <c r="NX11" s="119">
        <v>0</v>
      </c>
      <c r="NY11" s="120">
        <v>0</v>
      </c>
      <c r="NZ11" s="145"/>
      <c r="OA11" s="119">
        <v>0</v>
      </c>
      <c r="OB11" s="119">
        <v>0</v>
      </c>
      <c r="OC11" s="119">
        <v>0</v>
      </c>
      <c r="OD11" s="119">
        <v>690098</v>
      </c>
      <c r="OE11" s="119">
        <v>2672111</v>
      </c>
      <c r="OF11" s="120">
        <v>3362209</v>
      </c>
      <c r="OG11" s="121">
        <v>3362209</v>
      </c>
      <c r="OH11" s="142">
        <v>4556600</v>
      </c>
      <c r="OI11" s="119">
        <v>4336903</v>
      </c>
      <c r="OJ11" s="141">
        <v>8893503</v>
      </c>
      <c r="OK11" s="118">
        <v>0</v>
      </c>
      <c r="OL11" s="119">
        <v>55038422</v>
      </c>
      <c r="OM11" s="119">
        <v>66305901</v>
      </c>
      <c r="ON11" s="119">
        <v>75711118</v>
      </c>
      <c r="OO11" s="119">
        <v>85790107</v>
      </c>
      <c r="OP11" s="119">
        <v>58398933</v>
      </c>
      <c r="OQ11" s="120">
        <v>341244481</v>
      </c>
      <c r="OR11" s="143">
        <v>350137984</v>
      </c>
    </row>
    <row r="12" spans="1:408" ht="20.25" customHeight="1" x14ac:dyDescent="0.2">
      <c r="A12" s="126" t="s">
        <v>14</v>
      </c>
      <c r="B12" s="110">
        <v>1984556</v>
      </c>
      <c r="C12" s="114">
        <v>3380939</v>
      </c>
      <c r="D12" s="113">
        <v>5365495</v>
      </c>
      <c r="E12" s="109">
        <v>0</v>
      </c>
      <c r="F12" s="114">
        <v>21686874</v>
      </c>
      <c r="G12" s="114">
        <v>24970416</v>
      </c>
      <c r="H12" s="114">
        <v>23345740</v>
      </c>
      <c r="I12" s="114">
        <v>18869047</v>
      </c>
      <c r="J12" s="114">
        <v>14376451</v>
      </c>
      <c r="K12" s="112">
        <v>103248528</v>
      </c>
      <c r="L12" s="116">
        <v>108614023</v>
      </c>
      <c r="M12" s="110">
        <v>416856</v>
      </c>
      <c r="N12" s="114">
        <v>1103304</v>
      </c>
      <c r="O12" s="113">
        <v>1520160</v>
      </c>
      <c r="P12" s="110">
        <v>0</v>
      </c>
      <c r="Q12" s="114">
        <v>6545324</v>
      </c>
      <c r="R12" s="114">
        <v>8450126</v>
      </c>
      <c r="S12" s="114">
        <v>6760099</v>
      </c>
      <c r="T12" s="114">
        <v>5074722</v>
      </c>
      <c r="U12" s="114">
        <v>6376891</v>
      </c>
      <c r="V12" s="113">
        <v>33207162</v>
      </c>
      <c r="W12" s="116">
        <v>34727322</v>
      </c>
      <c r="X12" s="110">
        <v>0</v>
      </c>
      <c r="Y12" s="114">
        <v>0</v>
      </c>
      <c r="Z12" s="113">
        <v>0</v>
      </c>
      <c r="AA12" s="110">
        <v>0</v>
      </c>
      <c r="AB12" s="114">
        <v>3042393</v>
      </c>
      <c r="AC12" s="114">
        <v>4235464</v>
      </c>
      <c r="AD12" s="114">
        <v>3281735</v>
      </c>
      <c r="AE12" s="114">
        <v>1673764</v>
      </c>
      <c r="AF12" s="114">
        <v>3287052</v>
      </c>
      <c r="AG12" s="113">
        <v>15520408</v>
      </c>
      <c r="AH12" s="116">
        <v>15520408</v>
      </c>
      <c r="AI12" s="110">
        <v>0</v>
      </c>
      <c r="AJ12" s="114">
        <v>0</v>
      </c>
      <c r="AK12" s="113">
        <v>0</v>
      </c>
      <c r="AL12" s="110">
        <v>0</v>
      </c>
      <c r="AM12" s="114">
        <v>0</v>
      </c>
      <c r="AN12" s="114">
        <v>13397</v>
      </c>
      <c r="AO12" s="114">
        <v>13588</v>
      </c>
      <c r="AP12" s="114">
        <v>318481</v>
      </c>
      <c r="AQ12" s="114">
        <v>772644</v>
      </c>
      <c r="AR12" s="113">
        <v>1118110</v>
      </c>
      <c r="AS12" s="116">
        <v>1118110</v>
      </c>
      <c r="AT12" s="110">
        <v>143431</v>
      </c>
      <c r="AU12" s="114">
        <v>677962</v>
      </c>
      <c r="AV12" s="113">
        <v>821393</v>
      </c>
      <c r="AW12" s="110">
        <v>0</v>
      </c>
      <c r="AX12" s="114">
        <v>2239995</v>
      </c>
      <c r="AY12" s="114">
        <v>2917777</v>
      </c>
      <c r="AZ12" s="114">
        <v>2301303</v>
      </c>
      <c r="BA12" s="114">
        <v>1961679</v>
      </c>
      <c r="BB12" s="114">
        <v>1323242</v>
      </c>
      <c r="BC12" s="113">
        <v>10743996</v>
      </c>
      <c r="BD12" s="116">
        <v>11565389</v>
      </c>
      <c r="BE12" s="110">
        <v>21353</v>
      </c>
      <c r="BF12" s="114">
        <v>128310</v>
      </c>
      <c r="BG12" s="112">
        <v>149663</v>
      </c>
      <c r="BH12" s="111">
        <v>0</v>
      </c>
      <c r="BI12" s="114">
        <v>0</v>
      </c>
      <c r="BJ12" s="114">
        <v>0</v>
      </c>
      <c r="BK12" s="114">
        <v>88305</v>
      </c>
      <c r="BL12" s="114">
        <v>116166</v>
      </c>
      <c r="BM12" s="114">
        <v>50937</v>
      </c>
      <c r="BN12" s="113">
        <v>255408</v>
      </c>
      <c r="BO12" s="116">
        <v>405071</v>
      </c>
      <c r="BP12" s="110">
        <v>252072</v>
      </c>
      <c r="BQ12" s="114">
        <v>297032</v>
      </c>
      <c r="BR12" s="113">
        <v>549104</v>
      </c>
      <c r="BS12" s="110">
        <v>0</v>
      </c>
      <c r="BT12" s="114">
        <v>1262936</v>
      </c>
      <c r="BU12" s="114">
        <v>1283488</v>
      </c>
      <c r="BV12" s="114">
        <v>1075168</v>
      </c>
      <c r="BW12" s="114">
        <v>1004632</v>
      </c>
      <c r="BX12" s="114">
        <v>943016</v>
      </c>
      <c r="BY12" s="113">
        <v>5569240</v>
      </c>
      <c r="BZ12" s="116">
        <v>6118344</v>
      </c>
      <c r="CA12" s="110">
        <v>129996</v>
      </c>
      <c r="CB12" s="114">
        <v>426742</v>
      </c>
      <c r="CC12" s="113">
        <v>556738</v>
      </c>
      <c r="CD12" s="110">
        <v>0</v>
      </c>
      <c r="CE12" s="114">
        <v>5929344</v>
      </c>
      <c r="CF12" s="114">
        <v>7691636</v>
      </c>
      <c r="CG12" s="114">
        <v>7762599</v>
      </c>
      <c r="CH12" s="114">
        <v>5273045</v>
      </c>
      <c r="CI12" s="114">
        <v>1348594</v>
      </c>
      <c r="CJ12" s="113">
        <v>28005218</v>
      </c>
      <c r="CK12" s="116">
        <v>28561956</v>
      </c>
      <c r="CL12" s="110">
        <v>0</v>
      </c>
      <c r="CM12" s="114">
        <v>0</v>
      </c>
      <c r="CN12" s="113">
        <v>0</v>
      </c>
      <c r="CO12" s="111">
        <v>0</v>
      </c>
      <c r="CP12" s="114">
        <v>5640658</v>
      </c>
      <c r="CQ12" s="114">
        <v>6154969</v>
      </c>
      <c r="CR12" s="114">
        <v>6199143</v>
      </c>
      <c r="CS12" s="114">
        <v>4514528</v>
      </c>
      <c r="CT12" s="114">
        <v>1115602</v>
      </c>
      <c r="CU12" s="113">
        <v>23624900</v>
      </c>
      <c r="CV12" s="116">
        <v>23624900</v>
      </c>
      <c r="CW12" s="110">
        <v>129996</v>
      </c>
      <c r="CX12" s="114">
        <v>426742</v>
      </c>
      <c r="CY12" s="113">
        <v>556738</v>
      </c>
      <c r="CZ12" s="110">
        <v>0</v>
      </c>
      <c r="DA12" s="114">
        <v>288686</v>
      </c>
      <c r="DB12" s="114">
        <v>1536667</v>
      </c>
      <c r="DC12" s="114">
        <v>1563456</v>
      </c>
      <c r="DD12" s="114">
        <v>758517</v>
      </c>
      <c r="DE12" s="114">
        <v>232992</v>
      </c>
      <c r="DF12" s="113">
        <v>4380318</v>
      </c>
      <c r="DG12" s="116">
        <v>4937056</v>
      </c>
      <c r="DH12" s="110">
        <v>0</v>
      </c>
      <c r="DI12" s="114">
        <v>19264</v>
      </c>
      <c r="DJ12" s="112">
        <v>19264</v>
      </c>
      <c r="DK12" s="111">
        <v>0</v>
      </c>
      <c r="DL12" s="114">
        <v>912562</v>
      </c>
      <c r="DM12" s="114">
        <v>598347</v>
      </c>
      <c r="DN12" s="114">
        <v>2158911</v>
      </c>
      <c r="DO12" s="114">
        <v>2750615</v>
      </c>
      <c r="DP12" s="114">
        <v>800678</v>
      </c>
      <c r="DQ12" s="113">
        <v>7221113</v>
      </c>
      <c r="DR12" s="116">
        <v>7240377</v>
      </c>
      <c r="DS12" s="110">
        <v>0</v>
      </c>
      <c r="DT12" s="114">
        <v>19264</v>
      </c>
      <c r="DU12" s="113">
        <v>19264</v>
      </c>
      <c r="DV12" s="110">
        <v>0</v>
      </c>
      <c r="DW12" s="114">
        <v>824178</v>
      </c>
      <c r="DX12" s="114">
        <v>530546</v>
      </c>
      <c r="DY12" s="114">
        <v>1970920</v>
      </c>
      <c r="DZ12" s="114">
        <v>2750615</v>
      </c>
      <c r="EA12" s="114">
        <v>778258</v>
      </c>
      <c r="EB12" s="113">
        <v>6854517</v>
      </c>
      <c r="EC12" s="116">
        <v>6873781</v>
      </c>
      <c r="ED12" s="110">
        <v>0</v>
      </c>
      <c r="EE12" s="112">
        <v>0</v>
      </c>
      <c r="EF12" s="113">
        <v>0</v>
      </c>
      <c r="EG12" s="110">
        <v>0</v>
      </c>
      <c r="EH12" s="114">
        <v>88384</v>
      </c>
      <c r="EI12" s="114">
        <v>67801</v>
      </c>
      <c r="EJ12" s="114">
        <v>187991</v>
      </c>
      <c r="EK12" s="114">
        <v>0</v>
      </c>
      <c r="EL12" s="114">
        <v>22420</v>
      </c>
      <c r="EM12" s="112">
        <v>366596</v>
      </c>
      <c r="EN12" s="116">
        <v>366596</v>
      </c>
      <c r="EO12" s="110">
        <v>0</v>
      </c>
      <c r="EP12" s="114">
        <v>0</v>
      </c>
      <c r="EQ12" s="112">
        <v>0</v>
      </c>
      <c r="ER12" s="111">
        <v>0</v>
      </c>
      <c r="ES12" s="114">
        <v>0</v>
      </c>
      <c r="ET12" s="114">
        <v>0</v>
      </c>
      <c r="EU12" s="114">
        <v>0</v>
      </c>
      <c r="EV12" s="114">
        <v>0</v>
      </c>
      <c r="EW12" s="114">
        <v>0</v>
      </c>
      <c r="EX12" s="113">
        <v>0</v>
      </c>
      <c r="EY12" s="116">
        <v>0</v>
      </c>
      <c r="EZ12" s="110">
        <v>0</v>
      </c>
      <c r="FA12" s="114">
        <v>0</v>
      </c>
      <c r="FB12" s="112">
        <v>0</v>
      </c>
      <c r="FC12" s="348"/>
      <c r="FD12" s="114">
        <v>0</v>
      </c>
      <c r="FE12" s="114">
        <v>0</v>
      </c>
      <c r="FF12" s="114">
        <v>0</v>
      </c>
      <c r="FG12" s="114">
        <v>0</v>
      </c>
      <c r="FH12" s="114">
        <v>0</v>
      </c>
      <c r="FI12" s="113">
        <v>0</v>
      </c>
      <c r="FJ12" s="116">
        <v>0</v>
      </c>
      <c r="FK12" s="110">
        <v>608928</v>
      </c>
      <c r="FL12" s="114">
        <v>907776</v>
      </c>
      <c r="FM12" s="113">
        <v>1516704</v>
      </c>
      <c r="FN12" s="110">
        <v>0</v>
      </c>
      <c r="FO12" s="114">
        <v>862008</v>
      </c>
      <c r="FP12" s="114">
        <v>3053430</v>
      </c>
      <c r="FQ12" s="114">
        <v>2208984</v>
      </c>
      <c r="FR12" s="114">
        <v>1947848</v>
      </c>
      <c r="FS12" s="114">
        <v>1168883</v>
      </c>
      <c r="FT12" s="113">
        <v>9241153</v>
      </c>
      <c r="FU12" s="116">
        <v>10757857</v>
      </c>
      <c r="FV12" s="115">
        <v>141832</v>
      </c>
      <c r="FW12" s="114">
        <v>599896</v>
      </c>
      <c r="FX12" s="112">
        <v>741728</v>
      </c>
      <c r="FY12" s="111">
        <v>0</v>
      </c>
      <c r="FZ12" s="114">
        <v>683712</v>
      </c>
      <c r="GA12" s="114">
        <v>2353832</v>
      </c>
      <c r="GB12" s="114">
        <v>2020672</v>
      </c>
      <c r="GC12" s="114">
        <v>1646472</v>
      </c>
      <c r="GD12" s="114">
        <v>1070848</v>
      </c>
      <c r="GE12" s="113">
        <v>7775536</v>
      </c>
      <c r="GF12" s="319">
        <v>8517264</v>
      </c>
      <c r="GG12" s="115">
        <v>39776</v>
      </c>
      <c r="GH12" s="114">
        <v>19800</v>
      </c>
      <c r="GI12" s="112">
        <v>59576</v>
      </c>
      <c r="GJ12" s="111">
        <v>0</v>
      </c>
      <c r="GK12" s="114">
        <v>95488</v>
      </c>
      <c r="GL12" s="114">
        <v>75846</v>
      </c>
      <c r="GM12" s="114">
        <v>18656</v>
      </c>
      <c r="GN12" s="114">
        <v>35200</v>
      </c>
      <c r="GO12" s="114">
        <v>66035</v>
      </c>
      <c r="GP12" s="113">
        <v>291225</v>
      </c>
      <c r="GQ12" s="116">
        <v>350801</v>
      </c>
      <c r="GR12" s="110">
        <v>427320</v>
      </c>
      <c r="GS12" s="114">
        <v>288080</v>
      </c>
      <c r="GT12" s="113">
        <v>715400</v>
      </c>
      <c r="GU12" s="110">
        <v>0</v>
      </c>
      <c r="GV12" s="114">
        <v>82808</v>
      </c>
      <c r="GW12" s="114">
        <v>623752</v>
      </c>
      <c r="GX12" s="114">
        <v>169656</v>
      </c>
      <c r="GY12" s="114">
        <v>266176</v>
      </c>
      <c r="GZ12" s="114">
        <v>32000</v>
      </c>
      <c r="HA12" s="112">
        <v>1174392</v>
      </c>
      <c r="HB12" s="116">
        <v>1889792</v>
      </c>
      <c r="HC12" s="110">
        <v>828776</v>
      </c>
      <c r="HD12" s="114">
        <v>923853</v>
      </c>
      <c r="HE12" s="112">
        <v>1752629</v>
      </c>
      <c r="HF12" s="111">
        <v>0</v>
      </c>
      <c r="HG12" s="114">
        <v>7437636</v>
      </c>
      <c r="HH12" s="114">
        <v>5176877</v>
      </c>
      <c r="HI12" s="114">
        <v>4455147</v>
      </c>
      <c r="HJ12" s="114">
        <v>3822817</v>
      </c>
      <c r="HK12" s="114">
        <v>4681405</v>
      </c>
      <c r="HL12" s="113">
        <v>25573882</v>
      </c>
      <c r="HM12" s="109">
        <v>27326511</v>
      </c>
      <c r="HN12" s="329"/>
      <c r="HO12" s="330"/>
      <c r="HP12" s="331"/>
      <c r="HQ12" s="332"/>
      <c r="HR12" s="330"/>
      <c r="HS12" s="330"/>
      <c r="HT12" s="330"/>
      <c r="HU12" s="330"/>
      <c r="HV12" s="330"/>
      <c r="HW12" s="333"/>
      <c r="HX12" s="334"/>
      <c r="HY12" s="131">
        <v>38929</v>
      </c>
      <c r="HZ12" s="132">
        <v>75890</v>
      </c>
      <c r="IA12" s="133">
        <v>114819</v>
      </c>
      <c r="IB12" s="134">
        <v>0</v>
      </c>
      <c r="IC12" s="135">
        <v>7163877</v>
      </c>
      <c r="ID12" s="136">
        <v>6381843</v>
      </c>
      <c r="IE12" s="137">
        <v>10429719</v>
      </c>
      <c r="IF12" s="135">
        <v>8376218</v>
      </c>
      <c r="IG12" s="137">
        <v>3971349</v>
      </c>
      <c r="IH12" s="138">
        <v>36323006</v>
      </c>
      <c r="II12" s="139">
        <v>36437825</v>
      </c>
      <c r="IJ12" s="232">
        <v>0</v>
      </c>
      <c r="IK12" s="236">
        <v>0</v>
      </c>
      <c r="IL12" s="237">
        <v>0</v>
      </c>
      <c r="IM12" s="140"/>
      <c r="IN12" s="119">
        <v>110558</v>
      </c>
      <c r="IO12" s="119">
        <v>205212</v>
      </c>
      <c r="IP12" s="119">
        <v>0</v>
      </c>
      <c r="IQ12" s="119">
        <v>212229</v>
      </c>
      <c r="IR12" s="119">
        <v>707095</v>
      </c>
      <c r="IS12" s="141">
        <v>1235094</v>
      </c>
      <c r="IT12" s="321">
        <v>1235094</v>
      </c>
      <c r="IU12" s="142">
        <v>0</v>
      </c>
      <c r="IV12" s="119">
        <v>0</v>
      </c>
      <c r="IW12" s="120">
        <v>0</v>
      </c>
      <c r="IX12" s="144"/>
      <c r="IY12" s="119">
        <v>0</v>
      </c>
      <c r="IZ12" s="119">
        <v>0</v>
      </c>
      <c r="JA12" s="119">
        <v>0</v>
      </c>
      <c r="JB12" s="119">
        <v>0</v>
      </c>
      <c r="JC12" s="119">
        <v>0</v>
      </c>
      <c r="JD12" s="120">
        <v>0</v>
      </c>
      <c r="JE12" s="121">
        <v>0</v>
      </c>
      <c r="JF12" s="142">
        <v>0</v>
      </c>
      <c r="JG12" s="119">
        <v>0</v>
      </c>
      <c r="JH12" s="141">
        <v>0</v>
      </c>
      <c r="JI12" s="118">
        <v>0</v>
      </c>
      <c r="JJ12" s="119">
        <v>3489053</v>
      </c>
      <c r="JK12" s="119">
        <v>2798212</v>
      </c>
      <c r="JL12" s="119">
        <v>2986536</v>
      </c>
      <c r="JM12" s="119">
        <v>1015082</v>
      </c>
      <c r="JN12" s="119">
        <v>554862</v>
      </c>
      <c r="JO12" s="120">
        <v>10843745</v>
      </c>
      <c r="JP12" s="321">
        <v>10843745</v>
      </c>
      <c r="JQ12" s="142">
        <v>0</v>
      </c>
      <c r="JR12" s="119">
        <v>0</v>
      </c>
      <c r="JS12" s="141">
        <v>0</v>
      </c>
      <c r="JT12" s="118">
        <v>0</v>
      </c>
      <c r="JU12" s="119">
        <v>75958</v>
      </c>
      <c r="JV12" s="119">
        <v>84989</v>
      </c>
      <c r="JW12" s="119">
        <v>32440</v>
      </c>
      <c r="JX12" s="119">
        <v>108280</v>
      </c>
      <c r="JY12" s="119">
        <v>0</v>
      </c>
      <c r="JZ12" s="120">
        <v>301667</v>
      </c>
      <c r="KA12" s="321">
        <v>301667</v>
      </c>
      <c r="KB12" s="234">
        <v>38929</v>
      </c>
      <c r="KC12" s="230">
        <v>75890</v>
      </c>
      <c r="KD12" s="120">
        <v>114819</v>
      </c>
      <c r="KE12" s="118">
        <v>0</v>
      </c>
      <c r="KF12" s="119">
        <v>1433863</v>
      </c>
      <c r="KG12" s="119">
        <v>617867</v>
      </c>
      <c r="KH12" s="119">
        <v>1149066</v>
      </c>
      <c r="KI12" s="119">
        <v>1221947</v>
      </c>
      <c r="KJ12" s="119">
        <v>289158</v>
      </c>
      <c r="KK12" s="120">
        <v>4711901</v>
      </c>
      <c r="KL12" s="143">
        <v>4826720</v>
      </c>
      <c r="KM12" s="232">
        <v>0</v>
      </c>
      <c r="KN12" s="236">
        <v>0</v>
      </c>
      <c r="KO12" s="237">
        <v>0</v>
      </c>
      <c r="KP12" s="140"/>
      <c r="KQ12" s="119">
        <v>1832915</v>
      </c>
      <c r="KR12" s="119">
        <v>2675563</v>
      </c>
      <c r="KS12" s="119">
        <v>6002933</v>
      </c>
      <c r="KT12" s="119">
        <v>5516372</v>
      </c>
      <c r="KU12" s="119">
        <v>1702280</v>
      </c>
      <c r="KV12" s="120">
        <v>17730063</v>
      </c>
      <c r="KW12" s="321">
        <v>17730063</v>
      </c>
      <c r="KX12" s="142">
        <v>0</v>
      </c>
      <c r="KY12" s="119">
        <v>0</v>
      </c>
      <c r="KZ12" s="120">
        <v>0</v>
      </c>
      <c r="LA12" s="145"/>
      <c r="LB12" s="119">
        <v>0</v>
      </c>
      <c r="LC12" s="119">
        <v>0</v>
      </c>
      <c r="LD12" s="119">
        <v>0</v>
      </c>
      <c r="LE12" s="119">
        <v>0</v>
      </c>
      <c r="LF12" s="119">
        <v>0</v>
      </c>
      <c r="LG12" s="120">
        <v>0</v>
      </c>
      <c r="LH12" s="121">
        <v>0</v>
      </c>
      <c r="LI12" s="142">
        <v>0</v>
      </c>
      <c r="LJ12" s="119">
        <v>0</v>
      </c>
      <c r="LK12" s="120">
        <v>0</v>
      </c>
      <c r="LL12" s="145"/>
      <c r="LM12" s="119">
        <v>0</v>
      </c>
      <c r="LN12" s="119">
        <v>0</v>
      </c>
      <c r="LO12" s="119">
        <v>258744</v>
      </c>
      <c r="LP12" s="119">
        <v>0</v>
      </c>
      <c r="LQ12" s="119">
        <v>0</v>
      </c>
      <c r="LR12" s="120">
        <v>258744</v>
      </c>
      <c r="LS12" s="321">
        <v>258744</v>
      </c>
      <c r="LT12" s="142">
        <v>0</v>
      </c>
      <c r="LU12" s="119">
        <v>0</v>
      </c>
      <c r="LV12" s="120">
        <v>0</v>
      </c>
      <c r="LW12" s="145"/>
      <c r="LX12" s="119">
        <v>221530</v>
      </c>
      <c r="LY12" s="119">
        <v>0</v>
      </c>
      <c r="LZ12" s="119">
        <v>0</v>
      </c>
      <c r="MA12" s="119">
        <v>302308</v>
      </c>
      <c r="MB12" s="119">
        <v>717954</v>
      </c>
      <c r="MC12" s="120">
        <v>1241792</v>
      </c>
      <c r="MD12" s="121">
        <v>1241792</v>
      </c>
      <c r="ME12" s="142">
        <v>0</v>
      </c>
      <c r="MF12" s="119">
        <v>0</v>
      </c>
      <c r="MG12" s="120">
        <v>0</v>
      </c>
      <c r="MH12" s="145"/>
      <c r="MI12" s="119">
        <v>950769</v>
      </c>
      <c r="MJ12" s="119">
        <v>2189133</v>
      </c>
      <c r="MK12" s="119">
        <v>11178084</v>
      </c>
      <c r="ML12" s="119">
        <v>20387646</v>
      </c>
      <c r="MM12" s="119">
        <v>10870013</v>
      </c>
      <c r="MN12" s="120">
        <v>45575645</v>
      </c>
      <c r="MO12" s="143">
        <v>45575645</v>
      </c>
      <c r="MP12" s="142">
        <v>0</v>
      </c>
      <c r="MQ12" s="119">
        <v>0</v>
      </c>
      <c r="MR12" s="120">
        <v>0</v>
      </c>
      <c r="MS12" s="145"/>
      <c r="MT12" s="119">
        <v>220876</v>
      </c>
      <c r="MU12" s="119">
        <v>0</v>
      </c>
      <c r="MV12" s="119">
        <v>6553849</v>
      </c>
      <c r="MW12" s="119">
        <v>13391757</v>
      </c>
      <c r="MX12" s="119">
        <v>7851234</v>
      </c>
      <c r="MY12" s="120">
        <v>28017716</v>
      </c>
      <c r="MZ12" s="143">
        <v>28017716</v>
      </c>
      <c r="NA12" s="142">
        <v>0</v>
      </c>
      <c r="NB12" s="119">
        <v>0</v>
      </c>
      <c r="NC12" s="120">
        <v>0</v>
      </c>
      <c r="ND12" s="145"/>
      <c r="NE12" s="119">
        <v>729893</v>
      </c>
      <c r="NF12" s="119">
        <v>2189133</v>
      </c>
      <c r="NG12" s="119">
        <v>4624235</v>
      </c>
      <c r="NH12" s="119">
        <v>6021585</v>
      </c>
      <c r="NI12" s="119">
        <v>1899075</v>
      </c>
      <c r="NJ12" s="120">
        <v>15463921</v>
      </c>
      <c r="NK12" s="321">
        <v>15463921</v>
      </c>
      <c r="NL12" s="142">
        <v>0</v>
      </c>
      <c r="NM12" s="119">
        <v>0</v>
      </c>
      <c r="NN12" s="120">
        <v>0</v>
      </c>
      <c r="NO12" s="145"/>
      <c r="NP12" s="119">
        <v>0</v>
      </c>
      <c r="NQ12" s="119">
        <v>0</v>
      </c>
      <c r="NR12" s="119">
        <v>0</v>
      </c>
      <c r="NS12" s="119">
        <v>620288</v>
      </c>
      <c r="NT12" s="119">
        <v>622312</v>
      </c>
      <c r="NU12" s="120">
        <v>1242600</v>
      </c>
      <c r="NV12" s="121">
        <v>1242600</v>
      </c>
      <c r="NW12" s="142">
        <v>0</v>
      </c>
      <c r="NX12" s="119">
        <v>0</v>
      </c>
      <c r="NY12" s="120">
        <v>0</v>
      </c>
      <c r="NZ12" s="145"/>
      <c r="OA12" s="119">
        <v>0</v>
      </c>
      <c r="OB12" s="119">
        <v>0</v>
      </c>
      <c r="OC12" s="119">
        <v>0</v>
      </c>
      <c r="OD12" s="119">
        <v>354016</v>
      </c>
      <c r="OE12" s="119">
        <v>497392</v>
      </c>
      <c r="OF12" s="120">
        <v>851408</v>
      </c>
      <c r="OG12" s="121">
        <v>851408</v>
      </c>
      <c r="OH12" s="142">
        <v>2023485</v>
      </c>
      <c r="OI12" s="119">
        <v>3456829</v>
      </c>
      <c r="OJ12" s="141">
        <v>5480314</v>
      </c>
      <c r="OK12" s="118">
        <v>0</v>
      </c>
      <c r="OL12" s="119">
        <v>29801520</v>
      </c>
      <c r="OM12" s="119">
        <v>33541392</v>
      </c>
      <c r="ON12" s="119">
        <v>44953543</v>
      </c>
      <c r="OO12" s="119">
        <v>47632911</v>
      </c>
      <c r="OP12" s="119">
        <v>29217813</v>
      </c>
      <c r="OQ12" s="120">
        <v>185147179</v>
      </c>
      <c r="OR12" s="143">
        <v>190627493</v>
      </c>
    </row>
    <row r="13" spans="1:408" ht="20.25" customHeight="1" x14ac:dyDescent="0.2">
      <c r="A13" s="126" t="s">
        <v>7</v>
      </c>
      <c r="B13" s="110">
        <v>1103594</v>
      </c>
      <c r="C13" s="114">
        <v>858664</v>
      </c>
      <c r="D13" s="113">
        <v>1962258</v>
      </c>
      <c r="E13" s="109">
        <v>0</v>
      </c>
      <c r="F13" s="114">
        <v>24485217</v>
      </c>
      <c r="G13" s="114">
        <v>23625323</v>
      </c>
      <c r="H13" s="114">
        <v>23858797</v>
      </c>
      <c r="I13" s="114">
        <v>20037901</v>
      </c>
      <c r="J13" s="114">
        <v>9884313</v>
      </c>
      <c r="K13" s="109">
        <v>101891551</v>
      </c>
      <c r="L13" s="116">
        <v>103853809</v>
      </c>
      <c r="M13" s="110">
        <v>241222</v>
      </c>
      <c r="N13" s="114">
        <v>173342</v>
      </c>
      <c r="O13" s="113">
        <v>414564</v>
      </c>
      <c r="P13" s="110">
        <v>0</v>
      </c>
      <c r="Q13" s="114">
        <v>6607640</v>
      </c>
      <c r="R13" s="114">
        <v>7607530</v>
      </c>
      <c r="S13" s="114">
        <v>9135125</v>
      </c>
      <c r="T13" s="114">
        <v>7459435</v>
      </c>
      <c r="U13" s="114">
        <v>5337719</v>
      </c>
      <c r="V13" s="113">
        <v>36147449</v>
      </c>
      <c r="W13" s="116">
        <v>36562013</v>
      </c>
      <c r="X13" s="110">
        <v>0</v>
      </c>
      <c r="Y13" s="114">
        <v>0</v>
      </c>
      <c r="Z13" s="113">
        <v>0</v>
      </c>
      <c r="AA13" s="110">
        <v>0</v>
      </c>
      <c r="AB13" s="114">
        <v>3346566</v>
      </c>
      <c r="AC13" s="114">
        <v>3990864</v>
      </c>
      <c r="AD13" s="114">
        <v>5498973</v>
      </c>
      <c r="AE13" s="114">
        <v>4564746</v>
      </c>
      <c r="AF13" s="114">
        <v>2990168</v>
      </c>
      <c r="AG13" s="113">
        <v>20391317</v>
      </c>
      <c r="AH13" s="116">
        <v>20391317</v>
      </c>
      <c r="AI13" s="110">
        <v>0</v>
      </c>
      <c r="AJ13" s="114">
        <v>0</v>
      </c>
      <c r="AK13" s="113">
        <v>0</v>
      </c>
      <c r="AL13" s="110">
        <v>0</v>
      </c>
      <c r="AM13" s="114">
        <v>104157</v>
      </c>
      <c r="AN13" s="114">
        <v>188127</v>
      </c>
      <c r="AO13" s="114">
        <v>477864</v>
      </c>
      <c r="AP13" s="114">
        <v>676208</v>
      </c>
      <c r="AQ13" s="114">
        <v>883714</v>
      </c>
      <c r="AR13" s="113">
        <v>2330070</v>
      </c>
      <c r="AS13" s="116">
        <v>2330070</v>
      </c>
      <c r="AT13" s="110">
        <v>81318</v>
      </c>
      <c r="AU13" s="114">
        <v>115446</v>
      </c>
      <c r="AV13" s="113">
        <v>196764</v>
      </c>
      <c r="AW13" s="110">
        <v>0</v>
      </c>
      <c r="AX13" s="114">
        <v>1759505</v>
      </c>
      <c r="AY13" s="114">
        <v>2342167</v>
      </c>
      <c r="AZ13" s="114">
        <v>1946617</v>
      </c>
      <c r="BA13" s="114">
        <v>1322315</v>
      </c>
      <c r="BB13" s="114">
        <v>1053181</v>
      </c>
      <c r="BC13" s="113">
        <v>8423785</v>
      </c>
      <c r="BD13" s="116">
        <v>8620549</v>
      </c>
      <c r="BE13" s="110">
        <v>0</v>
      </c>
      <c r="BF13" s="114">
        <v>0</v>
      </c>
      <c r="BG13" s="112">
        <v>0</v>
      </c>
      <c r="BH13" s="111">
        <v>0</v>
      </c>
      <c r="BI13" s="114">
        <v>37700</v>
      </c>
      <c r="BJ13" s="114">
        <v>28932</v>
      </c>
      <c r="BK13" s="114">
        <v>79655</v>
      </c>
      <c r="BL13" s="114">
        <v>38374</v>
      </c>
      <c r="BM13" s="114">
        <v>0</v>
      </c>
      <c r="BN13" s="113">
        <v>184661</v>
      </c>
      <c r="BO13" s="116">
        <v>184661</v>
      </c>
      <c r="BP13" s="110">
        <v>159904</v>
      </c>
      <c r="BQ13" s="114">
        <v>57896</v>
      </c>
      <c r="BR13" s="113">
        <v>217800</v>
      </c>
      <c r="BS13" s="110">
        <v>0</v>
      </c>
      <c r="BT13" s="114">
        <v>1359712</v>
      </c>
      <c r="BU13" s="114">
        <v>1057440</v>
      </c>
      <c r="BV13" s="114">
        <v>1132016</v>
      </c>
      <c r="BW13" s="114">
        <v>857792</v>
      </c>
      <c r="BX13" s="114">
        <v>410656</v>
      </c>
      <c r="BY13" s="113">
        <v>4817616</v>
      </c>
      <c r="BZ13" s="116">
        <v>5035416</v>
      </c>
      <c r="CA13" s="110">
        <v>95209</v>
      </c>
      <c r="CB13" s="114">
        <v>116260</v>
      </c>
      <c r="CC13" s="113">
        <v>211469</v>
      </c>
      <c r="CD13" s="110">
        <v>0</v>
      </c>
      <c r="CE13" s="114">
        <v>6742677</v>
      </c>
      <c r="CF13" s="114">
        <v>6231531</v>
      </c>
      <c r="CG13" s="114">
        <v>5821188</v>
      </c>
      <c r="CH13" s="114">
        <v>2388357</v>
      </c>
      <c r="CI13" s="114">
        <v>510640</v>
      </c>
      <c r="CJ13" s="113">
        <v>21694393</v>
      </c>
      <c r="CK13" s="116">
        <v>21905862</v>
      </c>
      <c r="CL13" s="110">
        <v>0</v>
      </c>
      <c r="CM13" s="114">
        <v>0</v>
      </c>
      <c r="CN13" s="113">
        <v>0</v>
      </c>
      <c r="CO13" s="111">
        <v>0</v>
      </c>
      <c r="CP13" s="114">
        <v>5430023</v>
      </c>
      <c r="CQ13" s="114">
        <v>5344070</v>
      </c>
      <c r="CR13" s="114">
        <v>4674516</v>
      </c>
      <c r="CS13" s="114">
        <v>2004570</v>
      </c>
      <c r="CT13" s="114">
        <v>429473</v>
      </c>
      <c r="CU13" s="113">
        <v>17882652</v>
      </c>
      <c r="CV13" s="116">
        <v>17882652</v>
      </c>
      <c r="CW13" s="110">
        <v>95209</v>
      </c>
      <c r="CX13" s="114">
        <v>116260</v>
      </c>
      <c r="CY13" s="113">
        <v>211469</v>
      </c>
      <c r="CZ13" s="110">
        <v>0</v>
      </c>
      <c r="DA13" s="114">
        <v>1312654</v>
      </c>
      <c r="DB13" s="114">
        <v>887461</v>
      </c>
      <c r="DC13" s="114">
        <v>1146672</v>
      </c>
      <c r="DD13" s="114">
        <v>383787</v>
      </c>
      <c r="DE13" s="114">
        <v>81167</v>
      </c>
      <c r="DF13" s="113">
        <v>3811741</v>
      </c>
      <c r="DG13" s="116">
        <v>4023210</v>
      </c>
      <c r="DH13" s="110">
        <v>0</v>
      </c>
      <c r="DI13" s="114">
        <v>0</v>
      </c>
      <c r="DJ13" s="112">
        <v>0</v>
      </c>
      <c r="DK13" s="111">
        <v>0</v>
      </c>
      <c r="DL13" s="114">
        <v>1178429</v>
      </c>
      <c r="DM13" s="114">
        <v>1071038</v>
      </c>
      <c r="DN13" s="114">
        <v>1447670</v>
      </c>
      <c r="DO13" s="114">
        <v>1116810</v>
      </c>
      <c r="DP13" s="114">
        <v>720667</v>
      </c>
      <c r="DQ13" s="113">
        <v>5534614</v>
      </c>
      <c r="DR13" s="116">
        <v>5534614</v>
      </c>
      <c r="DS13" s="110">
        <v>0</v>
      </c>
      <c r="DT13" s="114">
        <v>0</v>
      </c>
      <c r="DU13" s="113">
        <v>0</v>
      </c>
      <c r="DV13" s="110">
        <v>0</v>
      </c>
      <c r="DW13" s="114">
        <v>1152338</v>
      </c>
      <c r="DX13" s="114">
        <v>1071038</v>
      </c>
      <c r="DY13" s="114">
        <v>1447670</v>
      </c>
      <c r="DZ13" s="114">
        <v>1116810</v>
      </c>
      <c r="EA13" s="114">
        <v>720667</v>
      </c>
      <c r="EB13" s="113">
        <v>5508523</v>
      </c>
      <c r="EC13" s="116">
        <v>5508523</v>
      </c>
      <c r="ED13" s="110">
        <v>0</v>
      </c>
      <c r="EE13" s="112">
        <v>0</v>
      </c>
      <c r="EF13" s="113">
        <v>0</v>
      </c>
      <c r="EG13" s="110">
        <v>0</v>
      </c>
      <c r="EH13" s="114">
        <v>26091</v>
      </c>
      <c r="EI13" s="114">
        <v>0</v>
      </c>
      <c r="EJ13" s="114">
        <v>0</v>
      </c>
      <c r="EK13" s="114">
        <v>0</v>
      </c>
      <c r="EL13" s="114">
        <v>0</v>
      </c>
      <c r="EM13" s="112">
        <v>26091</v>
      </c>
      <c r="EN13" s="116">
        <v>26091</v>
      </c>
      <c r="EO13" s="110">
        <v>0</v>
      </c>
      <c r="EP13" s="114">
        <v>0</v>
      </c>
      <c r="EQ13" s="112">
        <v>0</v>
      </c>
      <c r="ER13" s="111">
        <v>0</v>
      </c>
      <c r="ES13" s="114">
        <v>0</v>
      </c>
      <c r="ET13" s="114">
        <v>0</v>
      </c>
      <c r="EU13" s="114">
        <v>0</v>
      </c>
      <c r="EV13" s="114">
        <v>0</v>
      </c>
      <c r="EW13" s="114">
        <v>0</v>
      </c>
      <c r="EX13" s="113">
        <v>0</v>
      </c>
      <c r="EY13" s="116">
        <v>0</v>
      </c>
      <c r="EZ13" s="110">
        <v>0</v>
      </c>
      <c r="FA13" s="114">
        <v>0</v>
      </c>
      <c r="FB13" s="112">
        <v>0</v>
      </c>
      <c r="FC13" s="348"/>
      <c r="FD13" s="114">
        <v>0</v>
      </c>
      <c r="FE13" s="114">
        <v>0</v>
      </c>
      <c r="FF13" s="114">
        <v>0</v>
      </c>
      <c r="FG13" s="114">
        <v>0</v>
      </c>
      <c r="FH13" s="114">
        <v>0</v>
      </c>
      <c r="FI13" s="113">
        <v>0</v>
      </c>
      <c r="FJ13" s="116">
        <v>0</v>
      </c>
      <c r="FK13" s="110">
        <v>383432</v>
      </c>
      <c r="FL13" s="114">
        <v>203056</v>
      </c>
      <c r="FM13" s="113">
        <v>586488</v>
      </c>
      <c r="FN13" s="110">
        <v>0</v>
      </c>
      <c r="FO13" s="114">
        <v>1151216</v>
      </c>
      <c r="FP13" s="114">
        <v>2734264</v>
      </c>
      <c r="FQ13" s="114">
        <v>1762952</v>
      </c>
      <c r="FR13" s="114">
        <v>1525824</v>
      </c>
      <c r="FS13" s="114">
        <v>662056</v>
      </c>
      <c r="FT13" s="113">
        <v>7836312</v>
      </c>
      <c r="FU13" s="116">
        <v>8422800</v>
      </c>
      <c r="FV13" s="115">
        <v>61200</v>
      </c>
      <c r="FW13" s="114">
        <v>131056</v>
      </c>
      <c r="FX13" s="112">
        <v>192256</v>
      </c>
      <c r="FY13" s="111">
        <v>0</v>
      </c>
      <c r="FZ13" s="114">
        <v>706544</v>
      </c>
      <c r="GA13" s="114">
        <v>2149776</v>
      </c>
      <c r="GB13" s="114">
        <v>1550520</v>
      </c>
      <c r="GC13" s="114">
        <v>1308240</v>
      </c>
      <c r="GD13" s="114">
        <v>662056</v>
      </c>
      <c r="GE13" s="113">
        <v>6377136</v>
      </c>
      <c r="GF13" s="319">
        <v>6569392</v>
      </c>
      <c r="GG13" s="115">
        <v>31592</v>
      </c>
      <c r="GH13" s="114">
        <v>0</v>
      </c>
      <c r="GI13" s="112">
        <v>31592</v>
      </c>
      <c r="GJ13" s="111">
        <v>0</v>
      </c>
      <c r="GK13" s="114">
        <v>12672</v>
      </c>
      <c r="GL13" s="114">
        <v>101088</v>
      </c>
      <c r="GM13" s="114">
        <v>88000</v>
      </c>
      <c r="GN13" s="114">
        <v>76384</v>
      </c>
      <c r="GO13" s="114">
        <v>0</v>
      </c>
      <c r="GP13" s="113">
        <v>278144</v>
      </c>
      <c r="GQ13" s="116">
        <v>309736</v>
      </c>
      <c r="GR13" s="110">
        <v>290640</v>
      </c>
      <c r="GS13" s="114">
        <v>72000</v>
      </c>
      <c r="GT13" s="113">
        <v>362640</v>
      </c>
      <c r="GU13" s="110">
        <v>0</v>
      </c>
      <c r="GV13" s="114">
        <v>432000</v>
      </c>
      <c r="GW13" s="114">
        <v>483400</v>
      </c>
      <c r="GX13" s="114">
        <v>124432</v>
      </c>
      <c r="GY13" s="114">
        <v>141200</v>
      </c>
      <c r="GZ13" s="114">
        <v>0</v>
      </c>
      <c r="HA13" s="112">
        <v>1181032</v>
      </c>
      <c r="HB13" s="116">
        <v>1543672</v>
      </c>
      <c r="HC13" s="110">
        <v>383731</v>
      </c>
      <c r="HD13" s="114">
        <v>366006</v>
      </c>
      <c r="HE13" s="112">
        <v>749737</v>
      </c>
      <c r="HF13" s="111">
        <v>0</v>
      </c>
      <c r="HG13" s="114">
        <v>8805255</v>
      </c>
      <c r="HH13" s="114">
        <v>5980960</v>
      </c>
      <c r="HI13" s="114">
        <v>5691862</v>
      </c>
      <c r="HJ13" s="114">
        <v>7547475</v>
      </c>
      <c r="HK13" s="114">
        <v>2653231</v>
      </c>
      <c r="HL13" s="113">
        <v>30678783</v>
      </c>
      <c r="HM13" s="109">
        <v>31428520</v>
      </c>
      <c r="HN13" s="329"/>
      <c r="HO13" s="330"/>
      <c r="HP13" s="331"/>
      <c r="HQ13" s="332"/>
      <c r="HR13" s="330"/>
      <c r="HS13" s="330"/>
      <c r="HT13" s="330"/>
      <c r="HU13" s="330"/>
      <c r="HV13" s="330"/>
      <c r="HW13" s="333"/>
      <c r="HX13" s="334"/>
      <c r="HY13" s="131">
        <v>42106</v>
      </c>
      <c r="HZ13" s="132">
        <v>66574</v>
      </c>
      <c r="IA13" s="133">
        <v>108680</v>
      </c>
      <c r="IB13" s="146">
        <v>0</v>
      </c>
      <c r="IC13" s="132">
        <v>8531686</v>
      </c>
      <c r="ID13" s="147">
        <v>4797239</v>
      </c>
      <c r="IE13" s="133">
        <v>5431675</v>
      </c>
      <c r="IF13" s="132">
        <v>3085069</v>
      </c>
      <c r="IG13" s="133">
        <v>2231544</v>
      </c>
      <c r="IH13" s="148">
        <v>24077213</v>
      </c>
      <c r="II13" s="139">
        <v>24185893</v>
      </c>
      <c r="IJ13" s="232">
        <v>0</v>
      </c>
      <c r="IK13" s="236">
        <v>0</v>
      </c>
      <c r="IL13" s="237">
        <v>0</v>
      </c>
      <c r="IM13" s="140"/>
      <c r="IN13" s="119">
        <v>0</v>
      </c>
      <c r="IO13" s="119">
        <v>0</v>
      </c>
      <c r="IP13" s="119">
        <v>0</v>
      </c>
      <c r="IQ13" s="119">
        <v>0</v>
      </c>
      <c r="IR13" s="119">
        <v>270769</v>
      </c>
      <c r="IS13" s="141">
        <v>270769</v>
      </c>
      <c r="IT13" s="321">
        <v>270769</v>
      </c>
      <c r="IU13" s="142">
        <v>0</v>
      </c>
      <c r="IV13" s="119">
        <v>0</v>
      </c>
      <c r="IW13" s="120">
        <v>0</v>
      </c>
      <c r="IX13" s="144"/>
      <c r="IY13" s="119">
        <v>0</v>
      </c>
      <c r="IZ13" s="119">
        <v>0</v>
      </c>
      <c r="JA13" s="119">
        <v>0</v>
      </c>
      <c r="JB13" s="119">
        <v>0</v>
      </c>
      <c r="JC13" s="119">
        <v>0</v>
      </c>
      <c r="JD13" s="120">
        <v>0</v>
      </c>
      <c r="JE13" s="121">
        <v>0</v>
      </c>
      <c r="JF13" s="142">
        <v>0</v>
      </c>
      <c r="JG13" s="119">
        <v>0</v>
      </c>
      <c r="JH13" s="141">
        <v>0</v>
      </c>
      <c r="JI13" s="118">
        <v>0</v>
      </c>
      <c r="JJ13" s="119">
        <v>3803848</v>
      </c>
      <c r="JK13" s="119">
        <v>2029894</v>
      </c>
      <c r="JL13" s="119">
        <v>822389</v>
      </c>
      <c r="JM13" s="119">
        <v>555507</v>
      </c>
      <c r="JN13" s="119">
        <v>275099</v>
      </c>
      <c r="JO13" s="120">
        <v>7486737</v>
      </c>
      <c r="JP13" s="321">
        <v>7486737</v>
      </c>
      <c r="JQ13" s="142">
        <v>0</v>
      </c>
      <c r="JR13" s="119">
        <v>0</v>
      </c>
      <c r="JS13" s="141">
        <v>0</v>
      </c>
      <c r="JT13" s="118">
        <v>0</v>
      </c>
      <c r="JU13" s="119">
        <v>786684</v>
      </c>
      <c r="JV13" s="119">
        <v>862930</v>
      </c>
      <c r="JW13" s="119">
        <v>548436</v>
      </c>
      <c r="JX13" s="119">
        <v>334584</v>
      </c>
      <c r="JY13" s="119">
        <v>362707</v>
      </c>
      <c r="JZ13" s="120">
        <v>2895341</v>
      </c>
      <c r="KA13" s="321">
        <v>2895341</v>
      </c>
      <c r="KB13" s="234">
        <v>42106</v>
      </c>
      <c r="KC13" s="230">
        <v>66574</v>
      </c>
      <c r="KD13" s="120">
        <v>108680</v>
      </c>
      <c r="KE13" s="118">
        <v>0</v>
      </c>
      <c r="KF13" s="119">
        <v>554681</v>
      </c>
      <c r="KG13" s="119">
        <v>773759</v>
      </c>
      <c r="KH13" s="119">
        <v>0</v>
      </c>
      <c r="KI13" s="119">
        <v>0</v>
      </c>
      <c r="KJ13" s="119">
        <v>0</v>
      </c>
      <c r="KK13" s="120">
        <v>1328440</v>
      </c>
      <c r="KL13" s="143">
        <v>1437120</v>
      </c>
      <c r="KM13" s="232">
        <v>0</v>
      </c>
      <c r="KN13" s="236">
        <v>0</v>
      </c>
      <c r="KO13" s="237">
        <v>0</v>
      </c>
      <c r="KP13" s="140"/>
      <c r="KQ13" s="119">
        <v>3254354</v>
      </c>
      <c r="KR13" s="119">
        <v>966321</v>
      </c>
      <c r="KS13" s="119">
        <v>3982772</v>
      </c>
      <c r="KT13" s="119">
        <v>1850864</v>
      </c>
      <c r="KU13" s="119">
        <v>665562</v>
      </c>
      <c r="KV13" s="120">
        <v>10719873</v>
      </c>
      <c r="KW13" s="321">
        <v>10719873</v>
      </c>
      <c r="KX13" s="142">
        <v>0</v>
      </c>
      <c r="KY13" s="119">
        <v>0</v>
      </c>
      <c r="KZ13" s="120">
        <v>0</v>
      </c>
      <c r="LA13" s="145"/>
      <c r="LB13" s="119">
        <v>0</v>
      </c>
      <c r="LC13" s="119">
        <v>0</v>
      </c>
      <c r="LD13" s="119">
        <v>0</v>
      </c>
      <c r="LE13" s="119">
        <v>0</v>
      </c>
      <c r="LF13" s="119">
        <v>0</v>
      </c>
      <c r="LG13" s="120">
        <v>0</v>
      </c>
      <c r="LH13" s="121">
        <v>0</v>
      </c>
      <c r="LI13" s="142">
        <v>0</v>
      </c>
      <c r="LJ13" s="119">
        <v>0</v>
      </c>
      <c r="LK13" s="120">
        <v>0</v>
      </c>
      <c r="LL13" s="145"/>
      <c r="LM13" s="119">
        <v>0</v>
      </c>
      <c r="LN13" s="119">
        <v>0</v>
      </c>
      <c r="LO13" s="119">
        <v>0</v>
      </c>
      <c r="LP13" s="119">
        <v>0</v>
      </c>
      <c r="LQ13" s="119">
        <v>0</v>
      </c>
      <c r="LR13" s="120">
        <v>0</v>
      </c>
      <c r="LS13" s="321">
        <v>0</v>
      </c>
      <c r="LT13" s="142">
        <v>0</v>
      </c>
      <c r="LU13" s="119">
        <v>0</v>
      </c>
      <c r="LV13" s="120">
        <v>0</v>
      </c>
      <c r="LW13" s="145"/>
      <c r="LX13" s="119">
        <v>132119</v>
      </c>
      <c r="LY13" s="119">
        <v>164335</v>
      </c>
      <c r="LZ13" s="119">
        <v>78078</v>
      </c>
      <c r="MA13" s="119">
        <v>344114</v>
      </c>
      <c r="MB13" s="119">
        <v>657407</v>
      </c>
      <c r="MC13" s="120">
        <v>1376053</v>
      </c>
      <c r="MD13" s="121">
        <v>1376053</v>
      </c>
      <c r="ME13" s="142">
        <v>0</v>
      </c>
      <c r="MF13" s="119">
        <v>0</v>
      </c>
      <c r="MG13" s="120">
        <v>0</v>
      </c>
      <c r="MH13" s="145"/>
      <c r="MI13" s="119">
        <v>2970810</v>
      </c>
      <c r="MJ13" s="119">
        <v>4209784</v>
      </c>
      <c r="MK13" s="119">
        <v>10631951</v>
      </c>
      <c r="ML13" s="119">
        <v>21526074</v>
      </c>
      <c r="MM13" s="119">
        <v>9116632</v>
      </c>
      <c r="MN13" s="120">
        <v>48455251</v>
      </c>
      <c r="MO13" s="143">
        <v>48455251</v>
      </c>
      <c r="MP13" s="142">
        <v>0</v>
      </c>
      <c r="MQ13" s="119">
        <v>0</v>
      </c>
      <c r="MR13" s="120">
        <v>0</v>
      </c>
      <c r="MS13" s="145"/>
      <c r="MT13" s="119">
        <v>0</v>
      </c>
      <c r="MU13" s="119">
        <v>1154072</v>
      </c>
      <c r="MV13" s="119">
        <v>5865010</v>
      </c>
      <c r="MW13" s="119">
        <v>14664977</v>
      </c>
      <c r="MX13" s="119">
        <v>6994878</v>
      </c>
      <c r="MY13" s="120">
        <v>28678937</v>
      </c>
      <c r="MZ13" s="143">
        <v>28678937</v>
      </c>
      <c r="NA13" s="142">
        <v>0</v>
      </c>
      <c r="NB13" s="119">
        <v>0</v>
      </c>
      <c r="NC13" s="120">
        <v>0</v>
      </c>
      <c r="ND13" s="145"/>
      <c r="NE13" s="119">
        <v>2970810</v>
      </c>
      <c r="NF13" s="119">
        <v>3055712</v>
      </c>
      <c r="NG13" s="119">
        <v>4766941</v>
      </c>
      <c r="NH13" s="119">
        <v>6861097</v>
      </c>
      <c r="NI13" s="119">
        <v>2121754</v>
      </c>
      <c r="NJ13" s="120">
        <v>19776314</v>
      </c>
      <c r="NK13" s="321">
        <v>19776314</v>
      </c>
      <c r="NL13" s="142">
        <v>0</v>
      </c>
      <c r="NM13" s="119">
        <v>0</v>
      </c>
      <c r="NN13" s="120">
        <v>0</v>
      </c>
      <c r="NO13" s="145"/>
      <c r="NP13" s="119">
        <v>0</v>
      </c>
      <c r="NQ13" s="119">
        <v>0</v>
      </c>
      <c r="NR13" s="119">
        <v>0</v>
      </c>
      <c r="NS13" s="119">
        <v>0</v>
      </c>
      <c r="NT13" s="119">
        <v>0</v>
      </c>
      <c r="NU13" s="120">
        <v>0</v>
      </c>
      <c r="NV13" s="121">
        <v>0</v>
      </c>
      <c r="NW13" s="142">
        <v>0</v>
      </c>
      <c r="NX13" s="119">
        <v>0</v>
      </c>
      <c r="NY13" s="120">
        <v>0</v>
      </c>
      <c r="NZ13" s="145"/>
      <c r="OA13" s="119">
        <v>0</v>
      </c>
      <c r="OB13" s="119">
        <v>0</v>
      </c>
      <c r="OC13" s="119">
        <v>0</v>
      </c>
      <c r="OD13" s="119">
        <v>0</v>
      </c>
      <c r="OE13" s="119">
        <v>0</v>
      </c>
      <c r="OF13" s="120">
        <v>0</v>
      </c>
      <c r="OG13" s="121">
        <v>0</v>
      </c>
      <c r="OH13" s="142">
        <v>1145700</v>
      </c>
      <c r="OI13" s="119">
        <v>925238</v>
      </c>
      <c r="OJ13" s="141">
        <v>2070938</v>
      </c>
      <c r="OK13" s="118">
        <v>0</v>
      </c>
      <c r="OL13" s="119">
        <v>35987713</v>
      </c>
      <c r="OM13" s="119">
        <v>32632346</v>
      </c>
      <c r="ON13" s="119">
        <v>39922423</v>
      </c>
      <c r="OO13" s="119">
        <v>44649044</v>
      </c>
      <c r="OP13" s="119">
        <v>21232489</v>
      </c>
      <c r="OQ13" s="120">
        <v>174424015</v>
      </c>
      <c r="OR13" s="143">
        <v>176494953</v>
      </c>
    </row>
    <row r="14" spans="1:408" ht="20.25" customHeight="1" x14ac:dyDescent="0.2">
      <c r="A14" s="126" t="s">
        <v>8</v>
      </c>
      <c r="B14" s="110">
        <v>771520</v>
      </c>
      <c r="C14" s="114">
        <v>1038815</v>
      </c>
      <c r="D14" s="113">
        <v>1810335</v>
      </c>
      <c r="E14" s="109">
        <v>0</v>
      </c>
      <c r="F14" s="114">
        <v>6926677</v>
      </c>
      <c r="G14" s="114">
        <v>8904774</v>
      </c>
      <c r="H14" s="114">
        <v>10661540</v>
      </c>
      <c r="I14" s="114">
        <v>6280600</v>
      </c>
      <c r="J14" s="114">
        <v>4675657</v>
      </c>
      <c r="K14" s="109">
        <v>37449248</v>
      </c>
      <c r="L14" s="116">
        <v>39259583</v>
      </c>
      <c r="M14" s="110">
        <v>170334</v>
      </c>
      <c r="N14" s="114">
        <v>326665</v>
      </c>
      <c r="O14" s="113">
        <v>496999</v>
      </c>
      <c r="P14" s="110">
        <v>0</v>
      </c>
      <c r="Q14" s="114">
        <v>2439035</v>
      </c>
      <c r="R14" s="114">
        <v>2852594</v>
      </c>
      <c r="S14" s="114">
        <v>4456137</v>
      </c>
      <c r="T14" s="114">
        <v>1908953</v>
      </c>
      <c r="U14" s="114">
        <v>2148734</v>
      </c>
      <c r="V14" s="113">
        <v>13805453</v>
      </c>
      <c r="W14" s="116">
        <v>14302452</v>
      </c>
      <c r="X14" s="110">
        <v>0</v>
      </c>
      <c r="Y14" s="114">
        <v>0</v>
      </c>
      <c r="Z14" s="113">
        <v>0</v>
      </c>
      <c r="AA14" s="110">
        <v>0</v>
      </c>
      <c r="AB14" s="114">
        <v>1018100</v>
      </c>
      <c r="AC14" s="114">
        <v>1649057</v>
      </c>
      <c r="AD14" s="114">
        <v>3009313</v>
      </c>
      <c r="AE14" s="114">
        <v>639734</v>
      </c>
      <c r="AF14" s="114">
        <v>1299312</v>
      </c>
      <c r="AG14" s="113">
        <v>7615516</v>
      </c>
      <c r="AH14" s="116">
        <v>7615516</v>
      </c>
      <c r="AI14" s="110">
        <v>0</v>
      </c>
      <c r="AJ14" s="114">
        <v>0</v>
      </c>
      <c r="AK14" s="113">
        <v>0</v>
      </c>
      <c r="AL14" s="110">
        <v>0</v>
      </c>
      <c r="AM14" s="114">
        <v>60244</v>
      </c>
      <c r="AN14" s="114">
        <v>46292</v>
      </c>
      <c r="AO14" s="114">
        <v>94176</v>
      </c>
      <c r="AP14" s="114">
        <v>245736</v>
      </c>
      <c r="AQ14" s="114">
        <v>281322</v>
      </c>
      <c r="AR14" s="113">
        <v>727770</v>
      </c>
      <c r="AS14" s="116">
        <v>727770</v>
      </c>
      <c r="AT14" s="110">
        <v>46446</v>
      </c>
      <c r="AU14" s="114">
        <v>242516</v>
      </c>
      <c r="AV14" s="113">
        <v>288962</v>
      </c>
      <c r="AW14" s="110">
        <v>0</v>
      </c>
      <c r="AX14" s="114">
        <v>880636</v>
      </c>
      <c r="AY14" s="114">
        <v>611991</v>
      </c>
      <c r="AZ14" s="114">
        <v>782759</v>
      </c>
      <c r="BA14" s="114">
        <v>615034</v>
      </c>
      <c r="BB14" s="114">
        <v>296617</v>
      </c>
      <c r="BC14" s="113">
        <v>3187037</v>
      </c>
      <c r="BD14" s="116">
        <v>3475999</v>
      </c>
      <c r="BE14" s="110">
        <v>0</v>
      </c>
      <c r="BF14" s="114">
        <v>21133</v>
      </c>
      <c r="BG14" s="112">
        <v>21133</v>
      </c>
      <c r="BH14" s="111">
        <v>0</v>
      </c>
      <c r="BI14" s="114">
        <v>67199</v>
      </c>
      <c r="BJ14" s="114">
        <v>134030</v>
      </c>
      <c r="BK14" s="114">
        <v>186353</v>
      </c>
      <c r="BL14" s="114">
        <v>40785</v>
      </c>
      <c r="BM14" s="114">
        <v>20931</v>
      </c>
      <c r="BN14" s="113">
        <v>449298</v>
      </c>
      <c r="BO14" s="116">
        <v>470431</v>
      </c>
      <c r="BP14" s="110">
        <v>123888</v>
      </c>
      <c r="BQ14" s="114">
        <v>63016</v>
      </c>
      <c r="BR14" s="113">
        <v>186904</v>
      </c>
      <c r="BS14" s="110">
        <v>0</v>
      </c>
      <c r="BT14" s="114">
        <v>412856</v>
      </c>
      <c r="BU14" s="114">
        <v>411224</v>
      </c>
      <c r="BV14" s="114">
        <v>383536</v>
      </c>
      <c r="BW14" s="114">
        <v>367664</v>
      </c>
      <c r="BX14" s="114">
        <v>250552</v>
      </c>
      <c r="BY14" s="113">
        <v>1825832</v>
      </c>
      <c r="BZ14" s="116">
        <v>2012736</v>
      </c>
      <c r="CA14" s="110">
        <v>143933</v>
      </c>
      <c r="CB14" s="114">
        <v>87774</v>
      </c>
      <c r="CC14" s="113">
        <v>231707</v>
      </c>
      <c r="CD14" s="110">
        <v>0</v>
      </c>
      <c r="CE14" s="114">
        <v>2054257</v>
      </c>
      <c r="CF14" s="114">
        <v>3073789</v>
      </c>
      <c r="CG14" s="114">
        <v>2561272</v>
      </c>
      <c r="CH14" s="114">
        <v>1387279</v>
      </c>
      <c r="CI14" s="114">
        <v>477390</v>
      </c>
      <c r="CJ14" s="113">
        <v>9553987</v>
      </c>
      <c r="CK14" s="116">
        <v>9785694</v>
      </c>
      <c r="CL14" s="110">
        <v>0</v>
      </c>
      <c r="CM14" s="114">
        <v>0</v>
      </c>
      <c r="CN14" s="113">
        <v>0</v>
      </c>
      <c r="CO14" s="111">
        <v>0</v>
      </c>
      <c r="CP14" s="114">
        <v>1747435</v>
      </c>
      <c r="CQ14" s="114">
        <v>2604195</v>
      </c>
      <c r="CR14" s="114">
        <v>2111324</v>
      </c>
      <c r="CS14" s="114">
        <v>862003</v>
      </c>
      <c r="CT14" s="114">
        <v>477390</v>
      </c>
      <c r="CU14" s="113">
        <v>7802347</v>
      </c>
      <c r="CV14" s="116">
        <v>7802347</v>
      </c>
      <c r="CW14" s="110">
        <v>143933</v>
      </c>
      <c r="CX14" s="114">
        <v>87774</v>
      </c>
      <c r="CY14" s="113">
        <v>231707</v>
      </c>
      <c r="CZ14" s="110">
        <v>0</v>
      </c>
      <c r="DA14" s="114">
        <v>306822</v>
      </c>
      <c r="DB14" s="114">
        <v>469594</v>
      </c>
      <c r="DC14" s="114">
        <v>449948</v>
      </c>
      <c r="DD14" s="114">
        <v>525276</v>
      </c>
      <c r="DE14" s="114">
        <v>0</v>
      </c>
      <c r="DF14" s="113">
        <v>1751640</v>
      </c>
      <c r="DG14" s="116">
        <v>1983347</v>
      </c>
      <c r="DH14" s="110">
        <v>0</v>
      </c>
      <c r="DI14" s="114">
        <v>97126</v>
      </c>
      <c r="DJ14" s="112">
        <v>97126</v>
      </c>
      <c r="DK14" s="111">
        <v>0</v>
      </c>
      <c r="DL14" s="114">
        <v>225845</v>
      </c>
      <c r="DM14" s="114">
        <v>455632</v>
      </c>
      <c r="DN14" s="114">
        <v>981060</v>
      </c>
      <c r="DO14" s="114">
        <v>249476</v>
      </c>
      <c r="DP14" s="114">
        <v>534983</v>
      </c>
      <c r="DQ14" s="113">
        <v>2446996</v>
      </c>
      <c r="DR14" s="116">
        <v>2544122</v>
      </c>
      <c r="DS14" s="110">
        <v>0</v>
      </c>
      <c r="DT14" s="114">
        <v>97126</v>
      </c>
      <c r="DU14" s="113">
        <v>97126</v>
      </c>
      <c r="DV14" s="110">
        <v>0</v>
      </c>
      <c r="DW14" s="114">
        <v>225845</v>
      </c>
      <c r="DX14" s="114">
        <v>394810</v>
      </c>
      <c r="DY14" s="114">
        <v>886275</v>
      </c>
      <c r="DZ14" s="114">
        <v>179470</v>
      </c>
      <c r="EA14" s="114">
        <v>534983</v>
      </c>
      <c r="EB14" s="113">
        <v>2221383</v>
      </c>
      <c r="EC14" s="116">
        <v>2318509</v>
      </c>
      <c r="ED14" s="110">
        <v>0</v>
      </c>
      <c r="EE14" s="112">
        <v>0</v>
      </c>
      <c r="EF14" s="113">
        <v>0</v>
      </c>
      <c r="EG14" s="110">
        <v>0</v>
      </c>
      <c r="EH14" s="114">
        <v>0</v>
      </c>
      <c r="EI14" s="114">
        <v>60822</v>
      </c>
      <c r="EJ14" s="114">
        <v>94785</v>
      </c>
      <c r="EK14" s="114">
        <v>70006</v>
      </c>
      <c r="EL14" s="114">
        <v>0</v>
      </c>
      <c r="EM14" s="112">
        <v>225613</v>
      </c>
      <c r="EN14" s="116">
        <v>225613</v>
      </c>
      <c r="EO14" s="110">
        <v>0</v>
      </c>
      <c r="EP14" s="114">
        <v>0</v>
      </c>
      <c r="EQ14" s="112">
        <v>0</v>
      </c>
      <c r="ER14" s="111">
        <v>0</v>
      </c>
      <c r="ES14" s="114">
        <v>0</v>
      </c>
      <c r="ET14" s="114">
        <v>0</v>
      </c>
      <c r="EU14" s="114">
        <v>0</v>
      </c>
      <c r="EV14" s="114">
        <v>0</v>
      </c>
      <c r="EW14" s="114">
        <v>0</v>
      </c>
      <c r="EX14" s="113">
        <v>0</v>
      </c>
      <c r="EY14" s="116">
        <v>0</v>
      </c>
      <c r="EZ14" s="110">
        <v>0</v>
      </c>
      <c r="FA14" s="114">
        <v>0</v>
      </c>
      <c r="FB14" s="112">
        <v>0</v>
      </c>
      <c r="FC14" s="348"/>
      <c r="FD14" s="114">
        <v>0</v>
      </c>
      <c r="FE14" s="114">
        <v>0</v>
      </c>
      <c r="FF14" s="114">
        <v>0</v>
      </c>
      <c r="FG14" s="114">
        <v>0</v>
      </c>
      <c r="FH14" s="114">
        <v>0</v>
      </c>
      <c r="FI14" s="113">
        <v>0</v>
      </c>
      <c r="FJ14" s="116">
        <v>0</v>
      </c>
      <c r="FK14" s="110">
        <v>121208</v>
      </c>
      <c r="FL14" s="114">
        <v>67920</v>
      </c>
      <c r="FM14" s="113">
        <v>189128</v>
      </c>
      <c r="FN14" s="110">
        <v>0</v>
      </c>
      <c r="FO14" s="114">
        <v>330304</v>
      </c>
      <c r="FP14" s="114">
        <v>975080</v>
      </c>
      <c r="FQ14" s="114">
        <v>900520</v>
      </c>
      <c r="FR14" s="114">
        <v>672776</v>
      </c>
      <c r="FS14" s="114">
        <v>236136</v>
      </c>
      <c r="FT14" s="113">
        <v>3114816</v>
      </c>
      <c r="FU14" s="116">
        <v>3303944</v>
      </c>
      <c r="FV14" s="115">
        <v>121208</v>
      </c>
      <c r="FW14" s="114">
        <v>67920</v>
      </c>
      <c r="FX14" s="112">
        <v>189128</v>
      </c>
      <c r="FY14" s="111">
        <v>0</v>
      </c>
      <c r="FZ14" s="114">
        <v>330304</v>
      </c>
      <c r="GA14" s="114">
        <v>975080</v>
      </c>
      <c r="GB14" s="114">
        <v>900520</v>
      </c>
      <c r="GC14" s="114">
        <v>672776</v>
      </c>
      <c r="GD14" s="114">
        <v>236136</v>
      </c>
      <c r="GE14" s="113">
        <v>3114816</v>
      </c>
      <c r="GF14" s="319">
        <v>3303944</v>
      </c>
      <c r="GG14" s="115">
        <v>0</v>
      </c>
      <c r="GH14" s="114">
        <v>0</v>
      </c>
      <c r="GI14" s="112">
        <v>0</v>
      </c>
      <c r="GJ14" s="111">
        <v>0</v>
      </c>
      <c r="GK14" s="114">
        <v>0</v>
      </c>
      <c r="GL14" s="114">
        <v>0</v>
      </c>
      <c r="GM14" s="114">
        <v>0</v>
      </c>
      <c r="GN14" s="114">
        <v>0</v>
      </c>
      <c r="GO14" s="114">
        <v>0</v>
      </c>
      <c r="GP14" s="113">
        <v>0</v>
      </c>
      <c r="GQ14" s="116">
        <v>0</v>
      </c>
      <c r="GR14" s="110">
        <v>0</v>
      </c>
      <c r="GS14" s="114">
        <v>0</v>
      </c>
      <c r="GT14" s="113">
        <v>0</v>
      </c>
      <c r="GU14" s="110">
        <v>0</v>
      </c>
      <c r="GV14" s="114">
        <v>0</v>
      </c>
      <c r="GW14" s="114">
        <v>0</v>
      </c>
      <c r="GX14" s="114">
        <v>0</v>
      </c>
      <c r="GY14" s="114">
        <v>0</v>
      </c>
      <c r="GZ14" s="114">
        <v>0</v>
      </c>
      <c r="HA14" s="112">
        <v>0</v>
      </c>
      <c r="HB14" s="116">
        <v>0</v>
      </c>
      <c r="HC14" s="110">
        <v>336045</v>
      </c>
      <c r="HD14" s="114">
        <v>459330</v>
      </c>
      <c r="HE14" s="112">
        <v>795375</v>
      </c>
      <c r="HF14" s="111">
        <v>0</v>
      </c>
      <c r="HG14" s="114">
        <v>1877236</v>
      </c>
      <c r="HH14" s="114">
        <v>1547679</v>
      </c>
      <c r="HI14" s="114">
        <v>1762551</v>
      </c>
      <c r="HJ14" s="114">
        <v>2062116</v>
      </c>
      <c r="HK14" s="114">
        <v>1278414</v>
      </c>
      <c r="HL14" s="113">
        <v>8527996</v>
      </c>
      <c r="HM14" s="109">
        <v>9323371</v>
      </c>
      <c r="HN14" s="329"/>
      <c r="HO14" s="330"/>
      <c r="HP14" s="331"/>
      <c r="HQ14" s="332"/>
      <c r="HR14" s="330"/>
      <c r="HS14" s="330"/>
      <c r="HT14" s="330"/>
      <c r="HU14" s="330"/>
      <c r="HV14" s="330"/>
      <c r="HW14" s="333"/>
      <c r="HX14" s="334"/>
      <c r="HY14" s="131">
        <v>48251</v>
      </c>
      <c r="HZ14" s="132">
        <v>0</v>
      </c>
      <c r="IA14" s="133">
        <v>48251</v>
      </c>
      <c r="IB14" s="134">
        <v>0</v>
      </c>
      <c r="IC14" s="135">
        <v>3078950</v>
      </c>
      <c r="ID14" s="136">
        <v>3142224</v>
      </c>
      <c r="IE14" s="137">
        <v>2760174</v>
      </c>
      <c r="IF14" s="135">
        <v>3171406</v>
      </c>
      <c r="IG14" s="137">
        <v>699647</v>
      </c>
      <c r="IH14" s="138">
        <v>12852401</v>
      </c>
      <c r="II14" s="139">
        <v>12900652</v>
      </c>
      <c r="IJ14" s="232">
        <v>0</v>
      </c>
      <c r="IK14" s="236">
        <v>0</v>
      </c>
      <c r="IL14" s="237">
        <v>0</v>
      </c>
      <c r="IM14" s="140"/>
      <c r="IN14" s="119">
        <v>0</v>
      </c>
      <c r="IO14" s="119">
        <v>0</v>
      </c>
      <c r="IP14" s="119">
        <v>0</v>
      </c>
      <c r="IQ14" s="119">
        <v>243232</v>
      </c>
      <c r="IR14" s="119">
        <v>0</v>
      </c>
      <c r="IS14" s="141">
        <v>243232</v>
      </c>
      <c r="IT14" s="321">
        <v>243232</v>
      </c>
      <c r="IU14" s="142">
        <v>0</v>
      </c>
      <c r="IV14" s="119">
        <v>0</v>
      </c>
      <c r="IW14" s="120">
        <v>0</v>
      </c>
      <c r="IX14" s="144"/>
      <c r="IY14" s="119">
        <v>0</v>
      </c>
      <c r="IZ14" s="119">
        <v>0</v>
      </c>
      <c r="JA14" s="119">
        <v>0</v>
      </c>
      <c r="JB14" s="119">
        <v>0</v>
      </c>
      <c r="JC14" s="119">
        <v>22657</v>
      </c>
      <c r="JD14" s="120">
        <v>22657</v>
      </c>
      <c r="JE14" s="121">
        <v>22657</v>
      </c>
      <c r="JF14" s="142">
        <v>0</v>
      </c>
      <c r="JG14" s="119">
        <v>0</v>
      </c>
      <c r="JH14" s="141">
        <v>0</v>
      </c>
      <c r="JI14" s="118">
        <v>0</v>
      </c>
      <c r="JJ14" s="119">
        <v>1274086</v>
      </c>
      <c r="JK14" s="119">
        <v>1570154</v>
      </c>
      <c r="JL14" s="119">
        <v>676191</v>
      </c>
      <c r="JM14" s="119">
        <v>403667</v>
      </c>
      <c r="JN14" s="119">
        <v>97844</v>
      </c>
      <c r="JO14" s="120">
        <v>4021942</v>
      </c>
      <c r="JP14" s="321">
        <v>4021942</v>
      </c>
      <c r="JQ14" s="142">
        <v>0</v>
      </c>
      <c r="JR14" s="119">
        <v>0</v>
      </c>
      <c r="JS14" s="141">
        <v>0</v>
      </c>
      <c r="JT14" s="118">
        <v>0</v>
      </c>
      <c r="JU14" s="119">
        <v>84543</v>
      </c>
      <c r="JV14" s="119">
        <v>0</v>
      </c>
      <c r="JW14" s="119">
        <v>0</v>
      </c>
      <c r="JX14" s="119">
        <v>213219</v>
      </c>
      <c r="JY14" s="119">
        <v>0</v>
      </c>
      <c r="JZ14" s="120">
        <v>297762</v>
      </c>
      <c r="KA14" s="321">
        <v>297762</v>
      </c>
      <c r="KB14" s="234">
        <v>48251</v>
      </c>
      <c r="KC14" s="230">
        <v>0</v>
      </c>
      <c r="KD14" s="120">
        <v>48251</v>
      </c>
      <c r="KE14" s="118">
        <v>0</v>
      </c>
      <c r="KF14" s="119">
        <v>613879</v>
      </c>
      <c r="KG14" s="119">
        <v>651210</v>
      </c>
      <c r="KH14" s="119">
        <v>470250</v>
      </c>
      <c r="KI14" s="119">
        <v>553585</v>
      </c>
      <c r="KJ14" s="119">
        <v>0</v>
      </c>
      <c r="KK14" s="120">
        <v>2288924</v>
      </c>
      <c r="KL14" s="143">
        <v>2337175</v>
      </c>
      <c r="KM14" s="232">
        <v>0</v>
      </c>
      <c r="KN14" s="236">
        <v>0</v>
      </c>
      <c r="KO14" s="237">
        <v>0</v>
      </c>
      <c r="KP14" s="140"/>
      <c r="KQ14" s="119">
        <v>699914</v>
      </c>
      <c r="KR14" s="119">
        <v>730176</v>
      </c>
      <c r="KS14" s="119">
        <v>1425885</v>
      </c>
      <c r="KT14" s="119">
        <v>629924</v>
      </c>
      <c r="KU14" s="119">
        <v>259878</v>
      </c>
      <c r="KV14" s="120">
        <v>3745777</v>
      </c>
      <c r="KW14" s="321">
        <v>3745777</v>
      </c>
      <c r="KX14" s="142">
        <v>0</v>
      </c>
      <c r="KY14" s="119">
        <v>0</v>
      </c>
      <c r="KZ14" s="120">
        <v>0</v>
      </c>
      <c r="LA14" s="145"/>
      <c r="LB14" s="119">
        <v>0</v>
      </c>
      <c r="LC14" s="119">
        <v>0</v>
      </c>
      <c r="LD14" s="119">
        <v>0</v>
      </c>
      <c r="LE14" s="119">
        <v>832025</v>
      </c>
      <c r="LF14" s="119">
        <v>0</v>
      </c>
      <c r="LG14" s="120">
        <v>832025</v>
      </c>
      <c r="LH14" s="121">
        <v>832025</v>
      </c>
      <c r="LI14" s="142">
        <v>0</v>
      </c>
      <c r="LJ14" s="119">
        <v>0</v>
      </c>
      <c r="LK14" s="120">
        <v>0</v>
      </c>
      <c r="LL14" s="145"/>
      <c r="LM14" s="119">
        <v>0</v>
      </c>
      <c r="LN14" s="119">
        <v>0</v>
      </c>
      <c r="LO14" s="119">
        <v>187848</v>
      </c>
      <c r="LP14" s="119">
        <v>0</v>
      </c>
      <c r="LQ14" s="119">
        <v>0</v>
      </c>
      <c r="LR14" s="120">
        <v>187848</v>
      </c>
      <c r="LS14" s="321">
        <v>187848</v>
      </c>
      <c r="LT14" s="142">
        <v>0</v>
      </c>
      <c r="LU14" s="119">
        <v>0</v>
      </c>
      <c r="LV14" s="120">
        <v>0</v>
      </c>
      <c r="LW14" s="145"/>
      <c r="LX14" s="119">
        <v>406528</v>
      </c>
      <c r="LY14" s="119">
        <v>190684</v>
      </c>
      <c r="LZ14" s="119">
        <v>0</v>
      </c>
      <c r="MA14" s="119">
        <v>295754</v>
      </c>
      <c r="MB14" s="119">
        <v>319268</v>
      </c>
      <c r="MC14" s="120">
        <v>1212234</v>
      </c>
      <c r="MD14" s="121">
        <v>1212234</v>
      </c>
      <c r="ME14" s="142">
        <v>0</v>
      </c>
      <c r="MF14" s="119">
        <v>0</v>
      </c>
      <c r="MG14" s="120">
        <v>0</v>
      </c>
      <c r="MH14" s="145"/>
      <c r="MI14" s="119">
        <v>420757</v>
      </c>
      <c r="MJ14" s="119">
        <v>1485307</v>
      </c>
      <c r="MK14" s="119">
        <v>4215531</v>
      </c>
      <c r="ML14" s="119">
        <v>3472107</v>
      </c>
      <c r="MM14" s="119">
        <v>2264928</v>
      </c>
      <c r="MN14" s="120">
        <v>11858630</v>
      </c>
      <c r="MO14" s="143">
        <v>11858630</v>
      </c>
      <c r="MP14" s="142">
        <v>0</v>
      </c>
      <c r="MQ14" s="119">
        <v>0</v>
      </c>
      <c r="MR14" s="120">
        <v>0</v>
      </c>
      <c r="MS14" s="145"/>
      <c r="MT14" s="119">
        <v>214684</v>
      </c>
      <c r="MU14" s="119">
        <v>233419</v>
      </c>
      <c r="MV14" s="119">
        <v>1445982</v>
      </c>
      <c r="MW14" s="119">
        <v>2148990</v>
      </c>
      <c r="MX14" s="119">
        <v>1611704</v>
      </c>
      <c r="MY14" s="120">
        <v>5654779</v>
      </c>
      <c r="MZ14" s="143">
        <v>5654779</v>
      </c>
      <c r="NA14" s="142">
        <v>0</v>
      </c>
      <c r="NB14" s="119">
        <v>0</v>
      </c>
      <c r="NC14" s="120">
        <v>0</v>
      </c>
      <c r="ND14" s="145"/>
      <c r="NE14" s="119">
        <v>206073</v>
      </c>
      <c r="NF14" s="119">
        <v>1251888</v>
      </c>
      <c r="NG14" s="119">
        <v>2769549</v>
      </c>
      <c r="NH14" s="119">
        <v>1323117</v>
      </c>
      <c r="NI14" s="119">
        <v>653224</v>
      </c>
      <c r="NJ14" s="120">
        <v>6203851</v>
      </c>
      <c r="NK14" s="321">
        <v>6203851</v>
      </c>
      <c r="NL14" s="142">
        <v>0</v>
      </c>
      <c r="NM14" s="119">
        <v>0</v>
      </c>
      <c r="NN14" s="120">
        <v>0</v>
      </c>
      <c r="NO14" s="145"/>
      <c r="NP14" s="119">
        <v>0</v>
      </c>
      <c r="NQ14" s="119">
        <v>0</v>
      </c>
      <c r="NR14" s="119">
        <v>0</v>
      </c>
      <c r="NS14" s="119">
        <v>0</v>
      </c>
      <c r="NT14" s="119">
        <v>0</v>
      </c>
      <c r="NU14" s="120">
        <v>0</v>
      </c>
      <c r="NV14" s="121">
        <v>0</v>
      </c>
      <c r="NW14" s="142">
        <v>0</v>
      </c>
      <c r="NX14" s="119">
        <v>0</v>
      </c>
      <c r="NY14" s="120">
        <v>0</v>
      </c>
      <c r="NZ14" s="145"/>
      <c r="OA14" s="119">
        <v>0</v>
      </c>
      <c r="OB14" s="119">
        <v>0</v>
      </c>
      <c r="OC14" s="119">
        <v>0</v>
      </c>
      <c r="OD14" s="119">
        <v>0</v>
      </c>
      <c r="OE14" s="119">
        <v>0</v>
      </c>
      <c r="OF14" s="120">
        <v>0</v>
      </c>
      <c r="OG14" s="121">
        <v>0</v>
      </c>
      <c r="OH14" s="142">
        <v>819771</v>
      </c>
      <c r="OI14" s="119">
        <v>1038815</v>
      </c>
      <c r="OJ14" s="141">
        <v>1858586</v>
      </c>
      <c r="OK14" s="118">
        <v>0</v>
      </c>
      <c r="OL14" s="119">
        <v>10426384</v>
      </c>
      <c r="OM14" s="119">
        <v>13532305</v>
      </c>
      <c r="ON14" s="119">
        <v>17637245</v>
      </c>
      <c r="OO14" s="119">
        <v>12924113</v>
      </c>
      <c r="OP14" s="119">
        <v>7640232</v>
      </c>
      <c r="OQ14" s="120">
        <v>62160279</v>
      </c>
      <c r="OR14" s="143">
        <v>64018865</v>
      </c>
    </row>
    <row r="15" spans="1:408" ht="20.25" customHeight="1" x14ac:dyDescent="0.2">
      <c r="A15" s="126" t="s">
        <v>9</v>
      </c>
      <c r="B15" s="110">
        <v>1084839</v>
      </c>
      <c r="C15" s="114">
        <v>1175070</v>
      </c>
      <c r="D15" s="113">
        <v>2259909</v>
      </c>
      <c r="E15" s="111">
        <v>0</v>
      </c>
      <c r="F15" s="114">
        <v>11879820</v>
      </c>
      <c r="G15" s="114">
        <v>11334664</v>
      </c>
      <c r="H15" s="114">
        <v>10242579</v>
      </c>
      <c r="I15" s="114">
        <v>11124479</v>
      </c>
      <c r="J15" s="114">
        <v>9168853</v>
      </c>
      <c r="K15" s="109">
        <v>53750395</v>
      </c>
      <c r="L15" s="116">
        <v>56010304</v>
      </c>
      <c r="M15" s="110">
        <v>190526</v>
      </c>
      <c r="N15" s="114">
        <v>299521</v>
      </c>
      <c r="O15" s="113">
        <v>490047</v>
      </c>
      <c r="P15" s="110">
        <v>0</v>
      </c>
      <c r="Q15" s="114">
        <v>3994068</v>
      </c>
      <c r="R15" s="114">
        <v>4246124</v>
      </c>
      <c r="S15" s="114">
        <v>3630854</v>
      </c>
      <c r="T15" s="114">
        <v>4754472</v>
      </c>
      <c r="U15" s="114">
        <v>4475824</v>
      </c>
      <c r="V15" s="113">
        <v>21101342</v>
      </c>
      <c r="W15" s="116">
        <v>21591389</v>
      </c>
      <c r="X15" s="110">
        <v>0</v>
      </c>
      <c r="Y15" s="114">
        <v>0</v>
      </c>
      <c r="Z15" s="113">
        <v>0</v>
      </c>
      <c r="AA15" s="110">
        <v>0</v>
      </c>
      <c r="AB15" s="114">
        <v>1947767</v>
      </c>
      <c r="AC15" s="114">
        <v>2113135</v>
      </c>
      <c r="AD15" s="114">
        <v>1734472</v>
      </c>
      <c r="AE15" s="114">
        <v>3094534</v>
      </c>
      <c r="AF15" s="114">
        <v>2413719</v>
      </c>
      <c r="AG15" s="113">
        <v>11303627</v>
      </c>
      <c r="AH15" s="116">
        <v>11303627</v>
      </c>
      <c r="AI15" s="110">
        <v>0</v>
      </c>
      <c r="AJ15" s="114">
        <v>0</v>
      </c>
      <c r="AK15" s="113">
        <v>0</v>
      </c>
      <c r="AL15" s="110">
        <v>0</v>
      </c>
      <c r="AM15" s="114">
        <v>0</v>
      </c>
      <c r="AN15" s="114">
        <v>48513</v>
      </c>
      <c r="AO15" s="114">
        <v>13852</v>
      </c>
      <c r="AP15" s="114">
        <v>71027</v>
      </c>
      <c r="AQ15" s="114">
        <v>599722</v>
      </c>
      <c r="AR15" s="113">
        <v>733114</v>
      </c>
      <c r="AS15" s="116">
        <v>733114</v>
      </c>
      <c r="AT15" s="110">
        <v>0</v>
      </c>
      <c r="AU15" s="114">
        <v>113870</v>
      </c>
      <c r="AV15" s="113">
        <v>113870</v>
      </c>
      <c r="AW15" s="110">
        <v>0</v>
      </c>
      <c r="AX15" s="114">
        <v>1335573</v>
      </c>
      <c r="AY15" s="114">
        <v>1215784</v>
      </c>
      <c r="AZ15" s="114">
        <v>1079941</v>
      </c>
      <c r="BA15" s="114">
        <v>838103</v>
      </c>
      <c r="BB15" s="114">
        <v>959933</v>
      </c>
      <c r="BC15" s="113">
        <v>5429334</v>
      </c>
      <c r="BD15" s="116">
        <v>5543204</v>
      </c>
      <c r="BE15" s="110">
        <v>16270</v>
      </c>
      <c r="BF15" s="114">
        <v>46099</v>
      </c>
      <c r="BG15" s="112">
        <v>62369</v>
      </c>
      <c r="BH15" s="111">
        <v>0</v>
      </c>
      <c r="BI15" s="114">
        <v>0</v>
      </c>
      <c r="BJ15" s="114">
        <v>152524</v>
      </c>
      <c r="BK15" s="114">
        <v>66261</v>
      </c>
      <c r="BL15" s="114">
        <v>172768</v>
      </c>
      <c r="BM15" s="114">
        <v>68530</v>
      </c>
      <c r="BN15" s="113">
        <v>460083</v>
      </c>
      <c r="BO15" s="116">
        <v>522452</v>
      </c>
      <c r="BP15" s="110">
        <v>174256</v>
      </c>
      <c r="BQ15" s="114">
        <v>139552</v>
      </c>
      <c r="BR15" s="113">
        <v>313808</v>
      </c>
      <c r="BS15" s="110">
        <v>0</v>
      </c>
      <c r="BT15" s="114">
        <v>710728</v>
      </c>
      <c r="BU15" s="114">
        <v>716168</v>
      </c>
      <c r="BV15" s="114">
        <v>736328</v>
      </c>
      <c r="BW15" s="114">
        <v>578040</v>
      </c>
      <c r="BX15" s="114">
        <v>433920</v>
      </c>
      <c r="BY15" s="113">
        <v>3175184</v>
      </c>
      <c r="BZ15" s="116">
        <v>3488992</v>
      </c>
      <c r="CA15" s="110">
        <v>103673</v>
      </c>
      <c r="CB15" s="114">
        <v>116293</v>
      </c>
      <c r="CC15" s="113">
        <v>219966</v>
      </c>
      <c r="CD15" s="110">
        <v>0</v>
      </c>
      <c r="CE15" s="114">
        <v>3001288</v>
      </c>
      <c r="CF15" s="114">
        <v>2548313</v>
      </c>
      <c r="CG15" s="114">
        <v>2925098</v>
      </c>
      <c r="CH15" s="114">
        <v>1895011</v>
      </c>
      <c r="CI15" s="114">
        <v>979263</v>
      </c>
      <c r="CJ15" s="113">
        <v>11348973</v>
      </c>
      <c r="CK15" s="116">
        <v>11568939</v>
      </c>
      <c r="CL15" s="110">
        <v>0</v>
      </c>
      <c r="CM15" s="114">
        <v>0</v>
      </c>
      <c r="CN15" s="113">
        <v>0</v>
      </c>
      <c r="CO15" s="111">
        <v>0</v>
      </c>
      <c r="CP15" s="114">
        <v>2128841</v>
      </c>
      <c r="CQ15" s="114">
        <v>1782628</v>
      </c>
      <c r="CR15" s="114">
        <v>2260762</v>
      </c>
      <c r="CS15" s="114">
        <v>1033294</v>
      </c>
      <c r="CT15" s="114">
        <v>979263</v>
      </c>
      <c r="CU15" s="113">
        <v>8184788</v>
      </c>
      <c r="CV15" s="116">
        <v>8184788</v>
      </c>
      <c r="CW15" s="110">
        <v>103673</v>
      </c>
      <c r="CX15" s="114">
        <v>116293</v>
      </c>
      <c r="CY15" s="113">
        <v>219966</v>
      </c>
      <c r="CZ15" s="110">
        <v>0</v>
      </c>
      <c r="DA15" s="114">
        <v>872447</v>
      </c>
      <c r="DB15" s="114">
        <v>765685</v>
      </c>
      <c r="DC15" s="114">
        <v>664336</v>
      </c>
      <c r="DD15" s="114">
        <v>861717</v>
      </c>
      <c r="DE15" s="114">
        <v>0</v>
      </c>
      <c r="DF15" s="113">
        <v>3164185</v>
      </c>
      <c r="DG15" s="116">
        <v>3384151</v>
      </c>
      <c r="DH15" s="110">
        <v>39949</v>
      </c>
      <c r="DI15" s="114">
        <v>0</v>
      </c>
      <c r="DJ15" s="112">
        <v>39949</v>
      </c>
      <c r="DK15" s="111">
        <v>0</v>
      </c>
      <c r="DL15" s="114">
        <v>446092</v>
      </c>
      <c r="DM15" s="114">
        <v>473133</v>
      </c>
      <c r="DN15" s="114">
        <v>815217</v>
      </c>
      <c r="DO15" s="114">
        <v>713997</v>
      </c>
      <c r="DP15" s="114">
        <v>694316</v>
      </c>
      <c r="DQ15" s="113">
        <v>3142755</v>
      </c>
      <c r="DR15" s="116">
        <v>3182704</v>
      </c>
      <c r="DS15" s="110">
        <v>39949</v>
      </c>
      <c r="DT15" s="114">
        <v>0</v>
      </c>
      <c r="DU15" s="113">
        <v>39949</v>
      </c>
      <c r="DV15" s="110">
        <v>0</v>
      </c>
      <c r="DW15" s="114">
        <v>335380</v>
      </c>
      <c r="DX15" s="114">
        <v>427826</v>
      </c>
      <c r="DY15" s="114">
        <v>815217</v>
      </c>
      <c r="DZ15" s="114">
        <v>599944</v>
      </c>
      <c r="EA15" s="114">
        <v>629348</v>
      </c>
      <c r="EB15" s="113">
        <v>2807715</v>
      </c>
      <c r="EC15" s="116">
        <v>2847664</v>
      </c>
      <c r="ED15" s="110">
        <v>0</v>
      </c>
      <c r="EE15" s="112">
        <v>0</v>
      </c>
      <c r="EF15" s="113">
        <v>0</v>
      </c>
      <c r="EG15" s="110">
        <v>0</v>
      </c>
      <c r="EH15" s="114">
        <v>110712</v>
      </c>
      <c r="EI15" s="114">
        <v>45307</v>
      </c>
      <c r="EJ15" s="114">
        <v>0</v>
      </c>
      <c r="EK15" s="114">
        <v>114053</v>
      </c>
      <c r="EL15" s="114">
        <v>64968</v>
      </c>
      <c r="EM15" s="112">
        <v>335040</v>
      </c>
      <c r="EN15" s="116">
        <v>335040</v>
      </c>
      <c r="EO15" s="110">
        <v>0</v>
      </c>
      <c r="EP15" s="114">
        <v>0</v>
      </c>
      <c r="EQ15" s="112">
        <v>0</v>
      </c>
      <c r="ER15" s="111">
        <v>0</v>
      </c>
      <c r="ES15" s="114">
        <v>0</v>
      </c>
      <c r="ET15" s="114">
        <v>0</v>
      </c>
      <c r="EU15" s="114">
        <v>0</v>
      </c>
      <c r="EV15" s="114">
        <v>0</v>
      </c>
      <c r="EW15" s="114">
        <v>0</v>
      </c>
      <c r="EX15" s="113">
        <v>0</v>
      </c>
      <c r="EY15" s="116">
        <v>0</v>
      </c>
      <c r="EZ15" s="110">
        <v>0</v>
      </c>
      <c r="FA15" s="114">
        <v>0</v>
      </c>
      <c r="FB15" s="112">
        <v>0</v>
      </c>
      <c r="FC15" s="348"/>
      <c r="FD15" s="114">
        <v>0</v>
      </c>
      <c r="FE15" s="114">
        <v>0</v>
      </c>
      <c r="FF15" s="114">
        <v>0</v>
      </c>
      <c r="FG15" s="114">
        <v>0</v>
      </c>
      <c r="FH15" s="114">
        <v>0</v>
      </c>
      <c r="FI15" s="113">
        <v>0</v>
      </c>
      <c r="FJ15" s="116">
        <v>0</v>
      </c>
      <c r="FK15" s="110">
        <v>259776</v>
      </c>
      <c r="FL15" s="114">
        <v>191744</v>
      </c>
      <c r="FM15" s="113">
        <v>451520</v>
      </c>
      <c r="FN15" s="110">
        <v>0</v>
      </c>
      <c r="FO15" s="114">
        <v>895968</v>
      </c>
      <c r="FP15" s="114">
        <v>1156000</v>
      </c>
      <c r="FQ15" s="114">
        <v>817599</v>
      </c>
      <c r="FR15" s="114">
        <v>915568</v>
      </c>
      <c r="FS15" s="114">
        <v>652696</v>
      </c>
      <c r="FT15" s="113">
        <v>4437831</v>
      </c>
      <c r="FU15" s="116">
        <v>4889351</v>
      </c>
      <c r="FV15" s="115">
        <v>130416</v>
      </c>
      <c r="FW15" s="114">
        <v>129184</v>
      </c>
      <c r="FX15" s="112">
        <v>259600</v>
      </c>
      <c r="FY15" s="111">
        <v>0</v>
      </c>
      <c r="FZ15" s="114">
        <v>686904</v>
      </c>
      <c r="GA15" s="114">
        <v>1038800</v>
      </c>
      <c r="GB15" s="114">
        <v>786751</v>
      </c>
      <c r="GC15" s="114">
        <v>915568</v>
      </c>
      <c r="GD15" s="114">
        <v>652696</v>
      </c>
      <c r="GE15" s="113">
        <v>4080719</v>
      </c>
      <c r="GF15" s="319">
        <v>4340319</v>
      </c>
      <c r="GG15" s="115">
        <v>19360</v>
      </c>
      <c r="GH15" s="114">
        <v>9680</v>
      </c>
      <c r="GI15" s="112">
        <v>29040</v>
      </c>
      <c r="GJ15" s="111">
        <v>0</v>
      </c>
      <c r="GK15" s="114">
        <v>49064</v>
      </c>
      <c r="GL15" s="114">
        <v>19200</v>
      </c>
      <c r="GM15" s="114">
        <v>30848</v>
      </c>
      <c r="GN15" s="114">
        <v>0</v>
      </c>
      <c r="GO15" s="114">
        <v>0</v>
      </c>
      <c r="GP15" s="113">
        <v>99112</v>
      </c>
      <c r="GQ15" s="116">
        <v>128152</v>
      </c>
      <c r="GR15" s="110">
        <v>110000</v>
      </c>
      <c r="GS15" s="114">
        <v>52880</v>
      </c>
      <c r="GT15" s="113">
        <v>162880</v>
      </c>
      <c r="GU15" s="110">
        <v>0</v>
      </c>
      <c r="GV15" s="114">
        <v>160000</v>
      </c>
      <c r="GW15" s="114">
        <v>98000</v>
      </c>
      <c r="GX15" s="114">
        <v>0</v>
      </c>
      <c r="GY15" s="114">
        <v>0</v>
      </c>
      <c r="GZ15" s="114">
        <v>0</v>
      </c>
      <c r="HA15" s="112">
        <v>258000</v>
      </c>
      <c r="HB15" s="116">
        <v>420880</v>
      </c>
      <c r="HC15" s="110">
        <v>490915</v>
      </c>
      <c r="HD15" s="114">
        <v>567512</v>
      </c>
      <c r="HE15" s="112">
        <v>1058427</v>
      </c>
      <c r="HF15" s="111">
        <v>0</v>
      </c>
      <c r="HG15" s="114">
        <v>3542404</v>
      </c>
      <c r="HH15" s="114">
        <v>2911094</v>
      </c>
      <c r="HI15" s="114">
        <v>2053811</v>
      </c>
      <c r="HJ15" s="114">
        <v>2845431</v>
      </c>
      <c r="HK15" s="114">
        <v>2366754</v>
      </c>
      <c r="HL15" s="113">
        <v>13719494</v>
      </c>
      <c r="HM15" s="109">
        <v>14777921</v>
      </c>
      <c r="HN15" s="329"/>
      <c r="HO15" s="330"/>
      <c r="HP15" s="331"/>
      <c r="HQ15" s="332"/>
      <c r="HR15" s="330"/>
      <c r="HS15" s="330"/>
      <c r="HT15" s="330"/>
      <c r="HU15" s="330"/>
      <c r="HV15" s="330"/>
      <c r="HW15" s="333"/>
      <c r="HX15" s="334"/>
      <c r="HY15" s="128">
        <v>42834</v>
      </c>
      <c r="HZ15" s="149">
        <v>0</v>
      </c>
      <c r="IA15" s="129">
        <v>42834</v>
      </c>
      <c r="IB15" s="146">
        <v>0</v>
      </c>
      <c r="IC15" s="132">
        <v>2971738</v>
      </c>
      <c r="ID15" s="147">
        <v>2420328</v>
      </c>
      <c r="IE15" s="133">
        <v>3371435</v>
      </c>
      <c r="IF15" s="132">
        <v>1463878</v>
      </c>
      <c r="IG15" s="133">
        <v>1061536</v>
      </c>
      <c r="IH15" s="148">
        <v>11288915</v>
      </c>
      <c r="II15" s="130">
        <v>11331749</v>
      </c>
      <c r="IJ15" s="232">
        <v>0</v>
      </c>
      <c r="IK15" s="236">
        <v>0</v>
      </c>
      <c r="IL15" s="237">
        <v>0</v>
      </c>
      <c r="IM15" s="140"/>
      <c r="IN15" s="119">
        <v>69791</v>
      </c>
      <c r="IO15" s="119">
        <v>0</v>
      </c>
      <c r="IP15" s="119">
        <v>0</v>
      </c>
      <c r="IQ15" s="119">
        <v>0</v>
      </c>
      <c r="IR15" s="119">
        <v>291392</v>
      </c>
      <c r="IS15" s="141">
        <v>361183</v>
      </c>
      <c r="IT15" s="321">
        <v>361183</v>
      </c>
      <c r="IU15" s="142">
        <v>0</v>
      </c>
      <c r="IV15" s="119">
        <v>0</v>
      </c>
      <c r="IW15" s="120">
        <v>0</v>
      </c>
      <c r="IX15" s="144"/>
      <c r="IY15" s="119">
        <v>0</v>
      </c>
      <c r="IZ15" s="119">
        <v>0</v>
      </c>
      <c r="JA15" s="119">
        <v>0</v>
      </c>
      <c r="JB15" s="119">
        <v>0</v>
      </c>
      <c r="JC15" s="119">
        <v>0</v>
      </c>
      <c r="JD15" s="120">
        <v>0</v>
      </c>
      <c r="JE15" s="121">
        <v>0</v>
      </c>
      <c r="JF15" s="142">
        <v>0</v>
      </c>
      <c r="JG15" s="119">
        <v>0</v>
      </c>
      <c r="JH15" s="141">
        <v>0</v>
      </c>
      <c r="JI15" s="118">
        <v>0</v>
      </c>
      <c r="JJ15" s="119">
        <v>1542876</v>
      </c>
      <c r="JK15" s="119">
        <v>1192964</v>
      </c>
      <c r="JL15" s="119">
        <v>1049342</v>
      </c>
      <c r="JM15" s="119">
        <v>714983</v>
      </c>
      <c r="JN15" s="119">
        <v>0</v>
      </c>
      <c r="JO15" s="120">
        <v>4500165</v>
      </c>
      <c r="JP15" s="321">
        <v>4500165</v>
      </c>
      <c r="JQ15" s="142">
        <v>0</v>
      </c>
      <c r="JR15" s="119">
        <v>0</v>
      </c>
      <c r="JS15" s="141">
        <v>0</v>
      </c>
      <c r="JT15" s="118">
        <v>0</v>
      </c>
      <c r="JU15" s="119">
        <v>0</v>
      </c>
      <c r="JV15" s="119">
        <v>55708</v>
      </c>
      <c r="JW15" s="119">
        <v>199383</v>
      </c>
      <c r="JX15" s="119">
        <v>0</v>
      </c>
      <c r="JY15" s="119">
        <v>0</v>
      </c>
      <c r="JZ15" s="120">
        <v>255091</v>
      </c>
      <c r="KA15" s="321">
        <v>255091</v>
      </c>
      <c r="KB15" s="234">
        <v>42834</v>
      </c>
      <c r="KC15" s="230">
        <v>0</v>
      </c>
      <c r="KD15" s="120">
        <v>42834</v>
      </c>
      <c r="KE15" s="118">
        <v>0</v>
      </c>
      <c r="KF15" s="119">
        <v>484185</v>
      </c>
      <c r="KG15" s="119">
        <v>323097</v>
      </c>
      <c r="KH15" s="119">
        <v>0</v>
      </c>
      <c r="KI15" s="119">
        <v>250389</v>
      </c>
      <c r="KJ15" s="119">
        <v>0</v>
      </c>
      <c r="KK15" s="120">
        <v>1057671</v>
      </c>
      <c r="KL15" s="143">
        <v>1100505</v>
      </c>
      <c r="KM15" s="232">
        <v>0</v>
      </c>
      <c r="KN15" s="236">
        <v>0</v>
      </c>
      <c r="KO15" s="237">
        <v>0</v>
      </c>
      <c r="KP15" s="140"/>
      <c r="KQ15" s="119">
        <v>713815</v>
      </c>
      <c r="KR15" s="119">
        <v>479429</v>
      </c>
      <c r="KS15" s="119">
        <v>1261911</v>
      </c>
      <c r="KT15" s="119">
        <v>491082</v>
      </c>
      <c r="KU15" s="119">
        <v>770144</v>
      </c>
      <c r="KV15" s="120">
        <v>3716381</v>
      </c>
      <c r="KW15" s="321">
        <v>3716381</v>
      </c>
      <c r="KX15" s="142">
        <v>0</v>
      </c>
      <c r="KY15" s="119">
        <v>0</v>
      </c>
      <c r="KZ15" s="120">
        <v>0</v>
      </c>
      <c r="LA15" s="145"/>
      <c r="LB15" s="119">
        <v>161071</v>
      </c>
      <c r="LC15" s="119">
        <v>180483</v>
      </c>
      <c r="LD15" s="119">
        <v>123486</v>
      </c>
      <c r="LE15" s="119">
        <v>7424</v>
      </c>
      <c r="LF15" s="119">
        <v>0</v>
      </c>
      <c r="LG15" s="120">
        <v>472464</v>
      </c>
      <c r="LH15" s="121">
        <v>472464</v>
      </c>
      <c r="LI15" s="142">
        <v>0</v>
      </c>
      <c r="LJ15" s="119">
        <v>0</v>
      </c>
      <c r="LK15" s="120">
        <v>0</v>
      </c>
      <c r="LL15" s="145"/>
      <c r="LM15" s="119">
        <v>0</v>
      </c>
      <c r="LN15" s="119">
        <v>0</v>
      </c>
      <c r="LO15" s="119">
        <v>0</v>
      </c>
      <c r="LP15" s="119">
        <v>0</v>
      </c>
      <c r="LQ15" s="119">
        <v>0</v>
      </c>
      <c r="LR15" s="120">
        <v>0</v>
      </c>
      <c r="LS15" s="321">
        <v>0</v>
      </c>
      <c r="LT15" s="142">
        <v>0</v>
      </c>
      <c r="LU15" s="119">
        <v>0</v>
      </c>
      <c r="LV15" s="120">
        <v>0</v>
      </c>
      <c r="LW15" s="145"/>
      <c r="LX15" s="119">
        <v>0</v>
      </c>
      <c r="LY15" s="119">
        <v>188647</v>
      </c>
      <c r="LZ15" s="119">
        <v>737313</v>
      </c>
      <c r="MA15" s="119">
        <v>0</v>
      </c>
      <c r="MB15" s="119">
        <v>0</v>
      </c>
      <c r="MC15" s="120">
        <v>925960</v>
      </c>
      <c r="MD15" s="121">
        <v>925960</v>
      </c>
      <c r="ME15" s="142">
        <v>0</v>
      </c>
      <c r="MF15" s="119">
        <v>0</v>
      </c>
      <c r="MG15" s="120">
        <v>0</v>
      </c>
      <c r="MH15" s="145"/>
      <c r="MI15" s="119">
        <v>527248</v>
      </c>
      <c r="MJ15" s="119">
        <v>1171588</v>
      </c>
      <c r="MK15" s="119">
        <v>6624564</v>
      </c>
      <c r="ML15" s="119">
        <v>8875942</v>
      </c>
      <c r="MM15" s="119">
        <v>2297772</v>
      </c>
      <c r="MN15" s="120">
        <v>19497114</v>
      </c>
      <c r="MO15" s="143">
        <v>19497114</v>
      </c>
      <c r="MP15" s="142">
        <v>0</v>
      </c>
      <c r="MQ15" s="119">
        <v>0</v>
      </c>
      <c r="MR15" s="120">
        <v>0</v>
      </c>
      <c r="MS15" s="145"/>
      <c r="MT15" s="119">
        <v>0</v>
      </c>
      <c r="MU15" s="119">
        <v>0</v>
      </c>
      <c r="MV15" s="119">
        <v>3753063</v>
      </c>
      <c r="MW15" s="119">
        <v>6816398</v>
      </c>
      <c r="MX15" s="119">
        <v>1983072</v>
      </c>
      <c r="MY15" s="120">
        <v>12552533</v>
      </c>
      <c r="MZ15" s="143">
        <v>12552533</v>
      </c>
      <c r="NA15" s="142">
        <v>0</v>
      </c>
      <c r="NB15" s="119">
        <v>0</v>
      </c>
      <c r="NC15" s="120">
        <v>0</v>
      </c>
      <c r="ND15" s="145"/>
      <c r="NE15" s="119">
        <v>527248</v>
      </c>
      <c r="NF15" s="119">
        <v>1171588</v>
      </c>
      <c r="NG15" s="119">
        <v>2548757</v>
      </c>
      <c r="NH15" s="119">
        <v>2059544</v>
      </c>
      <c r="NI15" s="119">
        <v>314700</v>
      </c>
      <c r="NJ15" s="120">
        <v>6621837</v>
      </c>
      <c r="NK15" s="321">
        <v>6621837</v>
      </c>
      <c r="NL15" s="142">
        <v>0</v>
      </c>
      <c r="NM15" s="119">
        <v>0</v>
      </c>
      <c r="NN15" s="120">
        <v>0</v>
      </c>
      <c r="NO15" s="145"/>
      <c r="NP15" s="119">
        <v>0</v>
      </c>
      <c r="NQ15" s="119">
        <v>0</v>
      </c>
      <c r="NR15" s="119">
        <v>0</v>
      </c>
      <c r="NS15" s="119">
        <v>0</v>
      </c>
      <c r="NT15" s="119">
        <v>0</v>
      </c>
      <c r="NU15" s="120">
        <v>0</v>
      </c>
      <c r="NV15" s="121">
        <v>0</v>
      </c>
      <c r="NW15" s="142">
        <v>0</v>
      </c>
      <c r="NX15" s="119">
        <v>0</v>
      </c>
      <c r="NY15" s="120">
        <v>0</v>
      </c>
      <c r="NZ15" s="145"/>
      <c r="OA15" s="119">
        <v>0</v>
      </c>
      <c r="OB15" s="119">
        <v>0</v>
      </c>
      <c r="OC15" s="119">
        <v>322744</v>
      </c>
      <c r="OD15" s="119">
        <v>0</v>
      </c>
      <c r="OE15" s="119">
        <v>0</v>
      </c>
      <c r="OF15" s="120">
        <v>322744</v>
      </c>
      <c r="OG15" s="121">
        <v>322744</v>
      </c>
      <c r="OH15" s="142">
        <v>1127673</v>
      </c>
      <c r="OI15" s="119">
        <v>1175070</v>
      </c>
      <c r="OJ15" s="141">
        <v>2302743</v>
      </c>
      <c r="OK15" s="118">
        <v>0</v>
      </c>
      <c r="OL15" s="119">
        <v>15378806</v>
      </c>
      <c r="OM15" s="119">
        <v>14926580</v>
      </c>
      <c r="ON15" s="119">
        <v>20238578</v>
      </c>
      <c r="OO15" s="119">
        <v>21464299</v>
      </c>
      <c r="OP15" s="119">
        <v>12528161</v>
      </c>
      <c r="OQ15" s="120">
        <v>84536424</v>
      </c>
      <c r="OR15" s="143">
        <v>86839167</v>
      </c>
    </row>
    <row r="16" spans="1:408" ht="20.25" customHeight="1" x14ac:dyDescent="0.2">
      <c r="A16" s="126" t="s">
        <v>10</v>
      </c>
      <c r="B16" s="110">
        <v>1758788</v>
      </c>
      <c r="C16" s="114">
        <v>2549110</v>
      </c>
      <c r="D16" s="113">
        <v>4307898</v>
      </c>
      <c r="E16" s="172">
        <v>0</v>
      </c>
      <c r="F16" s="114">
        <v>21281554</v>
      </c>
      <c r="G16" s="114">
        <v>14759696</v>
      </c>
      <c r="H16" s="114">
        <v>18856024</v>
      </c>
      <c r="I16" s="114">
        <v>13030321</v>
      </c>
      <c r="J16" s="114">
        <v>11796099</v>
      </c>
      <c r="K16" s="109">
        <v>79723694</v>
      </c>
      <c r="L16" s="116">
        <v>84031592</v>
      </c>
      <c r="M16" s="110">
        <v>677749</v>
      </c>
      <c r="N16" s="114">
        <v>1143319</v>
      </c>
      <c r="O16" s="113">
        <v>1821068</v>
      </c>
      <c r="P16" s="110">
        <v>0</v>
      </c>
      <c r="Q16" s="114">
        <v>7248927</v>
      </c>
      <c r="R16" s="114">
        <v>4909061</v>
      </c>
      <c r="S16" s="114">
        <v>6565883</v>
      </c>
      <c r="T16" s="114">
        <v>5720332</v>
      </c>
      <c r="U16" s="114">
        <v>6651630</v>
      </c>
      <c r="V16" s="113">
        <v>31095833</v>
      </c>
      <c r="W16" s="116">
        <v>32916901</v>
      </c>
      <c r="X16" s="110">
        <v>0</v>
      </c>
      <c r="Y16" s="114">
        <v>0</v>
      </c>
      <c r="Z16" s="113">
        <v>0</v>
      </c>
      <c r="AA16" s="110">
        <v>0</v>
      </c>
      <c r="AB16" s="114">
        <v>2934232</v>
      </c>
      <c r="AC16" s="114">
        <v>2101285</v>
      </c>
      <c r="AD16" s="114">
        <v>4286549</v>
      </c>
      <c r="AE16" s="114">
        <v>2750868</v>
      </c>
      <c r="AF16" s="114">
        <v>3750443</v>
      </c>
      <c r="AG16" s="113">
        <v>15823377</v>
      </c>
      <c r="AH16" s="116">
        <v>15823377</v>
      </c>
      <c r="AI16" s="110">
        <v>0</v>
      </c>
      <c r="AJ16" s="114">
        <v>0</v>
      </c>
      <c r="AK16" s="113">
        <v>0</v>
      </c>
      <c r="AL16" s="110">
        <v>0</v>
      </c>
      <c r="AM16" s="114">
        <v>0</v>
      </c>
      <c r="AN16" s="114">
        <v>0</v>
      </c>
      <c r="AO16" s="114">
        <v>189089</v>
      </c>
      <c r="AP16" s="114">
        <v>545746</v>
      </c>
      <c r="AQ16" s="114">
        <v>686560</v>
      </c>
      <c r="AR16" s="113">
        <v>1421395</v>
      </c>
      <c r="AS16" s="116">
        <v>1421395</v>
      </c>
      <c r="AT16" s="110">
        <v>475731</v>
      </c>
      <c r="AU16" s="114">
        <v>705271</v>
      </c>
      <c r="AV16" s="113">
        <v>1181002</v>
      </c>
      <c r="AW16" s="110">
        <v>0</v>
      </c>
      <c r="AX16" s="114">
        <v>2824686</v>
      </c>
      <c r="AY16" s="114">
        <v>1841587</v>
      </c>
      <c r="AZ16" s="114">
        <v>1155725</v>
      </c>
      <c r="BA16" s="114">
        <v>1408716</v>
      </c>
      <c r="BB16" s="114">
        <v>1370287</v>
      </c>
      <c r="BC16" s="113">
        <v>8601001</v>
      </c>
      <c r="BD16" s="116">
        <v>9782003</v>
      </c>
      <c r="BE16" s="110">
        <v>27714</v>
      </c>
      <c r="BF16" s="114">
        <v>116472</v>
      </c>
      <c r="BG16" s="112">
        <v>144186</v>
      </c>
      <c r="BH16" s="111">
        <v>0</v>
      </c>
      <c r="BI16" s="114">
        <v>360945</v>
      </c>
      <c r="BJ16" s="114">
        <v>73901</v>
      </c>
      <c r="BK16" s="114">
        <v>129792</v>
      </c>
      <c r="BL16" s="114">
        <v>144034</v>
      </c>
      <c r="BM16" s="114">
        <v>95308</v>
      </c>
      <c r="BN16" s="113">
        <v>803980</v>
      </c>
      <c r="BO16" s="116">
        <v>948166</v>
      </c>
      <c r="BP16" s="110">
        <v>174304</v>
      </c>
      <c r="BQ16" s="114">
        <v>321576</v>
      </c>
      <c r="BR16" s="113">
        <v>495880</v>
      </c>
      <c r="BS16" s="110">
        <v>0</v>
      </c>
      <c r="BT16" s="114">
        <v>1129064</v>
      </c>
      <c r="BU16" s="114">
        <v>892288</v>
      </c>
      <c r="BV16" s="114">
        <v>804728</v>
      </c>
      <c r="BW16" s="114">
        <v>870968</v>
      </c>
      <c r="BX16" s="114">
        <v>749032</v>
      </c>
      <c r="BY16" s="113">
        <v>4446080</v>
      </c>
      <c r="BZ16" s="116">
        <v>4941960</v>
      </c>
      <c r="CA16" s="110">
        <v>62656</v>
      </c>
      <c r="CB16" s="114">
        <v>115237</v>
      </c>
      <c r="CC16" s="113">
        <v>177893</v>
      </c>
      <c r="CD16" s="110">
        <v>0</v>
      </c>
      <c r="CE16" s="114">
        <v>7033260</v>
      </c>
      <c r="CF16" s="114">
        <v>4523110</v>
      </c>
      <c r="CG16" s="114">
        <v>3870795</v>
      </c>
      <c r="CH16" s="114">
        <v>1745544</v>
      </c>
      <c r="CI16" s="114">
        <v>725612</v>
      </c>
      <c r="CJ16" s="113">
        <v>17898321</v>
      </c>
      <c r="CK16" s="116">
        <v>18076214</v>
      </c>
      <c r="CL16" s="110">
        <v>0</v>
      </c>
      <c r="CM16" s="114">
        <v>0</v>
      </c>
      <c r="CN16" s="113">
        <v>0</v>
      </c>
      <c r="CO16" s="111">
        <v>0</v>
      </c>
      <c r="CP16" s="114">
        <v>6087963</v>
      </c>
      <c r="CQ16" s="114">
        <v>3816537</v>
      </c>
      <c r="CR16" s="114">
        <v>2813659</v>
      </c>
      <c r="CS16" s="114">
        <v>1485893</v>
      </c>
      <c r="CT16" s="114">
        <v>650984</v>
      </c>
      <c r="CU16" s="113">
        <v>14855036</v>
      </c>
      <c r="CV16" s="116">
        <v>14855036</v>
      </c>
      <c r="CW16" s="110">
        <v>62656</v>
      </c>
      <c r="CX16" s="114">
        <v>115237</v>
      </c>
      <c r="CY16" s="113">
        <v>177893</v>
      </c>
      <c r="CZ16" s="110">
        <v>0</v>
      </c>
      <c r="DA16" s="114">
        <v>945297</v>
      </c>
      <c r="DB16" s="114">
        <v>706573</v>
      </c>
      <c r="DC16" s="114">
        <v>1057136</v>
      </c>
      <c r="DD16" s="114">
        <v>259651</v>
      </c>
      <c r="DE16" s="114">
        <v>74628</v>
      </c>
      <c r="DF16" s="113">
        <v>3043285</v>
      </c>
      <c r="DG16" s="116">
        <v>3221178</v>
      </c>
      <c r="DH16" s="110">
        <v>0</v>
      </c>
      <c r="DI16" s="114">
        <v>22539</v>
      </c>
      <c r="DJ16" s="112">
        <v>22539</v>
      </c>
      <c r="DK16" s="111">
        <v>0</v>
      </c>
      <c r="DL16" s="114">
        <v>754271</v>
      </c>
      <c r="DM16" s="114">
        <v>1255704</v>
      </c>
      <c r="DN16" s="114">
        <v>3846227</v>
      </c>
      <c r="DO16" s="114">
        <v>1203798</v>
      </c>
      <c r="DP16" s="114">
        <v>583344</v>
      </c>
      <c r="DQ16" s="113">
        <v>7643344</v>
      </c>
      <c r="DR16" s="116">
        <v>7665883</v>
      </c>
      <c r="DS16" s="110">
        <v>0</v>
      </c>
      <c r="DT16" s="114">
        <v>22539</v>
      </c>
      <c r="DU16" s="113">
        <v>22539</v>
      </c>
      <c r="DV16" s="110">
        <v>0</v>
      </c>
      <c r="DW16" s="114">
        <v>754271</v>
      </c>
      <c r="DX16" s="114">
        <v>1019938</v>
      </c>
      <c r="DY16" s="114">
        <v>3593879</v>
      </c>
      <c r="DZ16" s="114">
        <v>1203798</v>
      </c>
      <c r="EA16" s="114">
        <v>583344</v>
      </c>
      <c r="EB16" s="113">
        <v>7155230</v>
      </c>
      <c r="EC16" s="116">
        <v>7177769</v>
      </c>
      <c r="ED16" s="110">
        <v>0</v>
      </c>
      <c r="EE16" s="112">
        <v>0</v>
      </c>
      <c r="EF16" s="113">
        <v>0</v>
      </c>
      <c r="EG16" s="110">
        <v>0</v>
      </c>
      <c r="EH16" s="114">
        <v>0</v>
      </c>
      <c r="EI16" s="114">
        <v>235766</v>
      </c>
      <c r="EJ16" s="114">
        <v>252348</v>
      </c>
      <c r="EK16" s="114">
        <v>0</v>
      </c>
      <c r="EL16" s="114">
        <v>0</v>
      </c>
      <c r="EM16" s="112">
        <v>488114</v>
      </c>
      <c r="EN16" s="116">
        <v>488114</v>
      </c>
      <c r="EO16" s="110">
        <v>0</v>
      </c>
      <c r="EP16" s="114">
        <v>0</v>
      </c>
      <c r="EQ16" s="112">
        <v>0</v>
      </c>
      <c r="ER16" s="111">
        <v>0</v>
      </c>
      <c r="ES16" s="114">
        <v>0</v>
      </c>
      <c r="ET16" s="114">
        <v>0</v>
      </c>
      <c r="EU16" s="114">
        <v>0</v>
      </c>
      <c r="EV16" s="114">
        <v>0</v>
      </c>
      <c r="EW16" s="114">
        <v>0</v>
      </c>
      <c r="EX16" s="113">
        <v>0</v>
      </c>
      <c r="EY16" s="116">
        <v>0</v>
      </c>
      <c r="EZ16" s="110">
        <v>0</v>
      </c>
      <c r="FA16" s="114">
        <v>0</v>
      </c>
      <c r="FB16" s="112">
        <v>0</v>
      </c>
      <c r="FC16" s="348"/>
      <c r="FD16" s="114">
        <v>0</v>
      </c>
      <c r="FE16" s="114">
        <v>0</v>
      </c>
      <c r="FF16" s="114">
        <v>0</v>
      </c>
      <c r="FG16" s="114">
        <v>0</v>
      </c>
      <c r="FH16" s="114">
        <v>0</v>
      </c>
      <c r="FI16" s="113">
        <v>0</v>
      </c>
      <c r="FJ16" s="116">
        <v>0</v>
      </c>
      <c r="FK16" s="110">
        <v>451128</v>
      </c>
      <c r="FL16" s="114">
        <v>438656</v>
      </c>
      <c r="FM16" s="113">
        <v>889784</v>
      </c>
      <c r="FN16" s="110">
        <v>0</v>
      </c>
      <c r="FO16" s="114">
        <v>1162856</v>
      </c>
      <c r="FP16" s="114">
        <v>1500660</v>
      </c>
      <c r="FQ16" s="114">
        <v>1110176</v>
      </c>
      <c r="FR16" s="114">
        <v>990692</v>
      </c>
      <c r="FS16" s="114">
        <v>772080</v>
      </c>
      <c r="FT16" s="113">
        <v>5536464</v>
      </c>
      <c r="FU16" s="116">
        <v>6426248</v>
      </c>
      <c r="FV16" s="115">
        <v>269720</v>
      </c>
      <c r="FW16" s="114">
        <v>377856</v>
      </c>
      <c r="FX16" s="112">
        <v>647576</v>
      </c>
      <c r="FY16" s="111">
        <v>0</v>
      </c>
      <c r="FZ16" s="114">
        <v>908096</v>
      </c>
      <c r="GA16" s="114">
        <v>1373076</v>
      </c>
      <c r="GB16" s="114">
        <v>1094336</v>
      </c>
      <c r="GC16" s="114">
        <v>918112</v>
      </c>
      <c r="GD16" s="114">
        <v>772080</v>
      </c>
      <c r="GE16" s="113">
        <v>5065700</v>
      </c>
      <c r="GF16" s="319">
        <v>5713276</v>
      </c>
      <c r="GG16" s="115">
        <v>17248</v>
      </c>
      <c r="GH16" s="114">
        <v>0</v>
      </c>
      <c r="GI16" s="112">
        <v>17248</v>
      </c>
      <c r="GJ16" s="111">
        <v>0</v>
      </c>
      <c r="GK16" s="114">
        <v>88968</v>
      </c>
      <c r="GL16" s="114">
        <v>72144</v>
      </c>
      <c r="GM16" s="114">
        <v>15840</v>
      </c>
      <c r="GN16" s="114">
        <v>72580</v>
      </c>
      <c r="GO16" s="114">
        <v>0</v>
      </c>
      <c r="GP16" s="113">
        <v>249532</v>
      </c>
      <c r="GQ16" s="116">
        <v>266780</v>
      </c>
      <c r="GR16" s="110">
        <v>164160</v>
      </c>
      <c r="GS16" s="114">
        <v>60800</v>
      </c>
      <c r="GT16" s="113">
        <v>224960</v>
      </c>
      <c r="GU16" s="110">
        <v>0</v>
      </c>
      <c r="GV16" s="114">
        <v>165792</v>
      </c>
      <c r="GW16" s="114">
        <v>55440</v>
      </c>
      <c r="GX16" s="114">
        <v>0</v>
      </c>
      <c r="GY16" s="114">
        <v>0</v>
      </c>
      <c r="GZ16" s="114">
        <v>0</v>
      </c>
      <c r="HA16" s="112">
        <v>221232</v>
      </c>
      <c r="HB16" s="116">
        <v>446192</v>
      </c>
      <c r="HC16" s="110">
        <v>567255</v>
      </c>
      <c r="HD16" s="114">
        <v>829359</v>
      </c>
      <c r="HE16" s="112">
        <v>1396614</v>
      </c>
      <c r="HF16" s="111">
        <v>0</v>
      </c>
      <c r="HG16" s="114">
        <v>5082240</v>
      </c>
      <c r="HH16" s="114">
        <v>2571161</v>
      </c>
      <c r="HI16" s="114">
        <v>3462943</v>
      </c>
      <c r="HJ16" s="114">
        <v>3369955</v>
      </c>
      <c r="HK16" s="114">
        <v>3063433</v>
      </c>
      <c r="HL16" s="113">
        <v>17549732</v>
      </c>
      <c r="HM16" s="109">
        <v>18946346</v>
      </c>
      <c r="HN16" s="329"/>
      <c r="HO16" s="330"/>
      <c r="HP16" s="331"/>
      <c r="HQ16" s="332"/>
      <c r="HR16" s="330"/>
      <c r="HS16" s="330"/>
      <c r="HT16" s="330"/>
      <c r="HU16" s="330"/>
      <c r="HV16" s="330"/>
      <c r="HW16" s="333"/>
      <c r="HX16" s="334"/>
      <c r="HY16" s="150">
        <v>0</v>
      </c>
      <c r="HZ16" s="135">
        <v>0</v>
      </c>
      <c r="IA16" s="150">
        <v>0</v>
      </c>
      <c r="IB16" s="134">
        <v>0</v>
      </c>
      <c r="IC16" s="135">
        <v>4065659</v>
      </c>
      <c r="ID16" s="136">
        <v>5857024</v>
      </c>
      <c r="IE16" s="137">
        <v>5455270</v>
      </c>
      <c r="IF16" s="135">
        <v>4601978</v>
      </c>
      <c r="IG16" s="137">
        <v>3446991</v>
      </c>
      <c r="IH16" s="138">
        <v>23426922</v>
      </c>
      <c r="II16" s="150">
        <v>23426922</v>
      </c>
      <c r="IJ16" s="232">
        <v>0</v>
      </c>
      <c r="IK16" s="236">
        <v>0</v>
      </c>
      <c r="IL16" s="237">
        <v>0</v>
      </c>
      <c r="IM16" s="140"/>
      <c r="IN16" s="119">
        <v>291515</v>
      </c>
      <c r="IO16" s="119">
        <v>104462</v>
      </c>
      <c r="IP16" s="119">
        <v>0</v>
      </c>
      <c r="IQ16" s="119">
        <v>196541</v>
      </c>
      <c r="IR16" s="119">
        <v>0</v>
      </c>
      <c r="IS16" s="141">
        <v>592518</v>
      </c>
      <c r="IT16" s="321">
        <v>592518</v>
      </c>
      <c r="IU16" s="142">
        <v>0</v>
      </c>
      <c r="IV16" s="119">
        <v>0</v>
      </c>
      <c r="IW16" s="120">
        <v>0</v>
      </c>
      <c r="IX16" s="144"/>
      <c r="IY16" s="119">
        <v>10475</v>
      </c>
      <c r="IZ16" s="119">
        <v>33429</v>
      </c>
      <c r="JA16" s="119">
        <v>20950</v>
      </c>
      <c r="JB16" s="119">
        <v>0</v>
      </c>
      <c r="JC16" s="119">
        <v>0</v>
      </c>
      <c r="JD16" s="120">
        <v>64854</v>
      </c>
      <c r="JE16" s="121">
        <v>64854</v>
      </c>
      <c r="JF16" s="142">
        <v>0</v>
      </c>
      <c r="JG16" s="119">
        <v>0</v>
      </c>
      <c r="JH16" s="141">
        <v>0</v>
      </c>
      <c r="JI16" s="118">
        <v>0</v>
      </c>
      <c r="JJ16" s="119">
        <v>1723904</v>
      </c>
      <c r="JK16" s="119">
        <v>1483805</v>
      </c>
      <c r="JL16" s="119">
        <v>203547</v>
      </c>
      <c r="JM16" s="119">
        <v>130795</v>
      </c>
      <c r="JN16" s="119">
        <v>91877</v>
      </c>
      <c r="JO16" s="120">
        <v>3633928</v>
      </c>
      <c r="JP16" s="321">
        <v>3633928</v>
      </c>
      <c r="JQ16" s="142">
        <v>0</v>
      </c>
      <c r="JR16" s="119">
        <v>0</v>
      </c>
      <c r="JS16" s="141">
        <v>0</v>
      </c>
      <c r="JT16" s="118">
        <v>0</v>
      </c>
      <c r="JU16" s="119">
        <v>131995</v>
      </c>
      <c r="JV16" s="119">
        <v>240692</v>
      </c>
      <c r="JW16" s="119">
        <v>309435</v>
      </c>
      <c r="JX16" s="119">
        <v>0</v>
      </c>
      <c r="JY16" s="119">
        <v>33787</v>
      </c>
      <c r="JZ16" s="120">
        <v>715909</v>
      </c>
      <c r="KA16" s="321">
        <v>715909</v>
      </c>
      <c r="KB16" s="234">
        <v>0</v>
      </c>
      <c r="KC16" s="230">
        <v>0</v>
      </c>
      <c r="KD16" s="120">
        <v>0</v>
      </c>
      <c r="KE16" s="118">
        <v>0</v>
      </c>
      <c r="KF16" s="119">
        <v>347163</v>
      </c>
      <c r="KG16" s="119">
        <v>691114</v>
      </c>
      <c r="KH16" s="119">
        <v>1227966</v>
      </c>
      <c r="KI16" s="119">
        <v>1336562</v>
      </c>
      <c r="KJ16" s="119">
        <v>532248</v>
      </c>
      <c r="KK16" s="120">
        <v>4135053</v>
      </c>
      <c r="KL16" s="143">
        <v>4135053</v>
      </c>
      <c r="KM16" s="232">
        <v>0</v>
      </c>
      <c r="KN16" s="236">
        <v>0</v>
      </c>
      <c r="KO16" s="237">
        <v>0</v>
      </c>
      <c r="KP16" s="140"/>
      <c r="KQ16" s="119">
        <v>1401740</v>
      </c>
      <c r="KR16" s="119">
        <v>2576793</v>
      </c>
      <c r="KS16" s="119">
        <v>1234112</v>
      </c>
      <c r="KT16" s="119">
        <v>1821256</v>
      </c>
      <c r="KU16" s="119">
        <v>903360</v>
      </c>
      <c r="KV16" s="120">
        <v>7937261</v>
      </c>
      <c r="KW16" s="321">
        <v>7937261</v>
      </c>
      <c r="KX16" s="142">
        <v>0</v>
      </c>
      <c r="KY16" s="119">
        <v>0</v>
      </c>
      <c r="KZ16" s="120">
        <v>0</v>
      </c>
      <c r="LA16" s="145"/>
      <c r="LB16" s="119">
        <v>158867</v>
      </c>
      <c r="LC16" s="119">
        <v>520335</v>
      </c>
      <c r="LD16" s="119">
        <v>780918</v>
      </c>
      <c r="LE16" s="119">
        <v>835331</v>
      </c>
      <c r="LF16" s="119">
        <v>706219</v>
      </c>
      <c r="LG16" s="120">
        <v>3001670</v>
      </c>
      <c r="LH16" s="121">
        <v>3001670</v>
      </c>
      <c r="LI16" s="142">
        <v>0</v>
      </c>
      <c r="LJ16" s="119">
        <v>0</v>
      </c>
      <c r="LK16" s="120">
        <v>0</v>
      </c>
      <c r="LL16" s="145"/>
      <c r="LM16" s="119">
        <v>0</v>
      </c>
      <c r="LN16" s="119">
        <v>0</v>
      </c>
      <c r="LO16" s="119">
        <v>230556</v>
      </c>
      <c r="LP16" s="119">
        <v>281493</v>
      </c>
      <c r="LQ16" s="119">
        <v>786147</v>
      </c>
      <c r="LR16" s="120">
        <v>1298196</v>
      </c>
      <c r="LS16" s="321">
        <v>1298196</v>
      </c>
      <c r="LT16" s="142">
        <v>0</v>
      </c>
      <c r="LU16" s="119">
        <v>0</v>
      </c>
      <c r="LV16" s="120">
        <v>0</v>
      </c>
      <c r="LW16" s="145"/>
      <c r="LX16" s="119">
        <v>0</v>
      </c>
      <c r="LY16" s="119">
        <v>206394</v>
      </c>
      <c r="LZ16" s="119">
        <v>1447786</v>
      </c>
      <c r="MA16" s="119">
        <v>0</v>
      </c>
      <c r="MB16" s="119">
        <v>393353</v>
      </c>
      <c r="MC16" s="120">
        <v>2047533</v>
      </c>
      <c r="MD16" s="121">
        <v>2047533</v>
      </c>
      <c r="ME16" s="142">
        <v>0</v>
      </c>
      <c r="MF16" s="119">
        <v>0</v>
      </c>
      <c r="MG16" s="120">
        <v>0</v>
      </c>
      <c r="MH16" s="145"/>
      <c r="MI16" s="119">
        <v>1842504</v>
      </c>
      <c r="MJ16" s="119">
        <v>880063</v>
      </c>
      <c r="MK16" s="119">
        <v>6689090</v>
      </c>
      <c r="ML16" s="119">
        <v>11248582</v>
      </c>
      <c r="MM16" s="119">
        <v>5926661</v>
      </c>
      <c r="MN16" s="120">
        <v>26586900</v>
      </c>
      <c r="MO16" s="143">
        <v>26586900</v>
      </c>
      <c r="MP16" s="142">
        <v>0</v>
      </c>
      <c r="MQ16" s="119">
        <v>0</v>
      </c>
      <c r="MR16" s="120">
        <v>0</v>
      </c>
      <c r="MS16" s="145"/>
      <c r="MT16" s="119">
        <v>211693</v>
      </c>
      <c r="MU16" s="119">
        <v>0</v>
      </c>
      <c r="MV16" s="119">
        <v>4292623</v>
      </c>
      <c r="MW16" s="119">
        <v>8180554</v>
      </c>
      <c r="MX16" s="119">
        <v>4314034</v>
      </c>
      <c r="MY16" s="120">
        <v>16998904</v>
      </c>
      <c r="MZ16" s="143">
        <v>16998904</v>
      </c>
      <c r="NA16" s="142">
        <v>0</v>
      </c>
      <c r="NB16" s="119">
        <v>0</v>
      </c>
      <c r="NC16" s="120">
        <v>0</v>
      </c>
      <c r="ND16" s="145"/>
      <c r="NE16" s="119">
        <v>1630811</v>
      </c>
      <c r="NF16" s="119">
        <v>880063</v>
      </c>
      <c r="NG16" s="119">
        <v>2396467</v>
      </c>
      <c r="NH16" s="119">
        <v>2708284</v>
      </c>
      <c r="NI16" s="119">
        <v>1612627</v>
      </c>
      <c r="NJ16" s="120">
        <v>9228252</v>
      </c>
      <c r="NK16" s="321">
        <v>9228252</v>
      </c>
      <c r="NL16" s="142">
        <v>0</v>
      </c>
      <c r="NM16" s="119">
        <v>0</v>
      </c>
      <c r="NN16" s="120">
        <v>0</v>
      </c>
      <c r="NO16" s="145"/>
      <c r="NP16" s="119">
        <v>0</v>
      </c>
      <c r="NQ16" s="119">
        <v>0</v>
      </c>
      <c r="NR16" s="119">
        <v>0</v>
      </c>
      <c r="NS16" s="119">
        <v>0</v>
      </c>
      <c r="NT16" s="119">
        <v>0</v>
      </c>
      <c r="NU16" s="120">
        <v>0</v>
      </c>
      <c r="NV16" s="121">
        <v>0</v>
      </c>
      <c r="NW16" s="142">
        <v>0</v>
      </c>
      <c r="NX16" s="119">
        <v>0</v>
      </c>
      <c r="NY16" s="120">
        <v>0</v>
      </c>
      <c r="NZ16" s="145"/>
      <c r="OA16" s="119">
        <v>0</v>
      </c>
      <c r="OB16" s="119">
        <v>0</v>
      </c>
      <c r="OC16" s="119">
        <v>0</v>
      </c>
      <c r="OD16" s="119">
        <v>359744</v>
      </c>
      <c r="OE16" s="119">
        <v>0</v>
      </c>
      <c r="OF16" s="120">
        <v>359744</v>
      </c>
      <c r="OG16" s="121">
        <v>359744</v>
      </c>
      <c r="OH16" s="142">
        <v>1758788</v>
      </c>
      <c r="OI16" s="119">
        <v>2549110</v>
      </c>
      <c r="OJ16" s="141">
        <v>4307898</v>
      </c>
      <c r="OK16" s="118">
        <v>0</v>
      </c>
      <c r="OL16" s="119">
        <v>27189717</v>
      </c>
      <c r="OM16" s="119">
        <v>21496783</v>
      </c>
      <c r="ON16" s="119">
        <v>31000384</v>
      </c>
      <c r="OO16" s="119">
        <v>28880881</v>
      </c>
      <c r="OP16" s="119">
        <v>21169751</v>
      </c>
      <c r="OQ16" s="120">
        <v>129737516</v>
      </c>
      <c r="OR16" s="143">
        <v>134045414</v>
      </c>
    </row>
    <row r="17" spans="1:408" ht="20.25" customHeight="1" x14ac:dyDescent="0.2">
      <c r="A17" s="126" t="s">
        <v>11</v>
      </c>
      <c r="B17" s="110">
        <v>496981</v>
      </c>
      <c r="C17" s="114">
        <v>738348</v>
      </c>
      <c r="D17" s="171">
        <v>1235329</v>
      </c>
      <c r="E17" s="111">
        <v>0</v>
      </c>
      <c r="F17" s="114">
        <v>7843995</v>
      </c>
      <c r="G17" s="114">
        <v>7714745</v>
      </c>
      <c r="H17" s="114">
        <v>7726324</v>
      </c>
      <c r="I17" s="114">
        <v>9350734</v>
      </c>
      <c r="J17" s="114">
        <v>3788177</v>
      </c>
      <c r="K17" s="109">
        <v>36423975</v>
      </c>
      <c r="L17" s="116">
        <v>37659304</v>
      </c>
      <c r="M17" s="110">
        <v>97622</v>
      </c>
      <c r="N17" s="114">
        <v>159628</v>
      </c>
      <c r="O17" s="113">
        <v>257250</v>
      </c>
      <c r="P17" s="110">
        <v>0</v>
      </c>
      <c r="Q17" s="114">
        <v>1777818</v>
      </c>
      <c r="R17" s="114">
        <v>1245957</v>
      </c>
      <c r="S17" s="114">
        <v>2709423</v>
      </c>
      <c r="T17" s="114">
        <v>2296450</v>
      </c>
      <c r="U17" s="114">
        <v>2011540</v>
      </c>
      <c r="V17" s="113">
        <v>10041188</v>
      </c>
      <c r="W17" s="116">
        <v>10298438</v>
      </c>
      <c r="X17" s="110">
        <v>0</v>
      </c>
      <c r="Y17" s="114">
        <v>0</v>
      </c>
      <c r="Z17" s="113">
        <v>0</v>
      </c>
      <c r="AA17" s="110">
        <v>0</v>
      </c>
      <c r="AB17" s="114">
        <v>505632</v>
      </c>
      <c r="AC17" s="114">
        <v>271212</v>
      </c>
      <c r="AD17" s="114">
        <v>1418184</v>
      </c>
      <c r="AE17" s="114">
        <v>886035</v>
      </c>
      <c r="AF17" s="114">
        <v>1045813</v>
      </c>
      <c r="AG17" s="113">
        <v>4126876</v>
      </c>
      <c r="AH17" s="116">
        <v>4126876</v>
      </c>
      <c r="AI17" s="110">
        <v>0</v>
      </c>
      <c r="AJ17" s="114">
        <v>0</v>
      </c>
      <c r="AK17" s="113">
        <v>0</v>
      </c>
      <c r="AL17" s="110">
        <v>0</v>
      </c>
      <c r="AM17" s="114">
        <v>0</v>
      </c>
      <c r="AN17" s="114">
        <v>0</v>
      </c>
      <c r="AO17" s="114">
        <v>203965</v>
      </c>
      <c r="AP17" s="114">
        <v>304501</v>
      </c>
      <c r="AQ17" s="114">
        <v>233285</v>
      </c>
      <c r="AR17" s="113">
        <v>741751</v>
      </c>
      <c r="AS17" s="116">
        <v>741751</v>
      </c>
      <c r="AT17" s="110">
        <v>57118</v>
      </c>
      <c r="AU17" s="114">
        <v>92700</v>
      </c>
      <c r="AV17" s="113">
        <v>149818</v>
      </c>
      <c r="AW17" s="110">
        <v>0</v>
      </c>
      <c r="AX17" s="114">
        <v>847542</v>
      </c>
      <c r="AY17" s="114">
        <v>654917</v>
      </c>
      <c r="AZ17" s="114">
        <v>643832</v>
      </c>
      <c r="BA17" s="114">
        <v>566652</v>
      </c>
      <c r="BB17" s="114">
        <v>517202</v>
      </c>
      <c r="BC17" s="113">
        <v>3230145</v>
      </c>
      <c r="BD17" s="116">
        <v>3379963</v>
      </c>
      <c r="BE17" s="110">
        <v>0</v>
      </c>
      <c r="BF17" s="114">
        <v>22536</v>
      </c>
      <c r="BG17" s="112">
        <v>22536</v>
      </c>
      <c r="BH17" s="111">
        <v>0</v>
      </c>
      <c r="BI17" s="114">
        <v>69772</v>
      </c>
      <c r="BJ17" s="114">
        <v>31700</v>
      </c>
      <c r="BK17" s="114">
        <v>93586</v>
      </c>
      <c r="BL17" s="114">
        <v>241462</v>
      </c>
      <c r="BM17" s="114">
        <v>0</v>
      </c>
      <c r="BN17" s="113">
        <v>436520</v>
      </c>
      <c r="BO17" s="116">
        <v>459056</v>
      </c>
      <c r="BP17" s="110">
        <v>40504</v>
      </c>
      <c r="BQ17" s="114">
        <v>44392</v>
      </c>
      <c r="BR17" s="113">
        <v>84896</v>
      </c>
      <c r="BS17" s="110">
        <v>0</v>
      </c>
      <c r="BT17" s="114">
        <v>354872</v>
      </c>
      <c r="BU17" s="114">
        <v>288128</v>
      </c>
      <c r="BV17" s="114">
        <v>349856</v>
      </c>
      <c r="BW17" s="114">
        <v>297800</v>
      </c>
      <c r="BX17" s="114">
        <v>215240</v>
      </c>
      <c r="BY17" s="113">
        <v>1505896</v>
      </c>
      <c r="BZ17" s="116">
        <v>1590792</v>
      </c>
      <c r="CA17" s="110">
        <v>61744</v>
      </c>
      <c r="CB17" s="114">
        <v>126089</v>
      </c>
      <c r="CC17" s="113">
        <v>187833</v>
      </c>
      <c r="CD17" s="110">
        <v>0</v>
      </c>
      <c r="CE17" s="114">
        <v>2276843</v>
      </c>
      <c r="CF17" s="114">
        <v>2318289</v>
      </c>
      <c r="CG17" s="114">
        <v>1702003</v>
      </c>
      <c r="CH17" s="114">
        <v>1799628</v>
      </c>
      <c r="CI17" s="114">
        <v>317881</v>
      </c>
      <c r="CJ17" s="113">
        <v>8414644</v>
      </c>
      <c r="CK17" s="116">
        <v>8602477</v>
      </c>
      <c r="CL17" s="110">
        <v>0</v>
      </c>
      <c r="CM17" s="114">
        <v>0</v>
      </c>
      <c r="CN17" s="113">
        <v>0</v>
      </c>
      <c r="CO17" s="111">
        <v>0</v>
      </c>
      <c r="CP17" s="114">
        <v>1534360</v>
      </c>
      <c r="CQ17" s="114">
        <v>1420604</v>
      </c>
      <c r="CR17" s="114">
        <v>1455793</v>
      </c>
      <c r="CS17" s="114">
        <v>1193598</v>
      </c>
      <c r="CT17" s="114">
        <v>217885</v>
      </c>
      <c r="CU17" s="113">
        <v>5822240</v>
      </c>
      <c r="CV17" s="116">
        <v>5822240</v>
      </c>
      <c r="CW17" s="110">
        <v>61744</v>
      </c>
      <c r="CX17" s="114">
        <v>126089</v>
      </c>
      <c r="CY17" s="113">
        <v>187833</v>
      </c>
      <c r="CZ17" s="110">
        <v>0</v>
      </c>
      <c r="DA17" s="114">
        <v>742483</v>
      </c>
      <c r="DB17" s="114">
        <v>897685</v>
      </c>
      <c r="DC17" s="114">
        <v>246210</v>
      </c>
      <c r="DD17" s="114">
        <v>606030</v>
      </c>
      <c r="DE17" s="114">
        <v>99996</v>
      </c>
      <c r="DF17" s="113">
        <v>2592404</v>
      </c>
      <c r="DG17" s="116">
        <v>2780237</v>
      </c>
      <c r="DH17" s="110">
        <v>8920</v>
      </c>
      <c r="DI17" s="114">
        <v>0</v>
      </c>
      <c r="DJ17" s="112">
        <v>8920</v>
      </c>
      <c r="DK17" s="111">
        <v>0</v>
      </c>
      <c r="DL17" s="114">
        <v>381794</v>
      </c>
      <c r="DM17" s="114">
        <v>307834</v>
      </c>
      <c r="DN17" s="114">
        <v>666663</v>
      </c>
      <c r="DO17" s="114">
        <v>1331699</v>
      </c>
      <c r="DP17" s="114">
        <v>0</v>
      </c>
      <c r="DQ17" s="113">
        <v>2687990</v>
      </c>
      <c r="DR17" s="116">
        <v>2696910</v>
      </c>
      <c r="DS17" s="110">
        <v>8920</v>
      </c>
      <c r="DT17" s="114">
        <v>0</v>
      </c>
      <c r="DU17" s="113">
        <v>8920</v>
      </c>
      <c r="DV17" s="110">
        <v>0</v>
      </c>
      <c r="DW17" s="114">
        <v>381794</v>
      </c>
      <c r="DX17" s="114">
        <v>230847</v>
      </c>
      <c r="DY17" s="114">
        <v>666663</v>
      </c>
      <c r="DZ17" s="114">
        <v>1287359</v>
      </c>
      <c r="EA17" s="114">
        <v>0</v>
      </c>
      <c r="EB17" s="113">
        <v>2566663</v>
      </c>
      <c r="EC17" s="116">
        <v>2575583</v>
      </c>
      <c r="ED17" s="110">
        <v>0</v>
      </c>
      <c r="EE17" s="112">
        <v>0</v>
      </c>
      <c r="EF17" s="113">
        <v>0</v>
      </c>
      <c r="EG17" s="110">
        <v>0</v>
      </c>
      <c r="EH17" s="114">
        <v>0</v>
      </c>
      <c r="EI17" s="114">
        <v>76987</v>
      </c>
      <c r="EJ17" s="114">
        <v>0</v>
      </c>
      <c r="EK17" s="114">
        <v>44340</v>
      </c>
      <c r="EL17" s="114">
        <v>0</v>
      </c>
      <c r="EM17" s="112">
        <v>121327</v>
      </c>
      <c r="EN17" s="116">
        <v>121327</v>
      </c>
      <c r="EO17" s="110">
        <v>0</v>
      </c>
      <c r="EP17" s="114">
        <v>0</v>
      </c>
      <c r="EQ17" s="112">
        <v>0</v>
      </c>
      <c r="ER17" s="111">
        <v>0</v>
      </c>
      <c r="ES17" s="114">
        <v>0</v>
      </c>
      <c r="ET17" s="114">
        <v>0</v>
      </c>
      <c r="EU17" s="114">
        <v>0</v>
      </c>
      <c r="EV17" s="114">
        <v>0</v>
      </c>
      <c r="EW17" s="114">
        <v>0</v>
      </c>
      <c r="EX17" s="113">
        <v>0</v>
      </c>
      <c r="EY17" s="116">
        <v>0</v>
      </c>
      <c r="EZ17" s="110">
        <v>0</v>
      </c>
      <c r="FA17" s="114">
        <v>0</v>
      </c>
      <c r="FB17" s="112">
        <v>0</v>
      </c>
      <c r="FC17" s="348"/>
      <c r="FD17" s="114">
        <v>0</v>
      </c>
      <c r="FE17" s="114">
        <v>0</v>
      </c>
      <c r="FF17" s="114">
        <v>0</v>
      </c>
      <c r="FG17" s="114">
        <v>0</v>
      </c>
      <c r="FH17" s="114">
        <v>0</v>
      </c>
      <c r="FI17" s="113">
        <v>0</v>
      </c>
      <c r="FJ17" s="116">
        <v>0</v>
      </c>
      <c r="FK17" s="110">
        <v>89000</v>
      </c>
      <c r="FL17" s="114">
        <v>157568</v>
      </c>
      <c r="FM17" s="113">
        <v>246568</v>
      </c>
      <c r="FN17" s="110">
        <v>0</v>
      </c>
      <c r="FO17" s="114">
        <v>336104</v>
      </c>
      <c r="FP17" s="114">
        <v>520256</v>
      </c>
      <c r="FQ17" s="114">
        <v>542416</v>
      </c>
      <c r="FR17" s="114">
        <v>587231</v>
      </c>
      <c r="FS17" s="114">
        <v>205464</v>
      </c>
      <c r="FT17" s="113">
        <v>2191471</v>
      </c>
      <c r="FU17" s="116">
        <v>2438039</v>
      </c>
      <c r="FV17" s="115">
        <v>89000</v>
      </c>
      <c r="FW17" s="114">
        <v>157568</v>
      </c>
      <c r="FX17" s="112">
        <v>246568</v>
      </c>
      <c r="FY17" s="111">
        <v>0</v>
      </c>
      <c r="FZ17" s="114">
        <v>336104</v>
      </c>
      <c r="GA17" s="114">
        <v>520256</v>
      </c>
      <c r="GB17" s="114">
        <v>542416</v>
      </c>
      <c r="GC17" s="114">
        <v>587231</v>
      </c>
      <c r="GD17" s="114">
        <v>205464</v>
      </c>
      <c r="GE17" s="113">
        <v>2191471</v>
      </c>
      <c r="GF17" s="319">
        <v>2438039</v>
      </c>
      <c r="GG17" s="115">
        <v>0</v>
      </c>
      <c r="GH17" s="114">
        <v>0</v>
      </c>
      <c r="GI17" s="112">
        <v>0</v>
      </c>
      <c r="GJ17" s="111">
        <v>0</v>
      </c>
      <c r="GK17" s="114">
        <v>0</v>
      </c>
      <c r="GL17" s="114">
        <v>0</v>
      </c>
      <c r="GM17" s="114">
        <v>0</v>
      </c>
      <c r="GN17" s="114">
        <v>0</v>
      </c>
      <c r="GO17" s="114">
        <v>0</v>
      </c>
      <c r="GP17" s="113">
        <v>0</v>
      </c>
      <c r="GQ17" s="116">
        <v>0</v>
      </c>
      <c r="GR17" s="110">
        <v>0</v>
      </c>
      <c r="GS17" s="114">
        <v>0</v>
      </c>
      <c r="GT17" s="113">
        <v>0</v>
      </c>
      <c r="GU17" s="110">
        <v>0</v>
      </c>
      <c r="GV17" s="114">
        <v>0</v>
      </c>
      <c r="GW17" s="114">
        <v>0</v>
      </c>
      <c r="GX17" s="114">
        <v>0</v>
      </c>
      <c r="GY17" s="114">
        <v>0</v>
      </c>
      <c r="GZ17" s="114">
        <v>0</v>
      </c>
      <c r="HA17" s="112">
        <v>0</v>
      </c>
      <c r="HB17" s="116">
        <v>0</v>
      </c>
      <c r="HC17" s="110">
        <v>239695</v>
      </c>
      <c r="HD17" s="114">
        <v>295063</v>
      </c>
      <c r="HE17" s="112">
        <v>534758</v>
      </c>
      <c r="HF17" s="111">
        <v>0</v>
      </c>
      <c r="HG17" s="114">
        <v>3071436</v>
      </c>
      <c r="HH17" s="114">
        <v>3322409</v>
      </c>
      <c r="HI17" s="114">
        <v>2105819</v>
      </c>
      <c r="HJ17" s="114">
        <v>3335726</v>
      </c>
      <c r="HK17" s="114">
        <v>1253292</v>
      </c>
      <c r="HL17" s="113">
        <v>13088682</v>
      </c>
      <c r="HM17" s="109">
        <v>13623440</v>
      </c>
      <c r="HN17" s="329"/>
      <c r="HO17" s="330"/>
      <c r="HP17" s="331"/>
      <c r="HQ17" s="332"/>
      <c r="HR17" s="330"/>
      <c r="HS17" s="330"/>
      <c r="HT17" s="330"/>
      <c r="HU17" s="330"/>
      <c r="HV17" s="330"/>
      <c r="HW17" s="333"/>
      <c r="HX17" s="334"/>
      <c r="HY17" s="131">
        <v>0</v>
      </c>
      <c r="HZ17" s="132">
        <v>0</v>
      </c>
      <c r="IA17" s="133">
        <v>0</v>
      </c>
      <c r="IB17" s="146">
        <v>0</v>
      </c>
      <c r="IC17" s="132">
        <v>2135385</v>
      </c>
      <c r="ID17" s="147">
        <v>1488456</v>
      </c>
      <c r="IE17" s="133">
        <v>2564595</v>
      </c>
      <c r="IF17" s="132">
        <v>1203250</v>
      </c>
      <c r="IG17" s="133">
        <v>238627</v>
      </c>
      <c r="IH17" s="148">
        <v>7630313</v>
      </c>
      <c r="II17" s="139">
        <v>7630313</v>
      </c>
      <c r="IJ17" s="232">
        <v>0</v>
      </c>
      <c r="IK17" s="236">
        <v>0</v>
      </c>
      <c r="IL17" s="237">
        <v>0</v>
      </c>
      <c r="IM17" s="140"/>
      <c r="IN17" s="119">
        <v>61696</v>
      </c>
      <c r="IO17" s="119">
        <v>0</v>
      </c>
      <c r="IP17" s="119">
        <v>323488</v>
      </c>
      <c r="IQ17" s="119">
        <v>0</v>
      </c>
      <c r="IR17" s="119">
        <v>0</v>
      </c>
      <c r="IS17" s="141">
        <v>385184</v>
      </c>
      <c r="IT17" s="321">
        <v>385184</v>
      </c>
      <c r="IU17" s="142">
        <v>0</v>
      </c>
      <c r="IV17" s="119">
        <v>0</v>
      </c>
      <c r="IW17" s="120">
        <v>0</v>
      </c>
      <c r="IX17" s="144"/>
      <c r="IY17" s="119">
        <v>16503</v>
      </c>
      <c r="IZ17" s="119">
        <v>0</v>
      </c>
      <c r="JA17" s="119">
        <v>0</v>
      </c>
      <c r="JB17" s="119">
        <v>0</v>
      </c>
      <c r="JC17" s="119">
        <v>0</v>
      </c>
      <c r="JD17" s="120">
        <v>16503</v>
      </c>
      <c r="JE17" s="121">
        <v>16503</v>
      </c>
      <c r="JF17" s="142">
        <v>0</v>
      </c>
      <c r="JG17" s="119">
        <v>0</v>
      </c>
      <c r="JH17" s="141">
        <v>0</v>
      </c>
      <c r="JI17" s="118">
        <v>0</v>
      </c>
      <c r="JJ17" s="119">
        <v>1137496</v>
      </c>
      <c r="JK17" s="119">
        <v>393245</v>
      </c>
      <c r="JL17" s="119">
        <v>1288617</v>
      </c>
      <c r="JM17" s="119">
        <v>196784</v>
      </c>
      <c r="JN17" s="119">
        <v>238627</v>
      </c>
      <c r="JO17" s="120">
        <v>3254769</v>
      </c>
      <c r="JP17" s="321">
        <v>3254769</v>
      </c>
      <c r="JQ17" s="142">
        <v>0</v>
      </c>
      <c r="JR17" s="119">
        <v>0</v>
      </c>
      <c r="JS17" s="141">
        <v>0</v>
      </c>
      <c r="JT17" s="118">
        <v>0</v>
      </c>
      <c r="JU17" s="119">
        <v>360755</v>
      </c>
      <c r="JV17" s="119">
        <v>175322</v>
      </c>
      <c r="JW17" s="119">
        <v>0</v>
      </c>
      <c r="JX17" s="119">
        <v>0</v>
      </c>
      <c r="JY17" s="119">
        <v>0</v>
      </c>
      <c r="JZ17" s="120">
        <v>536077</v>
      </c>
      <c r="KA17" s="321">
        <v>536077</v>
      </c>
      <c r="KB17" s="234">
        <v>0</v>
      </c>
      <c r="KC17" s="230">
        <v>0</v>
      </c>
      <c r="KD17" s="120">
        <v>0</v>
      </c>
      <c r="KE17" s="118">
        <v>0</v>
      </c>
      <c r="KF17" s="119">
        <v>106242</v>
      </c>
      <c r="KG17" s="119">
        <v>494977</v>
      </c>
      <c r="KH17" s="119">
        <v>702686</v>
      </c>
      <c r="KI17" s="119">
        <v>0</v>
      </c>
      <c r="KJ17" s="119">
        <v>0</v>
      </c>
      <c r="KK17" s="120">
        <v>1303905</v>
      </c>
      <c r="KL17" s="143">
        <v>1303905</v>
      </c>
      <c r="KM17" s="232">
        <v>0</v>
      </c>
      <c r="KN17" s="236">
        <v>0</v>
      </c>
      <c r="KO17" s="237">
        <v>0</v>
      </c>
      <c r="KP17" s="140"/>
      <c r="KQ17" s="119">
        <v>452693</v>
      </c>
      <c r="KR17" s="119">
        <v>237824</v>
      </c>
      <c r="KS17" s="119">
        <v>249804</v>
      </c>
      <c r="KT17" s="119">
        <v>1006466</v>
      </c>
      <c r="KU17" s="119">
        <v>0</v>
      </c>
      <c r="KV17" s="120">
        <v>1946787</v>
      </c>
      <c r="KW17" s="321">
        <v>1946787</v>
      </c>
      <c r="KX17" s="142">
        <v>0</v>
      </c>
      <c r="KY17" s="119">
        <v>0</v>
      </c>
      <c r="KZ17" s="120">
        <v>0</v>
      </c>
      <c r="LA17" s="145"/>
      <c r="LB17" s="119">
        <v>0</v>
      </c>
      <c r="LC17" s="119">
        <v>0</v>
      </c>
      <c r="LD17" s="119">
        <v>0</v>
      </c>
      <c r="LE17" s="119">
        <v>0</v>
      </c>
      <c r="LF17" s="119">
        <v>0</v>
      </c>
      <c r="LG17" s="120">
        <v>0</v>
      </c>
      <c r="LH17" s="121">
        <v>0</v>
      </c>
      <c r="LI17" s="142">
        <v>0</v>
      </c>
      <c r="LJ17" s="119">
        <v>0</v>
      </c>
      <c r="LK17" s="120">
        <v>0</v>
      </c>
      <c r="LL17" s="145"/>
      <c r="LM17" s="119">
        <v>0</v>
      </c>
      <c r="LN17" s="119">
        <v>0</v>
      </c>
      <c r="LO17" s="119">
        <v>0</v>
      </c>
      <c r="LP17" s="119">
        <v>0</v>
      </c>
      <c r="LQ17" s="119">
        <v>0</v>
      </c>
      <c r="LR17" s="120">
        <v>0</v>
      </c>
      <c r="LS17" s="321">
        <v>0</v>
      </c>
      <c r="LT17" s="142">
        <v>0</v>
      </c>
      <c r="LU17" s="119">
        <v>0</v>
      </c>
      <c r="LV17" s="120">
        <v>0</v>
      </c>
      <c r="LW17" s="145"/>
      <c r="LX17" s="119">
        <v>0</v>
      </c>
      <c r="LY17" s="119">
        <v>187088</v>
      </c>
      <c r="LZ17" s="119">
        <v>0</v>
      </c>
      <c r="MA17" s="119">
        <v>0</v>
      </c>
      <c r="MB17" s="119">
        <v>0</v>
      </c>
      <c r="MC17" s="120">
        <v>187088</v>
      </c>
      <c r="MD17" s="121">
        <v>187088</v>
      </c>
      <c r="ME17" s="142">
        <v>0</v>
      </c>
      <c r="MF17" s="119">
        <v>0</v>
      </c>
      <c r="MG17" s="120">
        <v>0</v>
      </c>
      <c r="MH17" s="145"/>
      <c r="MI17" s="119">
        <v>466109</v>
      </c>
      <c r="MJ17" s="119">
        <v>1518952</v>
      </c>
      <c r="MK17" s="119">
        <v>2227855</v>
      </c>
      <c r="ML17" s="119">
        <v>5358473</v>
      </c>
      <c r="MM17" s="119">
        <v>3126075</v>
      </c>
      <c r="MN17" s="120">
        <v>12697464</v>
      </c>
      <c r="MO17" s="143">
        <v>12697464</v>
      </c>
      <c r="MP17" s="142">
        <v>0</v>
      </c>
      <c r="MQ17" s="119">
        <v>0</v>
      </c>
      <c r="MR17" s="120">
        <v>0</v>
      </c>
      <c r="MS17" s="145"/>
      <c r="MT17" s="119">
        <v>0</v>
      </c>
      <c r="MU17" s="119">
        <v>0</v>
      </c>
      <c r="MV17" s="119">
        <v>1205046</v>
      </c>
      <c r="MW17" s="119">
        <v>3648386</v>
      </c>
      <c r="MX17" s="119">
        <v>1911963</v>
      </c>
      <c r="MY17" s="120">
        <v>6765395</v>
      </c>
      <c r="MZ17" s="143">
        <v>6765395</v>
      </c>
      <c r="NA17" s="142">
        <v>0</v>
      </c>
      <c r="NB17" s="119">
        <v>0</v>
      </c>
      <c r="NC17" s="120">
        <v>0</v>
      </c>
      <c r="ND17" s="145"/>
      <c r="NE17" s="119">
        <v>466109</v>
      </c>
      <c r="NF17" s="119">
        <v>1292016</v>
      </c>
      <c r="NG17" s="119">
        <v>1022809</v>
      </c>
      <c r="NH17" s="119">
        <v>1409991</v>
      </c>
      <c r="NI17" s="119">
        <v>1214112</v>
      </c>
      <c r="NJ17" s="120">
        <v>5405037</v>
      </c>
      <c r="NK17" s="321">
        <v>5405037</v>
      </c>
      <c r="NL17" s="142">
        <v>0</v>
      </c>
      <c r="NM17" s="119">
        <v>0</v>
      </c>
      <c r="NN17" s="120">
        <v>0</v>
      </c>
      <c r="NO17" s="145"/>
      <c r="NP17" s="119">
        <v>0</v>
      </c>
      <c r="NQ17" s="119">
        <v>0</v>
      </c>
      <c r="NR17" s="119">
        <v>0</v>
      </c>
      <c r="NS17" s="119">
        <v>0</v>
      </c>
      <c r="NT17" s="119">
        <v>0</v>
      </c>
      <c r="NU17" s="120">
        <v>0</v>
      </c>
      <c r="NV17" s="121">
        <v>0</v>
      </c>
      <c r="NW17" s="142">
        <v>0</v>
      </c>
      <c r="NX17" s="119">
        <v>0</v>
      </c>
      <c r="NY17" s="120">
        <v>0</v>
      </c>
      <c r="NZ17" s="145"/>
      <c r="OA17" s="119">
        <v>0</v>
      </c>
      <c r="OB17" s="119">
        <v>226936</v>
      </c>
      <c r="OC17" s="119">
        <v>0</v>
      </c>
      <c r="OD17" s="119">
        <v>300096</v>
      </c>
      <c r="OE17" s="119">
        <v>0</v>
      </c>
      <c r="OF17" s="120">
        <v>527032</v>
      </c>
      <c r="OG17" s="121">
        <v>527032</v>
      </c>
      <c r="OH17" s="142">
        <v>496981</v>
      </c>
      <c r="OI17" s="119">
        <v>738348</v>
      </c>
      <c r="OJ17" s="141">
        <v>1235329</v>
      </c>
      <c r="OK17" s="118">
        <v>0</v>
      </c>
      <c r="OL17" s="119">
        <v>10445489</v>
      </c>
      <c r="OM17" s="119">
        <v>10722153</v>
      </c>
      <c r="ON17" s="119">
        <v>12518774</v>
      </c>
      <c r="OO17" s="119">
        <v>15912457</v>
      </c>
      <c r="OP17" s="119">
        <v>7152879</v>
      </c>
      <c r="OQ17" s="120">
        <v>56751752</v>
      </c>
      <c r="OR17" s="143">
        <v>57987081</v>
      </c>
    </row>
    <row r="18" spans="1:408" ht="20.25" customHeight="1" x14ac:dyDescent="0.2">
      <c r="A18" s="126" t="s">
        <v>12</v>
      </c>
      <c r="B18" s="110">
        <v>952045</v>
      </c>
      <c r="C18" s="114">
        <v>1599995</v>
      </c>
      <c r="D18" s="113">
        <v>2552040</v>
      </c>
      <c r="E18" s="109">
        <v>0</v>
      </c>
      <c r="F18" s="114">
        <v>8001271</v>
      </c>
      <c r="G18" s="170">
        <v>7832971</v>
      </c>
      <c r="H18" s="170">
        <v>9030000</v>
      </c>
      <c r="I18" s="170">
        <v>9151324</v>
      </c>
      <c r="J18" s="170">
        <v>3959211</v>
      </c>
      <c r="K18" s="112">
        <v>37974777</v>
      </c>
      <c r="L18" s="116">
        <v>40526817</v>
      </c>
      <c r="M18" s="110">
        <v>481104</v>
      </c>
      <c r="N18" s="114">
        <v>567789</v>
      </c>
      <c r="O18" s="113">
        <v>1048893</v>
      </c>
      <c r="P18" s="110">
        <v>0</v>
      </c>
      <c r="Q18" s="114">
        <v>2585265</v>
      </c>
      <c r="R18" s="114">
        <v>3398172</v>
      </c>
      <c r="S18" s="114">
        <v>3006010</v>
      </c>
      <c r="T18" s="114">
        <v>3607569</v>
      </c>
      <c r="U18" s="114">
        <v>2881008</v>
      </c>
      <c r="V18" s="113">
        <v>15478024</v>
      </c>
      <c r="W18" s="116">
        <v>16526917</v>
      </c>
      <c r="X18" s="110">
        <v>0</v>
      </c>
      <c r="Y18" s="114">
        <v>0</v>
      </c>
      <c r="Z18" s="113">
        <v>0</v>
      </c>
      <c r="AA18" s="110">
        <v>0</v>
      </c>
      <c r="AB18" s="114">
        <v>1281906</v>
      </c>
      <c r="AC18" s="114">
        <v>1834674</v>
      </c>
      <c r="AD18" s="114">
        <v>1865066</v>
      </c>
      <c r="AE18" s="114">
        <v>2681996</v>
      </c>
      <c r="AF18" s="114">
        <v>1840562</v>
      </c>
      <c r="AG18" s="113">
        <v>9504204</v>
      </c>
      <c r="AH18" s="116">
        <v>9504204</v>
      </c>
      <c r="AI18" s="110">
        <v>0</v>
      </c>
      <c r="AJ18" s="114">
        <v>0</v>
      </c>
      <c r="AK18" s="113">
        <v>0</v>
      </c>
      <c r="AL18" s="110">
        <v>0</v>
      </c>
      <c r="AM18" s="114">
        <v>46292</v>
      </c>
      <c r="AN18" s="114">
        <v>0</v>
      </c>
      <c r="AO18" s="114">
        <v>57865</v>
      </c>
      <c r="AP18" s="114">
        <v>102702</v>
      </c>
      <c r="AQ18" s="114">
        <v>447980</v>
      </c>
      <c r="AR18" s="113">
        <v>654839</v>
      </c>
      <c r="AS18" s="116">
        <v>654839</v>
      </c>
      <c r="AT18" s="110">
        <v>421456</v>
      </c>
      <c r="AU18" s="114">
        <v>449493</v>
      </c>
      <c r="AV18" s="113">
        <v>870949</v>
      </c>
      <c r="AW18" s="110">
        <v>0</v>
      </c>
      <c r="AX18" s="114">
        <v>925130</v>
      </c>
      <c r="AY18" s="114">
        <v>1162414</v>
      </c>
      <c r="AZ18" s="114">
        <v>746438</v>
      </c>
      <c r="BA18" s="114">
        <v>232920</v>
      </c>
      <c r="BB18" s="114">
        <v>420565</v>
      </c>
      <c r="BC18" s="113">
        <v>3487467</v>
      </c>
      <c r="BD18" s="116">
        <v>4358416</v>
      </c>
      <c r="BE18" s="110">
        <v>0</v>
      </c>
      <c r="BF18" s="114">
        <v>0</v>
      </c>
      <c r="BG18" s="112">
        <v>0</v>
      </c>
      <c r="BH18" s="111">
        <v>0</v>
      </c>
      <c r="BI18" s="114">
        <v>64129</v>
      </c>
      <c r="BJ18" s="114">
        <v>152340</v>
      </c>
      <c r="BK18" s="114">
        <v>95761</v>
      </c>
      <c r="BL18" s="114">
        <v>182943</v>
      </c>
      <c r="BM18" s="114">
        <v>37885</v>
      </c>
      <c r="BN18" s="113">
        <v>533058</v>
      </c>
      <c r="BO18" s="116">
        <v>533058</v>
      </c>
      <c r="BP18" s="110">
        <v>59648</v>
      </c>
      <c r="BQ18" s="114">
        <v>118296</v>
      </c>
      <c r="BR18" s="113">
        <v>177944</v>
      </c>
      <c r="BS18" s="110">
        <v>0</v>
      </c>
      <c r="BT18" s="114">
        <v>267808</v>
      </c>
      <c r="BU18" s="114">
        <v>248744</v>
      </c>
      <c r="BV18" s="114">
        <v>240880</v>
      </c>
      <c r="BW18" s="114">
        <v>407008</v>
      </c>
      <c r="BX18" s="114">
        <v>134016</v>
      </c>
      <c r="BY18" s="113">
        <v>1298456</v>
      </c>
      <c r="BZ18" s="116">
        <v>1476400</v>
      </c>
      <c r="CA18" s="110">
        <v>194634</v>
      </c>
      <c r="CB18" s="114">
        <v>198570</v>
      </c>
      <c r="CC18" s="113">
        <v>393204</v>
      </c>
      <c r="CD18" s="110">
        <v>0</v>
      </c>
      <c r="CE18" s="114">
        <v>3244834</v>
      </c>
      <c r="CF18" s="114">
        <v>2188958</v>
      </c>
      <c r="CG18" s="114">
        <v>2557665</v>
      </c>
      <c r="CH18" s="114">
        <v>1170274</v>
      </c>
      <c r="CI18" s="114">
        <v>160803</v>
      </c>
      <c r="CJ18" s="113">
        <v>9322534</v>
      </c>
      <c r="CK18" s="116">
        <v>9715738</v>
      </c>
      <c r="CL18" s="110">
        <v>0</v>
      </c>
      <c r="CM18" s="114">
        <v>0</v>
      </c>
      <c r="CN18" s="113">
        <v>0</v>
      </c>
      <c r="CO18" s="111">
        <v>0</v>
      </c>
      <c r="CP18" s="114">
        <v>2542115</v>
      </c>
      <c r="CQ18" s="114">
        <v>1507959</v>
      </c>
      <c r="CR18" s="114">
        <v>1629870</v>
      </c>
      <c r="CS18" s="114">
        <v>500314</v>
      </c>
      <c r="CT18" s="114">
        <v>160803</v>
      </c>
      <c r="CU18" s="113">
        <v>6341061</v>
      </c>
      <c r="CV18" s="116">
        <v>6341061</v>
      </c>
      <c r="CW18" s="110">
        <v>194634</v>
      </c>
      <c r="CX18" s="114">
        <v>198570</v>
      </c>
      <c r="CY18" s="113">
        <v>393204</v>
      </c>
      <c r="CZ18" s="110">
        <v>0</v>
      </c>
      <c r="DA18" s="114">
        <v>702719</v>
      </c>
      <c r="DB18" s="114">
        <v>680999</v>
      </c>
      <c r="DC18" s="114">
        <v>927795</v>
      </c>
      <c r="DD18" s="114">
        <v>669960</v>
      </c>
      <c r="DE18" s="114">
        <v>0</v>
      </c>
      <c r="DF18" s="113">
        <v>2981473</v>
      </c>
      <c r="DG18" s="116">
        <v>3374677</v>
      </c>
      <c r="DH18" s="110">
        <v>0</v>
      </c>
      <c r="DI18" s="114">
        <v>0</v>
      </c>
      <c r="DJ18" s="112">
        <v>0</v>
      </c>
      <c r="DK18" s="111">
        <v>0</v>
      </c>
      <c r="DL18" s="114">
        <v>741880</v>
      </c>
      <c r="DM18" s="114">
        <v>262928</v>
      </c>
      <c r="DN18" s="114">
        <v>809428</v>
      </c>
      <c r="DO18" s="114">
        <v>1072059</v>
      </c>
      <c r="DP18" s="114">
        <v>302555</v>
      </c>
      <c r="DQ18" s="113">
        <v>3188850</v>
      </c>
      <c r="DR18" s="116">
        <v>3188850</v>
      </c>
      <c r="DS18" s="110">
        <v>0</v>
      </c>
      <c r="DT18" s="114">
        <v>0</v>
      </c>
      <c r="DU18" s="113">
        <v>0</v>
      </c>
      <c r="DV18" s="110">
        <v>0</v>
      </c>
      <c r="DW18" s="114">
        <v>741880</v>
      </c>
      <c r="DX18" s="114">
        <v>194494</v>
      </c>
      <c r="DY18" s="114">
        <v>809428</v>
      </c>
      <c r="DZ18" s="114">
        <v>1072059</v>
      </c>
      <c r="EA18" s="114">
        <v>302555</v>
      </c>
      <c r="EB18" s="113">
        <v>3120416</v>
      </c>
      <c r="EC18" s="116">
        <v>3120416</v>
      </c>
      <c r="ED18" s="110">
        <v>0</v>
      </c>
      <c r="EE18" s="112">
        <v>0</v>
      </c>
      <c r="EF18" s="113">
        <v>0</v>
      </c>
      <c r="EG18" s="110">
        <v>0</v>
      </c>
      <c r="EH18" s="114">
        <v>0</v>
      </c>
      <c r="EI18" s="114">
        <v>68434</v>
      </c>
      <c r="EJ18" s="114">
        <v>0</v>
      </c>
      <c r="EK18" s="114">
        <v>0</v>
      </c>
      <c r="EL18" s="114">
        <v>0</v>
      </c>
      <c r="EM18" s="112">
        <v>68434</v>
      </c>
      <c r="EN18" s="116">
        <v>68434</v>
      </c>
      <c r="EO18" s="110">
        <v>0</v>
      </c>
      <c r="EP18" s="114">
        <v>0</v>
      </c>
      <c r="EQ18" s="112">
        <v>0</v>
      </c>
      <c r="ER18" s="111">
        <v>0</v>
      </c>
      <c r="ES18" s="114">
        <v>0</v>
      </c>
      <c r="ET18" s="114">
        <v>0</v>
      </c>
      <c r="EU18" s="114">
        <v>0</v>
      </c>
      <c r="EV18" s="114">
        <v>0</v>
      </c>
      <c r="EW18" s="114">
        <v>0</v>
      </c>
      <c r="EX18" s="113">
        <v>0</v>
      </c>
      <c r="EY18" s="116">
        <v>0</v>
      </c>
      <c r="EZ18" s="110">
        <v>0</v>
      </c>
      <c r="FA18" s="114">
        <v>0</v>
      </c>
      <c r="FB18" s="112">
        <v>0</v>
      </c>
      <c r="FC18" s="348"/>
      <c r="FD18" s="114">
        <v>0</v>
      </c>
      <c r="FE18" s="114">
        <v>0</v>
      </c>
      <c r="FF18" s="114">
        <v>0</v>
      </c>
      <c r="FG18" s="114">
        <v>0</v>
      </c>
      <c r="FH18" s="114">
        <v>0</v>
      </c>
      <c r="FI18" s="113">
        <v>0</v>
      </c>
      <c r="FJ18" s="116">
        <v>0</v>
      </c>
      <c r="FK18" s="110">
        <v>217512</v>
      </c>
      <c r="FL18" s="114">
        <v>367798</v>
      </c>
      <c r="FM18" s="113">
        <v>585310</v>
      </c>
      <c r="FN18" s="110">
        <v>0</v>
      </c>
      <c r="FO18" s="114">
        <v>299032</v>
      </c>
      <c r="FP18" s="114">
        <v>932048</v>
      </c>
      <c r="FQ18" s="114">
        <v>884228</v>
      </c>
      <c r="FR18" s="114">
        <v>628240</v>
      </c>
      <c r="FS18" s="114">
        <v>372456</v>
      </c>
      <c r="FT18" s="113">
        <v>3116004</v>
      </c>
      <c r="FU18" s="116">
        <v>3701314</v>
      </c>
      <c r="FV18" s="115">
        <v>99192</v>
      </c>
      <c r="FW18" s="114">
        <v>174496</v>
      </c>
      <c r="FX18" s="112">
        <v>273688</v>
      </c>
      <c r="FY18" s="111">
        <v>0</v>
      </c>
      <c r="FZ18" s="114">
        <v>247832</v>
      </c>
      <c r="GA18" s="114">
        <v>908728</v>
      </c>
      <c r="GB18" s="114">
        <v>874328</v>
      </c>
      <c r="GC18" s="114">
        <v>628240</v>
      </c>
      <c r="GD18" s="114">
        <v>372456</v>
      </c>
      <c r="GE18" s="113">
        <v>3031584</v>
      </c>
      <c r="GF18" s="319">
        <v>3305272</v>
      </c>
      <c r="GG18" s="115">
        <v>0</v>
      </c>
      <c r="GH18" s="114">
        <v>19200</v>
      </c>
      <c r="GI18" s="112">
        <v>19200</v>
      </c>
      <c r="GJ18" s="111">
        <v>0</v>
      </c>
      <c r="GK18" s="114">
        <v>0</v>
      </c>
      <c r="GL18" s="114">
        <v>23320</v>
      </c>
      <c r="GM18" s="114">
        <v>9900</v>
      </c>
      <c r="GN18" s="114">
        <v>0</v>
      </c>
      <c r="GO18" s="114">
        <v>0</v>
      </c>
      <c r="GP18" s="113">
        <v>33220</v>
      </c>
      <c r="GQ18" s="116">
        <v>52420</v>
      </c>
      <c r="GR18" s="110">
        <v>118320</v>
      </c>
      <c r="GS18" s="114">
        <v>174102</v>
      </c>
      <c r="GT18" s="113">
        <v>292422</v>
      </c>
      <c r="GU18" s="110">
        <v>0</v>
      </c>
      <c r="GV18" s="114">
        <v>51200</v>
      </c>
      <c r="GW18" s="114">
        <v>0</v>
      </c>
      <c r="GX18" s="114">
        <v>0</v>
      </c>
      <c r="GY18" s="114">
        <v>0</v>
      </c>
      <c r="GZ18" s="114">
        <v>0</v>
      </c>
      <c r="HA18" s="112">
        <v>51200</v>
      </c>
      <c r="HB18" s="116">
        <v>343622</v>
      </c>
      <c r="HC18" s="110">
        <v>58795</v>
      </c>
      <c r="HD18" s="114">
        <v>465838</v>
      </c>
      <c r="HE18" s="112">
        <v>524633</v>
      </c>
      <c r="HF18" s="111">
        <v>0</v>
      </c>
      <c r="HG18" s="114">
        <v>1130260</v>
      </c>
      <c r="HH18" s="114">
        <v>1050865</v>
      </c>
      <c r="HI18" s="114">
        <v>1772669</v>
      </c>
      <c r="HJ18" s="114">
        <v>2673182</v>
      </c>
      <c r="HK18" s="114">
        <v>242389</v>
      </c>
      <c r="HL18" s="113">
        <v>6869365</v>
      </c>
      <c r="HM18" s="109">
        <v>7393998</v>
      </c>
      <c r="HN18" s="329"/>
      <c r="HO18" s="330"/>
      <c r="HP18" s="331"/>
      <c r="HQ18" s="332"/>
      <c r="HR18" s="330"/>
      <c r="HS18" s="330"/>
      <c r="HT18" s="330"/>
      <c r="HU18" s="330"/>
      <c r="HV18" s="330"/>
      <c r="HW18" s="333"/>
      <c r="HX18" s="334"/>
      <c r="HY18" s="150">
        <v>0</v>
      </c>
      <c r="HZ18" s="135">
        <v>0</v>
      </c>
      <c r="IA18" s="150">
        <v>0</v>
      </c>
      <c r="IB18" s="134">
        <v>0</v>
      </c>
      <c r="IC18" s="135">
        <v>3152152</v>
      </c>
      <c r="ID18" s="136">
        <v>2624936</v>
      </c>
      <c r="IE18" s="137">
        <v>2430621</v>
      </c>
      <c r="IF18" s="135">
        <v>3849730</v>
      </c>
      <c r="IG18" s="137">
        <v>1573613</v>
      </c>
      <c r="IH18" s="138">
        <v>13631052</v>
      </c>
      <c r="II18" s="150">
        <v>13631052</v>
      </c>
      <c r="IJ18" s="232">
        <v>0</v>
      </c>
      <c r="IK18" s="236">
        <v>0</v>
      </c>
      <c r="IL18" s="237">
        <v>0</v>
      </c>
      <c r="IM18" s="140"/>
      <c r="IN18" s="119">
        <v>0</v>
      </c>
      <c r="IO18" s="119">
        <v>105998</v>
      </c>
      <c r="IP18" s="119">
        <v>0</v>
      </c>
      <c r="IQ18" s="119">
        <v>0</v>
      </c>
      <c r="IR18" s="119">
        <v>0</v>
      </c>
      <c r="IS18" s="141">
        <v>105998</v>
      </c>
      <c r="IT18" s="321">
        <v>105998</v>
      </c>
      <c r="IU18" s="142">
        <v>0</v>
      </c>
      <c r="IV18" s="119">
        <v>0</v>
      </c>
      <c r="IW18" s="120">
        <v>0</v>
      </c>
      <c r="IX18" s="144"/>
      <c r="IY18" s="119">
        <v>0</v>
      </c>
      <c r="IZ18" s="119">
        <v>0</v>
      </c>
      <c r="JA18" s="119">
        <v>0</v>
      </c>
      <c r="JB18" s="119">
        <v>0</v>
      </c>
      <c r="JC18" s="119">
        <v>0</v>
      </c>
      <c r="JD18" s="120">
        <v>0</v>
      </c>
      <c r="JE18" s="121">
        <v>0</v>
      </c>
      <c r="JF18" s="142">
        <v>0</v>
      </c>
      <c r="JG18" s="119">
        <v>0</v>
      </c>
      <c r="JH18" s="141">
        <v>0</v>
      </c>
      <c r="JI18" s="118">
        <v>0</v>
      </c>
      <c r="JJ18" s="119">
        <v>1103678</v>
      </c>
      <c r="JK18" s="119">
        <v>813773</v>
      </c>
      <c r="JL18" s="119">
        <v>873476</v>
      </c>
      <c r="JM18" s="119">
        <v>43387</v>
      </c>
      <c r="JN18" s="119">
        <v>291126</v>
      </c>
      <c r="JO18" s="120">
        <v>3125440</v>
      </c>
      <c r="JP18" s="321">
        <v>3125440</v>
      </c>
      <c r="JQ18" s="142">
        <v>0</v>
      </c>
      <c r="JR18" s="119">
        <v>0</v>
      </c>
      <c r="JS18" s="141">
        <v>0</v>
      </c>
      <c r="JT18" s="118">
        <v>0</v>
      </c>
      <c r="JU18" s="119">
        <v>0</v>
      </c>
      <c r="JV18" s="119">
        <v>0</v>
      </c>
      <c r="JW18" s="119">
        <v>0</v>
      </c>
      <c r="JX18" s="119">
        <v>0</v>
      </c>
      <c r="JY18" s="119">
        <v>0</v>
      </c>
      <c r="JZ18" s="120">
        <v>0</v>
      </c>
      <c r="KA18" s="321">
        <v>0</v>
      </c>
      <c r="KB18" s="234">
        <v>0</v>
      </c>
      <c r="KC18" s="230">
        <v>0</v>
      </c>
      <c r="KD18" s="120">
        <v>0</v>
      </c>
      <c r="KE18" s="118">
        <v>0</v>
      </c>
      <c r="KF18" s="119">
        <v>327585</v>
      </c>
      <c r="KG18" s="119">
        <v>160941</v>
      </c>
      <c r="KH18" s="119">
        <v>956215</v>
      </c>
      <c r="KI18" s="119">
        <v>1036489</v>
      </c>
      <c r="KJ18" s="119">
        <v>591980</v>
      </c>
      <c r="KK18" s="120">
        <v>3073210</v>
      </c>
      <c r="KL18" s="143">
        <v>3073210</v>
      </c>
      <c r="KM18" s="232">
        <v>0</v>
      </c>
      <c r="KN18" s="236">
        <v>0</v>
      </c>
      <c r="KO18" s="237">
        <v>0</v>
      </c>
      <c r="KP18" s="140"/>
      <c r="KQ18" s="119">
        <v>1411649</v>
      </c>
      <c r="KR18" s="119">
        <v>973609</v>
      </c>
      <c r="KS18" s="119">
        <v>503120</v>
      </c>
      <c r="KT18" s="119">
        <v>628335</v>
      </c>
      <c r="KU18" s="119">
        <v>259502</v>
      </c>
      <c r="KV18" s="120">
        <v>3776215</v>
      </c>
      <c r="KW18" s="321">
        <v>3776215</v>
      </c>
      <c r="KX18" s="142">
        <v>0</v>
      </c>
      <c r="KY18" s="119">
        <v>0</v>
      </c>
      <c r="KZ18" s="120">
        <v>0</v>
      </c>
      <c r="LA18" s="145"/>
      <c r="LB18" s="119">
        <v>0</v>
      </c>
      <c r="LC18" s="119">
        <v>359278</v>
      </c>
      <c r="LD18" s="119">
        <v>0</v>
      </c>
      <c r="LE18" s="119">
        <v>653733</v>
      </c>
      <c r="LF18" s="119">
        <v>0</v>
      </c>
      <c r="LG18" s="120">
        <v>1013011</v>
      </c>
      <c r="LH18" s="121">
        <v>1013011</v>
      </c>
      <c r="LI18" s="142">
        <v>0</v>
      </c>
      <c r="LJ18" s="119">
        <v>0</v>
      </c>
      <c r="LK18" s="120">
        <v>0</v>
      </c>
      <c r="LL18" s="145"/>
      <c r="LM18" s="119">
        <v>0</v>
      </c>
      <c r="LN18" s="119">
        <v>0</v>
      </c>
      <c r="LO18" s="119">
        <v>0</v>
      </c>
      <c r="LP18" s="119">
        <v>269542</v>
      </c>
      <c r="LQ18" s="119">
        <v>289104</v>
      </c>
      <c r="LR18" s="120">
        <v>558646</v>
      </c>
      <c r="LS18" s="321">
        <v>558646</v>
      </c>
      <c r="LT18" s="142">
        <v>0</v>
      </c>
      <c r="LU18" s="119">
        <v>0</v>
      </c>
      <c r="LV18" s="120">
        <v>0</v>
      </c>
      <c r="LW18" s="145"/>
      <c r="LX18" s="119">
        <v>309240</v>
      </c>
      <c r="LY18" s="119">
        <v>211337</v>
      </c>
      <c r="LZ18" s="119">
        <v>97810</v>
      </c>
      <c r="MA18" s="119">
        <v>1218244</v>
      </c>
      <c r="MB18" s="119">
        <v>141901</v>
      </c>
      <c r="MC18" s="120">
        <v>1978532</v>
      </c>
      <c r="MD18" s="121">
        <v>1978532</v>
      </c>
      <c r="ME18" s="142">
        <v>0</v>
      </c>
      <c r="MF18" s="119">
        <v>0</v>
      </c>
      <c r="MG18" s="120">
        <v>0</v>
      </c>
      <c r="MH18" s="145"/>
      <c r="MI18" s="119">
        <v>634142</v>
      </c>
      <c r="MJ18" s="119">
        <v>1034536</v>
      </c>
      <c r="MK18" s="119">
        <v>4387537</v>
      </c>
      <c r="ML18" s="119">
        <v>5617229</v>
      </c>
      <c r="MM18" s="119">
        <v>2817557</v>
      </c>
      <c r="MN18" s="120">
        <v>14491001</v>
      </c>
      <c r="MO18" s="143">
        <v>14491001</v>
      </c>
      <c r="MP18" s="142">
        <v>0</v>
      </c>
      <c r="MQ18" s="119">
        <v>0</v>
      </c>
      <c r="MR18" s="120">
        <v>0</v>
      </c>
      <c r="MS18" s="145"/>
      <c r="MT18" s="119">
        <v>156214</v>
      </c>
      <c r="MU18" s="119">
        <v>233870</v>
      </c>
      <c r="MV18" s="119">
        <v>1985845</v>
      </c>
      <c r="MW18" s="119">
        <v>2791144</v>
      </c>
      <c r="MX18" s="119">
        <v>1651918</v>
      </c>
      <c r="MY18" s="120">
        <v>6818991</v>
      </c>
      <c r="MZ18" s="143">
        <v>6818991</v>
      </c>
      <c r="NA18" s="142">
        <v>0</v>
      </c>
      <c r="NB18" s="119">
        <v>0</v>
      </c>
      <c r="NC18" s="120">
        <v>0</v>
      </c>
      <c r="ND18" s="145"/>
      <c r="NE18" s="119">
        <v>477928</v>
      </c>
      <c r="NF18" s="119">
        <v>800666</v>
      </c>
      <c r="NG18" s="119">
        <v>2401692</v>
      </c>
      <c r="NH18" s="119">
        <v>2826085</v>
      </c>
      <c r="NI18" s="119">
        <v>845227</v>
      </c>
      <c r="NJ18" s="120">
        <v>7351598</v>
      </c>
      <c r="NK18" s="321">
        <v>7351598</v>
      </c>
      <c r="NL18" s="142">
        <v>0</v>
      </c>
      <c r="NM18" s="119">
        <v>0</v>
      </c>
      <c r="NN18" s="120">
        <v>0</v>
      </c>
      <c r="NO18" s="145"/>
      <c r="NP18" s="119">
        <v>0</v>
      </c>
      <c r="NQ18" s="119">
        <v>0</v>
      </c>
      <c r="NR18" s="119">
        <v>0</v>
      </c>
      <c r="NS18" s="119">
        <v>0</v>
      </c>
      <c r="NT18" s="119">
        <v>320412</v>
      </c>
      <c r="NU18" s="120">
        <v>320412</v>
      </c>
      <c r="NV18" s="121">
        <v>320412</v>
      </c>
      <c r="NW18" s="142">
        <v>0</v>
      </c>
      <c r="NX18" s="119">
        <v>0</v>
      </c>
      <c r="NY18" s="120">
        <v>0</v>
      </c>
      <c r="NZ18" s="145"/>
      <c r="OA18" s="119">
        <v>0</v>
      </c>
      <c r="OB18" s="119">
        <v>0</v>
      </c>
      <c r="OC18" s="119">
        <v>0</v>
      </c>
      <c r="OD18" s="119">
        <v>0</v>
      </c>
      <c r="OE18" s="119">
        <v>0</v>
      </c>
      <c r="OF18" s="120">
        <v>0</v>
      </c>
      <c r="OG18" s="121">
        <v>0</v>
      </c>
      <c r="OH18" s="142">
        <v>952045</v>
      </c>
      <c r="OI18" s="119">
        <v>1599995</v>
      </c>
      <c r="OJ18" s="141">
        <v>2552040</v>
      </c>
      <c r="OK18" s="118">
        <v>0</v>
      </c>
      <c r="OL18" s="119">
        <v>11787565</v>
      </c>
      <c r="OM18" s="119">
        <v>11492443</v>
      </c>
      <c r="ON18" s="119">
        <v>15848158</v>
      </c>
      <c r="OO18" s="119">
        <v>18618283</v>
      </c>
      <c r="OP18" s="119">
        <v>8350381</v>
      </c>
      <c r="OQ18" s="120">
        <v>66096830</v>
      </c>
      <c r="OR18" s="143">
        <v>68648870</v>
      </c>
    </row>
    <row r="19" spans="1:408" ht="20.25" customHeight="1" x14ac:dyDescent="0.2">
      <c r="A19" s="126" t="s">
        <v>13</v>
      </c>
      <c r="B19" s="110">
        <v>147996</v>
      </c>
      <c r="C19" s="114">
        <v>234389</v>
      </c>
      <c r="D19" s="113">
        <v>382385</v>
      </c>
      <c r="E19" s="110">
        <v>0</v>
      </c>
      <c r="F19" s="170">
        <v>2762461</v>
      </c>
      <c r="G19" s="114">
        <v>5562319</v>
      </c>
      <c r="H19" s="114">
        <v>3058216</v>
      </c>
      <c r="I19" s="114">
        <v>4925190</v>
      </c>
      <c r="J19" s="114">
        <v>3694397</v>
      </c>
      <c r="K19" s="112">
        <v>20002583</v>
      </c>
      <c r="L19" s="116">
        <v>20384968</v>
      </c>
      <c r="M19" s="110">
        <v>75210</v>
      </c>
      <c r="N19" s="114">
        <v>0</v>
      </c>
      <c r="O19" s="113">
        <v>75210</v>
      </c>
      <c r="P19" s="110">
        <v>0</v>
      </c>
      <c r="Q19" s="114">
        <v>1035002</v>
      </c>
      <c r="R19" s="114">
        <v>2096983</v>
      </c>
      <c r="S19" s="114">
        <v>1087098</v>
      </c>
      <c r="T19" s="114">
        <v>1735075</v>
      </c>
      <c r="U19" s="114">
        <v>1564369</v>
      </c>
      <c r="V19" s="113">
        <v>7518527</v>
      </c>
      <c r="W19" s="116">
        <v>7593737</v>
      </c>
      <c r="X19" s="110">
        <v>0</v>
      </c>
      <c r="Y19" s="114">
        <v>0</v>
      </c>
      <c r="Z19" s="113">
        <v>0</v>
      </c>
      <c r="AA19" s="110">
        <v>0</v>
      </c>
      <c r="AB19" s="114">
        <v>557199</v>
      </c>
      <c r="AC19" s="114">
        <v>1284532</v>
      </c>
      <c r="AD19" s="114">
        <v>643400</v>
      </c>
      <c r="AE19" s="114">
        <v>1101360</v>
      </c>
      <c r="AF19" s="114">
        <v>778536</v>
      </c>
      <c r="AG19" s="113">
        <v>4365027</v>
      </c>
      <c r="AH19" s="116">
        <v>4365027</v>
      </c>
      <c r="AI19" s="110">
        <v>0</v>
      </c>
      <c r="AJ19" s="114">
        <v>0</v>
      </c>
      <c r="AK19" s="113">
        <v>0</v>
      </c>
      <c r="AL19" s="110">
        <v>0</v>
      </c>
      <c r="AM19" s="114">
        <v>0</v>
      </c>
      <c r="AN19" s="114">
        <v>0</v>
      </c>
      <c r="AO19" s="114">
        <v>24054</v>
      </c>
      <c r="AP19" s="114">
        <v>106050</v>
      </c>
      <c r="AQ19" s="114">
        <v>257848</v>
      </c>
      <c r="AR19" s="113">
        <v>387952</v>
      </c>
      <c r="AS19" s="116">
        <v>387952</v>
      </c>
      <c r="AT19" s="110">
        <v>38810</v>
      </c>
      <c r="AU19" s="114">
        <v>0</v>
      </c>
      <c r="AV19" s="113">
        <v>38810</v>
      </c>
      <c r="AW19" s="110">
        <v>0</v>
      </c>
      <c r="AX19" s="114">
        <v>213749</v>
      </c>
      <c r="AY19" s="114">
        <v>501537</v>
      </c>
      <c r="AZ19" s="114">
        <v>280684</v>
      </c>
      <c r="BA19" s="114">
        <v>327457</v>
      </c>
      <c r="BB19" s="114">
        <v>297380</v>
      </c>
      <c r="BC19" s="113">
        <v>1620807</v>
      </c>
      <c r="BD19" s="116">
        <v>1659617</v>
      </c>
      <c r="BE19" s="110">
        <v>0</v>
      </c>
      <c r="BF19" s="114">
        <v>0</v>
      </c>
      <c r="BG19" s="112">
        <v>0</v>
      </c>
      <c r="BH19" s="111">
        <v>0</v>
      </c>
      <c r="BI19" s="114">
        <v>97830</v>
      </c>
      <c r="BJ19" s="114">
        <v>32610</v>
      </c>
      <c r="BK19" s="114">
        <v>0</v>
      </c>
      <c r="BL19" s="114">
        <v>0</v>
      </c>
      <c r="BM19" s="114">
        <v>21933</v>
      </c>
      <c r="BN19" s="113">
        <v>152373</v>
      </c>
      <c r="BO19" s="116">
        <v>152373</v>
      </c>
      <c r="BP19" s="110">
        <v>36400</v>
      </c>
      <c r="BQ19" s="114">
        <v>0</v>
      </c>
      <c r="BR19" s="113">
        <v>36400</v>
      </c>
      <c r="BS19" s="110">
        <v>0</v>
      </c>
      <c r="BT19" s="114">
        <v>166224</v>
      </c>
      <c r="BU19" s="114">
        <v>278304</v>
      </c>
      <c r="BV19" s="114">
        <v>138960</v>
      </c>
      <c r="BW19" s="114">
        <v>200208</v>
      </c>
      <c r="BX19" s="114">
        <v>208672</v>
      </c>
      <c r="BY19" s="113">
        <v>992368</v>
      </c>
      <c r="BZ19" s="116">
        <v>1028768</v>
      </c>
      <c r="CA19" s="110">
        <v>0</v>
      </c>
      <c r="CB19" s="114">
        <v>81189</v>
      </c>
      <c r="CC19" s="113">
        <v>81189</v>
      </c>
      <c r="CD19" s="110">
        <v>0</v>
      </c>
      <c r="CE19" s="114">
        <v>561916</v>
      </c>
      <c r="CF19" s="114">
        <v>1486814</v>
      </c>
      <c r="CG19" s="114">
        <v>1160043</v>
      </c>
      <c r="CH19" s="114">
        <v>450692</v>
      </c>
      <c r="CI19" s="114">
        <v>283793</v>
      </c>
      <c r="CJ19" s="113">
        <v>3943258</v>
      </c>
      <c r="CK19" s="116">
        <v>4024447</v>
      </c>
      <c r="CL19" s="110">
        <v>0</v>
      </c>
      <c r="CM19" s="114">
        <v>0</v>
      </c>
      <c r="CN19" s="113">
        <v>0</v>
      </c>
      <c r="CO19" s="111">
        <v>0</v>
      </c>
      <c r="CP19" s="114">
        <v>493360</v>
      </c>
      <c r="CQ19" s="114">
        <v>1304234</v>
      </c>
      <c r="CR19" s="114">
        <v>1038399</v>
      </c>
      <c r="CS19" s="114">
        <v>284502</v>
      </c>
      <c r="CT19" s="114">
        <v>283793</v>
      </c>
      <c r="CU19" s="113">
        <v>3404288</v>
      </c>
      <c r="CV19" s="116">
        <v>3404288</v>
      </c>
      <c r="CW19" s="110">
        <v>0</v>
      </c>
      <c r="CX19" s="114">
        <v>81189</v>
      </c>
      <c r="CY19" s="113">
        <v>81189</v>
      </c>
      <c r="CZ19" s="110">
        <v>0</v>
      </c>
      <c r="DA19" s="114">
        <v>68556</v>
      </c>
      <c r="DB19" s="114">
        <v>182580</v>
      </c>
      <c r="DC19" s="114">
        <v>121644</v>
      </c>
      <c r="DD19" s="114">
        <v>166190</v>
      </c>
      <c r="DE19" s="114">
        <v>0</v>
      </c>
      <c r="DF19" s="113">
        <v>538970</v>
      </c>
      <c r="DG19" s="116">
        <v>620159</v>
      </c>
      <c r="DH19" s="110">
        <v>0</v>
      </c>
      <c r="DI19" s="114">
        <v>0</v>
      </c>
      <c r="DJ19" s="112">
        <v>0</v>
      </c>
      <c r="DK19" s="111">
        <v>0</v>
      </c>
      <c r="DL19" s="114">
        <v>158638</v>
      </c>
      <c r="DM19" s="114">
        <v>314784</v>
      </c>
      <c r="DN19" s="114">
        <v>305940</v>
      </c>
      <c r="DO19" s="114">
        <v>623846</v>
      </c>
      <c r="DP19" s="114">
        <v>359912</v>
      </c>
      <c r="DQ19" s="113">
        <v>1763120</v>
      </c>
      <c r="DR19" s="116">
        <v>1763120</v>
      </c>
      <c r="DS19" s="110">
        <v>0</v>
      </c>
      <c r="DT19" s="114">
        <v>0</v>
      </c>
      <c r="DU19" s="113">
        <v>0</v>
      </c>
      <c r="DV19" s="110">
        <v>0</v>
      </c>
      <c r="DW19" s="114">
        <v>158638</v>
      </c>
      <c r="DX19" s="114">
        <v>314784</v>
      </c>
      <c r="DY19" s="114">
        <v>305940</v>
      </c>
      <c r="DZ19" s="114">
        <v>623846</v>
      </c>
      <c r="EA19" s="114">
        <v>359912</v>
      </c>
      <c r="EB19" s="113">
        <v>1763120</v>
      </c>
      <c r="EC19" s="116">
        <v>1763120</v>
      </c>
      <c r="ED19" s="110">
        <v>0</v>
      </c>
      <c r="EE19" s="112">
        <v>0</v>
      </c>
      <c r="EF19" s="113">
        <v>0</v>
      </c>
      <c r="EG19" s="110">
        <v>0</v>
      </c>
      <c r="EH19" s="114">
        <v>0</v>
      </c>
      <c r="EI19" s="114">
        <v>0</v>
      </c>
      <c r="EJ19" s="114">
        <v>0</v>
      </c>
      <c r="EK19" s="114">
        <v>0</v>
      </c>
      <c r="EL19" s="114">
        <v>0</v>
      </c>
      <c r="EM19" s="112">
        <v>0</v>
      </c>
      <c r="EN19" s="116">
        <v>0</v>
      </c>
      <c r="EO19" s="110">
        <v>0</v>
      </c>
      <c r="EP19" s="114">
        <v>0</v>
      </c>
      <c r="EQ19" s="112">
        <v>0</v>
      </c>
      <c r="ER19" s="111">
        <v>0</v>
      </c>
      <c r="ES19" s="114">
        <v>0</v>
      </c>
      <c r="ET19" s="114">
        <v>0</v>
      </c>
      <c r="EU19" s="114">
        <v>0</v>
      </c>
      <c r="EV19" s="114">
        <v>0</v>
      </c>
      <c r="EW19" s="114">
        <v>0</v>
      </c>
      <c r="EX19" s="113">
        <v>0</v>
      </c>
      <c r="EY19" s="116">
        <v>0</v>
      </c>
      <c r="EZ19" s="110">
        <v>0</v>
      </c>
      <c r="FA19" s="114">
        <v>0</v>
      </c>
      <c r="FB19" s="112">
        <v>0</v>
      </c>
      <c r="FC19" s="348"/>
      <c r="FD19" s="114">
        <v>0</v>
      </c>
      <c r="FE19" s="114">
        <v>0</v>
      </c>
      <c r="FF19" s="114">
        <v>0</v>
      </c>
      <c r="FG19" s="114">
        <v>0</v>
      </c>
      <c r="FH19" s="114">
        <v>0</v>
      </c>
      <c r="FI19" s="113">
        <v>0</v>
      </c>
      <c r="FJ19" s="116">
        <v>0</v>
      </c>
      <c r="FK19" s="110">
        <v>14208</v>
      </c>
      <c r="FL19" s="114">
        <v>153200</v>
      </c>
      <c r="FM19" s="113">
        <v>167408</v>
      </c>
      <c r="FN19" s="110">
        <v>0</v>
      </c>
      <c r="FO19" s="114">
        <v>131968</v>
      </c>
      <c r="FP19" s="114">
        <v>417377</v>
      </c>
      <c r="FQ19" s="114">
        <v>186552</v>
      </c>
      <c r="FR19" s="114">
        <v>435392</v>
      </c>
      <c r="FS19" s="114">
        <v>112448</v>
      </c>
      <c r="FT19" s="113">
        <v>1283737</v>
      </c>
      <c r="FU19" s="116">
        <v>1451145</v>
      </c>
      <c r="FV19" s="115">
        <v>14208</v>
      </c>
      <c r="FW19" s="114">
        <v>50928</v>
      </c>
      <c r="FX19" s="112">
        <v>65136</v>
      </c>
      <c r="FY19" s="111">
        <v>0</v>
      </c>
      <c r="FZ19" s="114">
        <v>119296</v>
      </c>
      <c r="GA19" s="114">
        <v>372656</v>
      </c>
      <c r="GB19" s="114">
        <v>170712</v>
      </c>
      <c r="GC19" s="114">
        <v>319392</v>
      </c>
      <c r="GD19" s="114">
        <v>112448</v>
      </c>
      <c r="GE19" s="113">
        <v>1094504</v>
      </c>
      <c r="GF19" s="319">
        <v>1159640</v>
      </c>
      <c r="GG19" s="115">
        <v>0</v>
      </c>
      <c r="GH19" s="114">
        <v>12672</v>
      </c>
      <c r="GI19" s="112">
        <v>12672</v>
      </c>
      <c r="GJ19" s="111">
        <v>0</v>
      </c>
      <c r="GK19" s="114">
        <v>12672</v>
      </c>
      <c r="GL19" s="114">
        <v>0</v>
      </c>
      <c r="GM19" s="114">
        <v>15840</v>
      </c>
      <c r="GN19" s="114">
        <v>0</v>
      </c>
      <c r="GO19" s="114">
        <v>0</v>
      </c>
      <c r="GP19" s="113">
        <v>28512</v>
      </c>
      <c r="GQ19" s="116">
        <v>41184</v>
      </c>
      <c r="GR19" s="110">
        <v>0</v>
      </c>
      <c r="GS19" s="114">
        <v>89600</v>
      </c>
      <c r="GT19" s="113">
        <v>89600</v>
      </c>
      <c r="GU19" s="110">
        <v>0</v>
      </c>
      <c r="GV19" s="114">
        <v>0</v>
      </c>
      <c r="GW19" s="114">
        <v>44721</v>
      </c>
      <c r="GX19" s="114">
        <v>0</v>
      </c>
      <c r="GY19" s="114">
        <v>116000</v>
      </c>
      <c r="GZ19" s="114">
        <v>0</v>
      </c>
      <c r="HA19" s="112">
        <v>160721</v>
      </c>
      <c r="HB19" s="116">
        <v>250321</v>
      </c>
      <c r="HC19" s="110">
        <v>58578</v>
      </c>
      <c r="HD19" s="114">
        <v>0</v>
      </c>
      <c r="HE19" s="112">
        <v>58578</v>
      </c>
      <c r="HF19" s="111">
        <v>0</v>
      </c>
      <c r="HG19" s="114">
        <v>874937</v>
      </c>
      <c r="HH19" s="114">
        <v>1246361</v>
      </c>
      <c r="HI19" s="114">
        <v>318583</v>
      </c>
      <c r="HJ19" s="114">
        <v>1680185</v>
      </c>
      <c r="HK19" s="114">
        <v>1373875</v>
      </c>
      <c r="HL19" s="113">
        <v>5493941</v>
      </c>
      <c r="HM19" s="109">
        <v>5552519</v>
      </c>
      <c r="HN19" s="329"/>
      <c r="HO19" s="330"/>
      <c r="HP19" s="331"/>
      <c r="HQ19" s="332"/>
      <c r="HR19" s="330"/>
      <c r="HS19" s="330"/>
      <c r="HT19" s="330"/>
      <c r="HU19" s="330"/>
      <c r="HV19" s="330"/>
      <c r="HW19" s="333"/>
      <c r="HX19" s="334"/>
      <c r="HY19" s="131">
        <v>0</v>
      </c>
      <c r="HZ19" s="132">
        <v>0</v>
      </c>
      <c r="IA19" s="133">
        <v>0</v>
      </c>
      <c r="IB19" s="146">
        <v>0</v>
      </c>
      <c r="IC19" s="132">
        <v>784768</v>
      </c>
      <c r="ID19" s="147">
        <v>726842</v>
      </c>
      <c r="IE19" s="133">
        <v>1130833</v>
      </c>
      <c r="IF19" s="132">
        <v>1512587</v>
      </c>
      <c r="IG19" s="133">
        <v>91625</v>
      </c>
      <c r="IH19" s="148">
        <v>4246655</v>
      </c>
      <c r="II19" s="139">
        <v>4246655</v>
      </c>
      <c r="IJ19" s="232">
        <v>0</v>
      </c>
      <c r="IK19" s="236">
        <v>0</v>
      </c>
      <c r="IL19" s="237">
        <v>0</v>
      </c>
      <c r="IM19" s="140"/>
      <c r="IN19" s="119">
        <v>0</v>
      </c>
      <c r="IO19" s="119">
        <v>0</v>
      </c>
      <c r="IP19" s="119">
        <v>0</v>
      </c>
      <c r="IQ19" s="119">
        <v>0</v>
      </c>
      <c r="IR19" s="119">
        <v>0</v>
      </c>
      <c r="IS19" s="141">
        <v>0</v>
      </c>
      <c r="IT19" s="321">
        <v>0</v>
      </c>
      <c r="IU19" s="142">
        <v>0</v>
      </c>
      <c r="IV19" s="119">
        <v>0</v>
      </c>
      <c r="IW19" s="120">
        <v>0</v>
      </c>
      <c r="IX19" s="144"/>
      <c r="IY19" s="119">
        <v>0</v>
      </c>
      <c r="IZ19" s="119">
        <v>0</v>
      </c>
      <c r="JA19" s="119">
        <v>0</v>
      </c>
      <c r="JB19" s="119">
        <v>0</v>
      </c>
      <c r="JC19" s="119">
        <v>0</v>
      </c>
      <c r="JD19" s="120">
        <v>0</v>
      </c>
      <c r="JE19" s="121">
        <v>0</v>
      </c>
      <c r="JF19" s="142">
        <v>0</v>
      </c>
      <c r="JG19" s="119">
        <v>0</v>
      </c>
      <c r="JH19" s="141">
        <v>0</v>
      </c>
      <c r="JI19" s="118">
        <v>0</v>
      </c>
      <c r="JJ19" s="119">
        <v>445939</v>
      </c>
      <c r="JK19" s="119">
        <v>379720</v>
      </c>
      <c r="JL19" s="119">
        <v>205544</v>
      </c>
      <c r="JM19" s="119">
        <v>44173</v>
      </c>
      <c r="JN19" s="119">
        <v>91625</v>
      </c>
      <c r="JO19" s="120">
        <v>1167001</v>
      </c>
      <c r="JP19" s="321">
        <v>1167001</v>
      </c>
      <c r="JQ19" s="142">
        <v>0</v>
      </c>
      <c r="JR19" s="119">
        <v>0</v>
      </c>
      <c r="JS19" s="141">
        <v>0</v>
      </c>
      <c r="JT19" s="118">
        <v>0</v>
      </c>
      <c r="JU19" s="119">
        <v>0</v>
      </c>
      <c r="JV19" s="119">
        <v>0</v>
      </c>
      <c r="JW19" s="119">
        <v>412456</v>
      </c>
      <c r="JX19" s="119">
        <v>494041</v>
      </c>
      <c r="JY19" s="119">
        <v>0</v>
      </c>
      <c r="JZ19" s="120">
        <v>906497</v>
      </c>
      <c r="KA19" s="321">
        <v>906497</v>
      </c>
      <c r="KB19" s="234">
        <v>0</v>
      </c>
      <c r="KC19" s="230">
        <v>0</v>
      </c>
      <c r="KD19" s="120">
        <v>0</v>
      </c>
      <c r="KE19" s="118">
        <v>0</v>
      </c>
      <c r="KF19" s="119">
        <v>113628</v>
      </c>
      <c r="KG19" s="119">
        <v>347122</v>
      </c>
      <c r="KH19" s="119">
        <v>0</v>
      </c>
      <c r="KI19" s="119">
        <v>253204</v>
      </c>
      <c r="KJ19" s="119">
        <v>0</v>
      </c>
      <c r="KK19" s="120">
        <v>713954</v>
      </c>
      <c r="KL19" s="143">
        <v>713954</v>
      </c>
      <c r="KM19" s="232">
        <v>0</v>
      </c>
      <c r="KN19" s="236">
        <v>0</v>
      </c>
      <c r="KO19" s="237">
        <v>0</v>
      </c>
      <c r="KP19" s="140"/>
      <c r="KQ19" s="119">
        <v>225201</v>
      </c>
      <c r="KR19" s="119">
        <v>0</v>
      </c>
      <c r="KS19" s="119">
        <v>512833</v>
      </c>
      <c r="KT19" s="119">
        <v>505960</v>
      </c>
      <c r="KU19" s="119">
        <v>0</v>
      </c>
      <c r="KV19" s="120">
        <v>1243994</v>
      </c>
      <c r="KW19" s="321">
        <v>1243994</v>
      </c>
      <c r="KX19" s="142">
        <v>0</v>
      </c>
      <c r="KY19" s="119">
        <v>0</v>
      </c>
      <c r="KZ19" s="120">
        <v>0</v>
      </c>
      <c r="LA19" s="145"/>
      <c r="LB19" s="119">
        <v>0</v>
      </c>
      <c r="LC19" s="119">
        <v>0</v>
      </c>
      <c r="LD19" s="119">
        <v>0</v>
      </c>
      <c r="LE19" s="119">
        <v>215209</v>
      </c>
      <c r="LF19" s="119">
        <v>0</v>
      </c>
      <c r="LG19" s="120">
        <v>215209</v>
      </c>
      <c r="LH19" s="121">
        <v>215209</v>
      </c>
      <c r="LI19" s="142">
        <v>0</v>
      </c>
      <c r="LJ19" s="119">
        <v>0</v>
      </c>
      <c r="LK19" s="120">
        <v>0</v>
      </c>
      <c r="LL19" s="145"/>
      <c r="LM19" s="119">
        <v>0</v>
      </c>
      <c r="LN19" s="119">
        <v>0</v>
      </c>
      <c r="LO19" s="119">
        <v>0</v>
      </c>
      <c r="LP19" s="119">
        <v>0</v>
      </c>
      <c r="LQ19" s="119">
        <v>0</v>
      </c>
      <c r="LR19" s="120">
        <v>0</v>
      </c>
      <c r="LS19" s="321">
        <v>0</v>
      </c>
      <c r="LT19" s="142">
        <v>0</v>
      </c>
      <c r="LU19" s="119">
        <v>0</v>
      </c>
      <c r="LV19" s="120">
        <v>0</v>
      </c>
      <c r="LW19" s="145"/>
      <c r="LX19" s="119">
        <v>0</v>
      </c>
      <c r="LY19" s="119">
        <v>0</v>
      </c>
      <c r="LZ19" s="119">
        <v>0</v>
      </c>
      <c r="MA19" s="119">
        <v>0</v>
      </c>
      <c r="MB19" s="119">
        <v>0</v>
      </c>
      <c r="MC19" s="120">
        <v>0</v>
      </c>
      <c r="MD19" s="121">
        <v>0</v>
      </c>
      <c r="ME19" s="142">
        <v>0</v>
      </c>
      <c r="MF19" s="119">
        <v>0</v>
      </c>
      <c r="MG19" s="120">
        <v>0</v>
      </c>
      <c r="MH19" s="145"/>
      <c r="MI19" s="119">
        <v>702183</v>
      </c>
      <c r="MJ19" s="119">
        <v>594738</v>
      </c>
      <c r="MK19" s="119">
        <v>1439329</v>
      </c>
      <c r="ML19" s="119">
        <v>2285165</v>
      </c>
      <c r="MM19" s="119">
        <v>2409633</v>
      </c>
      <c r="MN19" s="120">
        <v>7431048</v>
      </c>
      <c r="MO19" s="143">
        <v>7431048</v>
      </c>
      <c r="MP19" s="142">
        <v>0</v>
      </c>
      <c r="MQ19" s="119">
        <v>0</v>
      </c>
      <c r="MR19" s="120">
        <v>0</v>
      </c>
      <c r="MS19" s="145"/>
      <c r="MT19" s="119">
        <v>205056</v>
      </c>
      <c r="MU19" s="119">
        <v>0</v>
      </c>
      <c r="MV19" s="119">
        <v>795696</v>
      </c>
      <c r="MW19" s="119">
        <v>1631444</v>
      </c>
      <c r="MX19" s="119">
        <v>1360339</v>
      </c>
      <c r="MY19" s="120">
        <v>3992535</v>
      </c>
      <c r="MZ19" s="143">
        <v>3992535</v>
      </c>
      <c r="NA19" s="142">
        <v>0</v>
      </c>
      <c r="NB19" s="119">
        <v>0</v>
      </c>
      <c r="NC19" s="120">
        <v>0</v>
      </c>
      <c r="ND19" s="145"/>
      <c r="NE19" s="119">
        <v>497127</v>
      </c>
      <c r="NF19" s="119">
        <v>594738</v>
      </c>
      <c r="NG19" s="119">
        <v>643633</v>
      </c>
      <c r="NH19" s="119">
        <v>653721</v>
      </c>
      <c r="NI19" s="119">
        <v>1049294</v>
      </c>
      <c r="NJ19" s="120">
        <v>3438513</v>
      </c>
      <c r="NK19" s="321">
        <v>3438513</v>
      </c>
      <c r="NL19" s="142">
        <v>0</v>
      </c>
      <c r="NM19" s="119">
        <v>0</v>
      </c>
      <c r="NN19" s="120">
        <v>0</v>
      </c>
      <c r="NO19" s="145"/>
      <c r="NP19" s="119">
        <v>0</v>
      </c>
      <c r="NQ19" s="119">
        <v>0</v>
      </c>
      <c r="NR19" s="119">
        <v>0</v>
      </c>
      <c r="NS19" s="119">
        <v>0</v>
      </c>
      <c r="NT19" s="119">
        <v>0</v>
      </c>
      <c r="NU19" s="120">
        <v>0</v>
      </c>
      <c r="NV19" s="121">
        <v>0</v>
      </c>
      <c r="NW19" s="142">
        <v>0</v>
      </c>
      <c r="NX19" s="119">
        <v>0</v>
      </c>
      <c r="NY19" s="120">
        <v>0</v>
      </c>
      <c r="NZ19" s="145"/>
      <c r="OA19" s="119">
        <v>0</v>
      </c>
      <c r="OB19" s="119">
        <v>0</v>
      </c>
      <c r="OC19" s="119">
        <v>0</v>
      </c>
      <c r="OD19" s="119">
        <v>0</v>
      </c>
      <c r="OE19" s="119">
        <v>0</v>
      </c>
      <c r="OF19" s="120">
        <v>0</v>
      </c>
      <c r="OG19" s="121">
        <v>0</v>
      </c>
      <c r="OH19" s="142">
        <v>147996</v>
      </c>
      <c r="OI19" s="119">
        <v>234389</v>
      </c>
      <c r="OJ19" s="141">
        <v>382385</v>
      </c>
      <c r="OK19" s="118">
        <v>0</v>
      </c>
      <c r="OL19" s="119">
        <v>4249412</v>
      </c>
      <c r="OM19" s="119">
        <v>6883899</v>
      </c>
      <c r="ON19" s="119">
        <v>5628378</v>
      </c>
      <c r="OO19" s="119">
        <v>8722942</v>
      </c>
      <c r="OP19" s="119">
        <v>6195655</v>
      </c>
      <c r="OQ19" s="120">
        <v>31680286</v>
      </c>
      <c r="OR19" s="143">
        <v>32062671</v>
      </c>
    </row>
    <row r="20" spans="1:408" ht="20.25" customHeight="1" x14ac:dyDescent="0.2">
      <c r="A20" s="126" t="s">
        <v>15</v>
      </c>
      <c r="B20" s="110">
        <v>189184</v>
      </c>
      <c r="C20" s="114">
        <v>230022</v>
      </c>
      <c r="D20" s="113">
        <v>419206</v>
      </c>
      <c r="E20" s="109">
        <v>0</v>
      </c>
      <c r="F20" s="114">
        <v>1199010</v>
      </c>
      <c r="G20" s="114">
        <v>1999186</v>
      </c>
      <c r="H20" s="114">
        <v>2709281</v>
      </c>
      <c r="I20" s="114">
        <v>1233368</v>
      </c>
      <c r="J20" s="114">
        <v>650040</v>
      </c>
      <c r="K20" s="109">
        <v>7790885</v>
      </c>
      <c r="L20" s="116">
        <v>8210091</v>
      </c>
      <c r="M20" s="110">
        <v>25446</v>
      </c>
      <c r="N20" s="114">
        <v>0</v>
      </c>
      <c r="O20" s="113">
        <v>25446</v>
      </c>
      <c r="P20" s="110">
        <v>0</v>
      </c>
      <c r="Q20" s="114">
        <v>219119</v>
      </c>
      <c r="R20" s="114">
        <v>592973</v>
      </c>
      <c r="S20" s="114">
        <v>1101770</v>
      </c>
      <c r="T20" s="114">
        <v>573042</v>
      </c>
      <c r="U20" s="114">
        <v>339644</v>
      </c>
      <c r="V20" s="113">
        <v>2826548</v>
      </c>
      <c r="W20" s="116">
        <v>2851994</v>
      </c>
      <c r="X20" s="110">
        <v>0</v>
      </c>
      <c r="Y20" s="114">
        <v>0</v>
      </c>
      <c r="Z20" s="113">
        <v>0</v>
      </c>
      <c r="AA20" s="110">
        <v>0</v>
      </c>
      <c r="AB20" s="114">
        <v>91275</v>
      </c>
      <c r="AC20" s="114">
        <v>222640</v>
      </c>
      <c r="AD20" s="114">
        <v>1030434</v>
      </c>
      <c r="AE20" s="114">
        <v>172387</v>
      </c>
      <c r="AF20" s="114">
        <v>265760</v>
      </c>
      <c r="AG20" s="113">
        <v>1782496</v>
      </c>
      <c r="AH20" s="116">
        <v>1782496</v>
      </c>
      <c r="AI20" s="110">
        <v>0</v>
      </c>
      <c r="AJ20" s="114">
        <v>0</v>
      </c>
      <c r="AK20" s="113">
        <v>0</v>
      </c>
      <c r="AL20" s="110">
        <v>0</v>
      </c>
      <c r="AM20" s="114">
        <v>0</v>
      </c>
      <c r="AN20" s="114">
        <v>0</v>
      </c>
      <c r="AO20" s="114">
        <v>0</v>
      </c>
      <c r="AP20" s="114">
        <v>223806</v>
      </c>
      <c r="AQ20" s="114">
        <v>11572</v>
      </c>
      <c r="AR20" s="113">
        <v>235378</v>
      </c>
      <c r="AS20" s="116">
        <v>235378</v>
      </c>
      <c r="AT20" s="110">
        <v>14534</v>
      </c>
      <c r="AU20" s="114">
        <v>0</v>
      </c>
      <c r="AV20" s="113">
        <v>14534</v>
      </c>
      <c r="AW20" s="110">
        <v>0</v>
      </c>
      <c r="AX20" s="114">
        <v>52638</v>
      </c>
      <c r="AY20" s="114">
        <v>299686</v>
      </c>
      <c r="AZ20" s="114">
        <v>8936</v>
      </c>
      <c r="BA20" s="114">
        <v>126865</v>
      </c>
      <c r="BB20" s="114">
        <v>42217</v>
      </c>
      <c r="BC20" s="113">
        <v>530342</v>
      </c>
      <c r="BD20" s="116">
        <v>544876</v>
      </c>
      <c r="BE20" s="110">
        <v>0</v>
      </c>
      <c r="BF20" s="114">
        <v>0</v>
      </c>
      <c r="BG20" s="112">
        <v>0</v>
      </c>
      <c r="BH20" s="111">
        <v>0</v>
      </c>
      <c r="BI20" s="114">
        <v>27134</v>
      </c>
      <c r="BJ20" s="114">
        <v>15519</v>
      </c>
      <c r="BK20" s="114">
        <v>0</v>
      </c>
      <c r="BL20" s="114">
        <v>0</v>
      </c>
      <c r="BM20" s="114">
        <v>15519</v>
      </c>
      <c r="BN20" s="113">
        <v>58172</v>
      </c>
      <c r="BO20" s="116">
        <v>58172</v>
      </c>
      <c r="BP20" s="110">
        <v>10912</v>
      </c>
      <c r="BQ20" s="114">
        <v>0</v>
      </c>
      <c r="BR20" s="113">
        <v>10912</v>
      </c>
      <c r="BS20" s="110">
        <v>0</v>
      </c>
      <c r="BT20" s="114">
        <v>48072</v>
      </c>
      <c r="BU20" s="114">
        <v>55128</v>
      </c>
      <c r="BV20" s="114">
        <v>62400</v>
      </c>
      <c r="BW20" s="114">
        <v>49984</v>
      </c>
      <c r="BX20" s="114">
        <v>4576</v>
      </c>
      <c r="BY20" s="113">
        <v>220160</v>
      </c>
      <c r="BZ20" s="116">
        <v>231072</v>
      </c>
      <c r="CA20" s="110">
        <v>0</v>
      </c>
      <c r="CB20" s="114">
        <v>0</v>
      </c>
      <c r="CC20" s="113">
        <v>0</v>
      </c>
      <c r="CD20" s="110">
        <v>0</v>
      </c>
      <c r="CE20" s="114">
        <v>188012</v>
      </c>
      <c r="CF20" s="114">
        <v>490531</v>
      </c>
      <c r="CG20" s="114">
        <v>306561</v>
      </c>
      <c r="CH20" s="114">
        <v>10709</v>
      </c>
      <c r="CI20" s="114">
        <v>0</v>
      </c>
      <c r="CJ20" s="113">
        <v>995813</v>
      </c>
      <c r="CK20" s="116">
        <v>995813</v>
      </c>
      <c r="CL20" s="110">
        <v>0</v>
      </c>
      <c r="CM20" s="114">
        <v>0</v>
      </c>
      <c r="CN20" s="113">
        <v>0</v>
      </c>
      <c r="CO20" s="111">
        <v>0</v>
      </c>
      <c r="CP20" s="114">
        <v>33026</v>
      </c>
      <c r="CQ20" s="114">
        <v>348210</v>
      </c>
      <c r="CR20" s="114">
        <v>165632</v>
      </c>
      <c r="CS20" s="114">
        <v>0</v>
      </c>
      <c r="CT20" s="114">
        <v>0</v>
      </c>
      <c r="CU20" s="113">
        <v>546868</v>
      </c>
      <c r="CV20" s="116">
        <v>546868</v>
      </c>
      <c r="CW20" s="110">
        <v>0</v>
      </c>
      <c r="CX20" s="114">
        <v>0</v>
      </c>
      <c r="CY20" s="113">
        <v>0</v>
      </c>
      <c r="CZ20" s="110">
        <v>0</v>
      </c>
      <c r="DA20" s="114">
        <v>154986</v>
      </c>
      <c r="DB20" s="114">
        <v>142321</v>
      </c>
      <c r="DC20" s="114">
        <v>140929</v>
      </c>
      <c r="DD20" s="114">
        <v>10709</v>
      </c>
      <c r="DE20" s="114">
        <v>0</v>
      </c>
      <c r="DF20" s="113">
        <v>448945</v>
      </c>
      <c r="DG20" s="116">
        <v>448945</v>
      </c>
      <c r="DH20" s="110">
        <v>0</v>
      </c>
      <c r="DI20" s="114">
        <v>0</v>
      </c>
      <c r="DJ20" s="112">
        <v>0</v>
      </c>
      <c r="DK20" s="111">
        <v>0</v>
      </c>
      <c r="DL20" s="114">
        <v>0</v>
      </c>
      <c r="DM20" s="114">
        <v>34526</v>
      </c>
      <c r="DN20" s="114">
        <v>216409</v>
      </c>
      <c r="DO20" s="114">
        <v>265009</v>
      </c>
      <c r="DP20" s="114">
        <v>0</v>
      </c>
      <c r="DQ20" s="113">
        <v>515944</v>
      </c>
      <c r="DR20" s="116">
        <v>515944</v>
      </c>
      <c r="DS20" s="110">
        <v>0</v>
      </c>
      <c r="DT20" s="114">
        <v>0</v>
      </c>
      <c r="DU20" s="113">
        <v>0</v>
      </c>
      <c r="DV20" s="110">
        <v>0</v>
      </c>
      <c r="DW20" s="114">
        <v>0</v>
      </c>
      <c r="DX20" s="114">
        <v>34526</v>
      </c>
      <c r="DY20" s="114">
        <v>216409</v>
      </c>
      <c r="DZ20" s="114">
        <v>265009</v>
      </c>
      <c r="EA20" s="114">
        <v>0</v>
      </c>
      <c r="EB20" s="113">
        <v>515944</v>
      </c>
      <c r="EC20" s="116">
        <v>515944</v>
      </c>
      <c r="ED20" s="110">
        <v>0</v>
      </c>
      <c r="EE20" s="112">
        <v>0</v>
      </c>
      <c r="EF20" s="113">
        <v>0</v>
      </c>
      <c r="EG20" s="110">
        <v>0</v>
      </c>
      <c r="EH20" s="114">
        <v>0</v>
      </c>
      <c r="EI20" s="114">
        <v>0</v>
      </c>
      <c r="EJ20" s="114">
        <v>0</v>
      </c>
      <c r="EK20" s="114">
        <v>0</v>
      </c>
      <c r="EL20" s="114">
        <v>0</v>
      </c>
      <c r="EM20" s="112">
        <v>0</v>
      </c>
      <c r="EN20" s="116">
        <v>0</v>
      </c>
      <c r="EO20" s="110">
        <v>0</v>
      </c>
      <c r="EP20" s="114">
        <v>0</v>
      </c>
      <c r="EQ20" s="112">
        <v>0</v>
      </c>
      <c r="ER20" s="111">
        <v>0</v>
      </c>
      <c r="ES20" s="114">
        <v>0</v>
      </c>
      <c r="ET20" s="114">
        <v>0</v>
      </c>
      <c r="EU20" s="114">
        <v>0</v>
      </c>
      <c r="EV20" s="114">
        <v>0</v>
      </c>
      <c r="EW20" s="114">
        <v>0</v>
      </c>
      <c r="EX20" s="113">
        <v>0</v>
      </c>
      <c r="EY20" s="116">
        <v>0</v>
      </c>
      <c r="EZ20" s="110">
        <v>0</v>
      </c>
      <c r="FA20" s="114">
        <v>0</v>
      </c>
      <c r="FB20" s="112">
        <v>0</v>
      </c>
      <c r="FC20" s="348"/>
      <c r="FD20" s="114">
        <v>0</v>
      </c>
      <c r="FE20" s="114">
        <v>0</v>
      </c>
      <c r="FF20" s="114">
        <v>0</v>
      </c>
      <c r="FG20" s="114">
        <v>0</v>
      </c>
      <c r="FH20" s="114">
        <v>0</v>
      </c>
      <c r="FI20" s="113">
        <v>0</v>
      </c>
      <c r="FJ20" s="116">
        <v>0</v>
      </c>
      <c r="FK20" s="110">
        <v>1600</v>
      </c>
      <c r="FL20" s="114">
        <v>38000</v>
      </c>
      <c r="FM20" s="113">
        <v>39600</v>
      </c>
      <c r="FN20" s="110">
        <v>0</v>
      </c>
      <c r="FO20" s="114">
        <v>20640</v>
      </c>
      <c r="FP20" s="114">
        <v>344152</v>
      </c>
      <c r="FQ20" s="114">
        <v>95360</v>
      </c>
      <c r="FR20" s="114">
        <v>163080</v>
      </c>
      <c r="FS20" s="114">
        <v>80168</v>
      </c>
      <c r="FT20" s="113">
        <v>703400</v>
      </c>
      <c r="FU20" s="116">
        <v>743000</v>
      </c>
      <c r="FV20" s="115">
        <v>1600</v>
      </c>
      <c r="FW20" s="114">
        <v>38000</v>
      </c>
      <c r="FX20" s="112">
        <v>39600</v>
      </c>
      <c r="FY20" s="111">
        <v>0</v>
      </c>
      <c r="FZ20" s="114">
        <v>20640</v>
      </c>
      <c r="GA20" s="114">
        <v>184712</v>
      </c>
      <c r="GB20" s="114">
        <v>74400</v>
      </c>
      <c r="GC20" s="114">
        <v>163080</v>
      </c>
      <c r="GD20" s="114">
        <v>80168</v>
      </c>
      <c r="GE20" s="113">
        <v>523000</v>
      </c>
      <c r="GF20" s="319">
        <v>562600</v>
      </c>
      <c r="GG20" s="115">
        <v>0</v>
      </c>
      <c r="GH20" s="114">
        <v>0</v>
      </c>
      <c r="GI20" s="112">
        <v>0</v>
      </c>
      <c r="GJ20" s="111">
        <v>0</v>
      </c>
      <c r="GK20" s="114">
        <v>0</v>
      </c>
      <c r="GL20" s="114">
        <v>0</v>
      </c>
      <c r="GM20" s="114">
        <v>0</v>
      </c>
      <c r="GN20" s="114">
        <v>0</v>
      </c>
      <c r="GO20" s="114">
        <v>0</v>
      </c>
      <c r="GP20" s="113">
        <v>0</v>
      </c>
      <c r="GQ20" s="116">
        <v>0</v>
      </c>
      <c r="GR20" s="110">
        <v>0</v>
      </c>
      <c r="GS20" s="114">
        <v>0</v>
      </c>
      <c r="GT20" s="113">
        <v>0</v>
      </c>
      <c r="GU20" s="110">
        <v>0</v>
      </c>
      <c r="GV20" s="114">
        <v>0</v>
      </c>
      <c r="GW20" s="114">
        <v>159440</v>
      </c>
      <c r="GX20" s="114">
        <v>20960</v>
      </c>
      <c r="GY20" s="114">
        <v>0</v>
      </c>
      <c r="GZ20" s="114">
        <v>0</v>
      </c>
      <c r="HA20" s="112">
        <v>180400</v>
      </c>
      <c r="HB20" s="116">
        <v>180400</v>
      </c>
      <c r="HC20" s="110">
        <v>162138</v>
      </c>
      <c r="HD20" s="114">
        <v>192022</v>
      </c>
      <c r="HE20" s="112">
        <v>354160</v>
      </c>
      <c r="HF20" s="111">
        <v>0</v>
      </c>
      <c r="HG20" s="114">
        <v>771239</v>
      </c>
      <c r="HH20" s="114">
        <v>537004</v>
      </c>
      <c r="HI20" s="114">
        <v>989181</v>
      </c>
      <c r="HJ20" s="114">
        <v>221528</v>
      </c>
      <c r="HK20" s="114">
        <v>230228</v>
      </c>
      <c r="HL20" s="113">
        <v>2749180</v>
      </c>
      <c r="HM20" s="109">
        <v>3103340</v>
      </c>
      <c r="HN20" s="329"/>
      <c r="HO20" s="330"/>
      <c r="HP20" s="331"/>
      <c r="HQ20" s="332"/>
      <c r="HR20" s="330"/>
      <c r="HS20" s="330"/>
      <c r="HT20" s="330"/>
      <c r="HU20" s="330"/>
      <c r="HV20" s="330"/>
      <c r="HW20" s="333"/>
      <c r="HX20" s="334"/>
      <c r="HY20" s="150">
        <v>0</v>
      </c>
      <c r="HZ20" s="135">
        <v>0</v>
      </c>
      <c r="IA20" s="150">
        <v>0</v>
      </c>
      <c r="IB20" s="134">
        <v>0</v>
      </c>
      <c r="IC20" s="135">
        <v>633488</v>
      </c>
      <c r="ID20" s="136">
        <v>1603478</v>
      </c>
      <c r="IE20" s="137">
        <v>229890</v>
      </c>
      <c r="IF20" s="135">
        <v>900787</v>
      </c>
      <c r="IG20" s="137">
        <v>170535</v>
      </c>
      <c r="IH20" s="138">
        <v>3538178</v>
      </c>
      <c r="II20" s="150">
        <v>3538178</v>
      </c>
      <c r="IJ20" s="232">
        <v>0</v>
      </c>
      <c r="IK20" s="236">
        <v>0</v>
      </c>
      <c r="IL20" s="237">
        <v>0</v>
      </c>
      <c r="IM20" s="140"/>
      <c r="IN20" s="119">
        <v>0</v>
      </c>
      <c r="IO20" s="119">
        <v>0</v>
      </c>
      <c r="IP20" s="119">
        <v>0</v>
      </c>
      <c r="IQ20" s="119">
        <v>79100</v>
      </c>
      <c r="IR20" s="119">
        <v>39220</v>
      </c>
      <c r="IS20" s="141">
        <v>118320</v>
      </c>
      <c r="IT20" s="321">
        <v>118320</v>
      </c>
      <c r="IU20" s="142">
        <v>0</v>
      </c>
      <c r="IV20" s="119">
        <v>0</v>
      </c>
      <c r="IW20" s="120">
        <v>0</v>
      </c>
      <c r="IX20" s="144"/>
      <c r="IY20" s="119">
        <v>0</v>
      </c>
      <c r="IZ20" s="119">
        <v>0</v>
      </c>
      <c r="JA20" s="119">
        <v>0</v>
      </c>
      <c r="JB20" s="119">
        <v>0</v>
      </c>
      <c r="JC20" s="119">
        <v>0</v>
      </c>
      <c r="JD20" s="120">
        <v>0</v>
      </c>
      <c r="JE20" s="121">
        <v>0</v>
      </c>
      <c r="JF20" s="142">
        <v>0</v>
      </c>
      <c r="JG20" s="119">
        <v>0</v>
      </c>
      <c r="JH20" s="141">
        <v>0</v>
      </c>
      <c r="JI20" s="118">
        <v>0</v>
      </c>
      <c r="JJ20" s="119">
        <v>182473</v>
      </c>
      <c r="JK20" s="119">
        <v>444459</v>
      </c>
      <c r="JL20" s="119">
        <v>229890</v>
      </c>
      <c r="JM20" s="119">
        <v>71610</v>
      </c>
      <c r="JN20" s="119">
        <v>131315</v>
      </c>
      <c r="JO20" s="120">
        <v>1059747</v>
      </c>
      <c r="JP20" s="321">
        <v>1059747</v>
      </c>
      <c r="JQ20" s="142">
        <v>0</v>
      </c>
      <c r="JR20" s="119">
        <v>0</v>
      </c>
      <c r="JS20" s="141">
        <v>0</v>
      </c>
      <c r="JT20" s="118">
        <v>0</v>
      </c>
      <c r="JU20" s="119">
        <v>0</v>
      </c>
      <c r="JV20" s="119">
        <v>64715</v>
      </c>
      <c r="JW20" s="119">
        <v>0</v>
      </c>
      <c r="JX20" s="119">
        <v>0</v>
      </c>
      <c r="JY20" s="119">
        <v>0</v>
      </c>
      <c r="JZ20" s="120">
        <v>64715</v>
      </c>
      <c r="KA20" s="321">
        <v>64715</v>
      </c>
      <c r="KB20" s="234">
        <v>0</v>
      </c>
      <c r="KC20" s="230">
        <v>0</v>
      </c>
      <c r="KD20" s="120">
        <v>0</v>
      </c>
      <c r="KE20" s="118">
        <v>0</v>
      </c>
      <c r="KF20" s="119">
        <v>0</v>
      </c>
      <c r="KG20" s="119">
        <v>621352</v>
      </c>
      <c r="KH20" s="119">
        <v>0</v>
      </c>
      <c r="KI20" s="119">
        <v>499301</v>
      </c>
      <c r="KJ20" s="119">
        <v>0</v>
      </c>
      <c r="KK20" s="120">
        <v>1120653</v>
      </c>
      <c r="KL20" s="143">
        <v>1120653</v>
      </c>
      <c r="KM20" s="232">
        <v>0</v>
      </c>
      <c r="KN20" s="236">
        <v>0</v>
      </c>
      <c r="KO20" s="237">
        <v>0</v>
      </c>
      <c r="KP20" s="140"/>
      <c r="KQ20" s="119">
        <v>451015</v>
      </c>
      <c r="KR20" s="119">
        <v>472952</v>
      </c>
      <c r="KS20" s="119">
        <v>0</v>
      </c>
      <c r="KT20" s="119">
        <v>250776</v>
      </c>
      <c r="KU20" s="119">
        <v>0</v>
      </c>
      <c r="KV20" s="120">
        <v>1174743</v>
      </c>
      <c r="KW20" s="321">
        <v>1174743</v>
      </c>
      <c r="KX20" s="142">
        <v>0</v>
      </c>
      <c r="KY20" s="119">
        <v>0</v>
      </c>
      <c r="KZ20" s="120">
        <v>0</v>
      </c>
      <c r="LA20" s="145"/>
      <c r="LB20" s="119">
        <v>0</v>
      </c>
      <c r="LC20" s="119">
        <v>0</v>
      </c>
      <c r="LD20" s="119">
        <v>0</v>
      </c>
      <c r="LE20" s="119">
        <v>0</v>
      </c>
      <c r="LF20" s="119">
        <v>0</v>
      </c>
      <c r="LG20" s="120">
        <v>0</v>
      </c>
      <c r="LH20" s="121">
        <v>0</v>
      </c>
      <c r="LI20" s="142">
        <v>0</v>
      </c>
      <c r="LJ20" s="119">
        <v>0</v>
      </c>
      <c r="LK20" s="120">
        <v>0</v>
      </c>
      <c r="LL20" s="145"/>
      <c r="LM20" s="119">
        <v>0</v>
      </c>
      <c r="LN20" s="119">
        <v>0</v>
      </c>
      <c r="LO20" s="119">
        <v>0</v>
      </c>
      <c r="LP20" s="119">
        <v>0</v>
      </c>
      <c r="LQ20" s="119">
        <v>0</v>
      </c>
      <c r="LR20" s="120">
        <v>0</v>
      </c>
      <c r="LS20" s="321">
        <v>0</v>
      </c>
      <c r="LT20" s="142">
        <v>0</v>
      </c>
      <c r="LU20" s="119">
        <v>0</v>
      </c>
      <c r="LV20" s="120">
        <v>0</v>
      </c>
      <c r="LW20" s="145"/>
      <c r="LX20" s="119">
        <v>0</v>
      </c>
      <c r="LY20" s="119">
        <v>0</v>
      </c>
      <c r="LZ20" s="119">
        <v>0</v>
      </c>
      <c r="MA20" s="119">
        <v>0</v>
      </c>
      <c r="MB20" s="119">
        <v>0</v>
      </c>
      <c r="MC20" s="120">
        <v>0</v>
      </c>
      <c r="MD20" s="121">
        <v>0</v>
      </c>
      <c r="ME20" s="142">
        <v>0</v>
      </c>
      <c r="MF20" s="119">
        <v>0</v>
      </c>
      <c r="MG20" s="120">
        <v>0</v>
      </c>
      <c r="MH20" s="145"/>
      <c r="MI20" s="119">
        <v>477364</v>
      </c>
      <c r="MJ20" s="119">
        <v>392918</v>
      </c>
      <c r="MK20" s="119">
        <v>1006292</v>
      </c>
      <c r="ML20" s="119">
        <v>1317024</v>
      </c>
      <c r="MM20" s="119">
        <v>593161</v>
      </c>
      <c r="MN20" s="120">
        <v>3786759</v>
      </c>
      <c r="MO20" s="143">
        <v>3786759</v>
      </c>
      <c r="MP20" s="142">
        <v>0</v>
      </c>
      <c r="MQ20" s="119">
        <v>0</v>
      </c>
      <c r="MR20" s="120">
        <v>0</v>
      </c>
      <c r="MS20" s="145"/>
      <c r="MT20" s="119">
        <v>0</v>
      </c>
      <c r="MU20" s="119">
        <v>0</v>
      </c>
      <c r="MV20" s="119">
        <v>728460</v>
      </c>
      <c r="MW20" s="119">
        <v>476232</v>
      </c>
      <c r="MX20" s="119">
        <v>0</v>
      </c>
      <c r="MY20" s="120">
        <v>1204692</v>
      </c>
      <c r="MZ20" s="143">
        <v>1204692</v>
      </c>
      <c r="NA20" s="142">
        <v>0</v>
      </c>
      <c r="NB20" s="119">
        <v>0</v>
      </c>
      <c r="NC20" s="120">
        <v>0</v>
      </c>
      <c r="ND20" s="145"/>
      <c r="NE20" s="119">
        <v>477364</v>
      </c>
      <c r="NF20" s="119">
        <v>392918</v>
      </c>
      <c r="NG20" s="119">
        <v>277832</v>
      </c>
      <c r="NH20" s="119">
        <v>840792</v>
      </c>
      <c r="NI20" s="119">
        <v>593161</v>
      </c>
      <c r="NJ20" s="120">
        <v>2582067</v>
      </c>
      <c r="NK20" s="321">
        <v>2582067</v>
      </c>
      <c r="NL20" s="142">
        <v>0</v>
      </c>
      <c r="NM20" s="119">
        <v>0</v>
      </c>
      <c r="NN20" s="120">
        <v>0</v>
      </c>
      <c r="NO20" s="145"/>
      <c r="NP20" s="119">
        <v>0</v>
      </c>
      <c r="NQ20" s="119">
        <v>0</v>
      </c>
      <c r="NR20" s="119">
        <v>0</v>
      </c>
      <c r="NS20" s="119">
        <v>0</v>
      </c>
      <c r="NT20" s="119">
        <v>0</v>
      </c>
      <c r="NU20" s="120">
        <v>0</v>
      </c>
      <c r="NV20" s="121">
        <v>0</v>
      </c>
      <c r="NW20" s="142">
        <v>0</v>
      </c>
      <c r="NX20" s="119">
        <v>0</v>
      </c>
      <c r="NY20" s="120">
        <v>0</v>
      </c>
      <c r="NZ20" s="145"/>
      <c r="OA20" s="119">
        <v>0</v>
      </c>
      <c r="OB20" s="119">
        <v>0</v>
      </c>
      <c r="OC20" s="119">
        <v>0</v>
      </c>
      <c r="OD20" s="119">
        <v>0</v>
      </c>
      <c r="OE20" s="119">
        <v>0</v>
      </c>
      <c r="OF20" s="120">
        <v>0</v>
      </c>
      <c r="OG20" s="121">
        <v>0</v>
      </c>
      <c r="OH20" s="142">
        <v>189184</v>
      </c>
      <c r="OI20" s="119">
        <v>230022</v>
      </c>
      <c r="OJ20" s="141">
        <v>419206</v>
      </c>
      <c r="OK20" s="118">
        <v>0</v>
      </c>
      <c r="OL20" s="119">
        <v>2309862</v>
      </c>
      <c r="OM20" s="119">
        <v>3995582</v>
      </c>
      <c r="ON20" s="119">
        <v>3945463</v>
      </c>
      <c r="OO20" s="119">
        <v>3451179</v>
      </c>
      <c r="OP20" s="119">
        <v>1413736</v>
      </c>
      <c r="OQ20" s="120">
        <v>15115822</v>
      </c>
      <c r="OR20" s="143">
        <v>15535028</v>
      </c>
    </row>
    <row r="21" spans="1:408" ht="20.25" customHeight="1" x14ac:dyDescent="0.2">
      <c r="A21" s="126" t="s">
        <v>16</v>
      </c>
      <c r="B21" s="110">
        <v>303750</v>
      </c>
      <c r="C21" s="114">
        <v>608807</v>
      </c>
      <c r="D21" s="113">
        <v>912557</v>
      </c>
      <c r="E21" s="109">
        <v>0</v>
      </c>
      <c r="F21" s="114">
        <v>4396240</v>
      </c>
      <c r="G21" s="114">
        <v>6778420</v>
      </c>
      <c r="H21" s="114">
        <v>5916993</v>
      </c>
      <c r="I21" s="114">
        <v>6709973</v>
      </c>
      <c r="J21" s="114">
        <v>3632505</v>
      </c>
      <c r="K21" s="109">
        <v>27434131</v>
      </c>
      <c r="L21" s="116">
        <v>28346688</v>
      </c>
      <c r="M21" s="110">
        <v>49740</v>
      </c>
      <c r="N21" s="114">
        <v>123174</v>
      </c>
      <c r="O21" s="113">
        <v>172914</v>
      </c>
      <c r="P21" s="110">
        <v>0</v>
      </c>
      <c r="Q21" s="114">
        <v>762369</v>
      </c>
      <c r="R21" s="114">
        <v>1337937</v>
      </c>
      <c r="S21" s="114">
        <v>1183826</v>
      </c>
      <c r="T21" s="114">
        <v>1559514</v>
      </c>
      <c r="U21" s="114">
        <v>1121274</v>
      </c>
      <c r="V21" s="113">
        <v>5964920</v>
      </c>
      <c r="W21" s="116">
        <v>6137834</v>
      </c>
      <c r="X21" s="110">
        <v>0</v>
      </c>
      <c r="Y21" s="114">
        <v>0</v>
      </c>
      <c r="Z21" s="113">
        <v>0</v>
      </c>
      <c r="AA21" s="110">
        <v>0</v>
      </c>
      <c r="AB21" s="114">
        <v>183077</v>
      </c>
      <c r="AC21" s="114">
        <v>301234</v>
      </c>
      <c r="AD21" s="114">
        <v>371371</v>
      </c>
      <c r="AE21" s="114">
        <v>797057</v>
      </c>
      <c r="AF21" s="114">
        <v>344716</v>
      </c>
      <c r="AG21" s="113">
        <v>1997455</v>
      </c>
      <c r="AH21" s="116">
        <v>1997455</v>
      </c>
      <c r="AI21" s="110">
        <v>0</v>
      </c>
      <c r="AJ21" s="114">
        <v>0</v>
      </c>
      <c r="AK21" s="113">
        <v>0</v>
      </c>
      <c r="AL21" s="110">
        <v>0</v>
      </c>
      <c r="AM21" s="114">
        <v>0</v>
      </c>
      <c r="AN21" s="114">
        <v>24332</v>
      </c>
      <c r="AO21" s="114">
        <v>0</v>
      </c>
      <c r="AP21" s="114">
        <v>0</v>
      </c>
      <c r="AQ21" s="114">
        <v>196688</v>
      </c>
      <c r="AR21" s="113">
        <v>221020</v>
      </c>
      <c r="AS21" s="116">
        <v>221020</v>
      </c>
      <c r="AT21" s="110">
        <v>31660</v>
      </c>
      <c r="AU21" s="114">
        <v>111190</v>
      </c>
      <c r="AV21" s="113">
        <v>142850</v>
      </c>
      <c r="AW21" s="110">
        <v>0</v>
      </c>
      <c r="AX21" s="114">
        <v>369316</v>
      </c>
      <c r="AY21" s="114">
        <v>808251</v>
      </c>
      <c r="AZ21" s="114">
        <v>494159</v>
      </c>
      <c r="BA21" s="114">
        <v>380017</v>
      </c>
      <c r="BB21" s="114">
        <v>419714</v>
      </c>
      <c r="BC21" s="113">
        <v>2471457</v>
      </c>
      <c r="BD21" s="116">
        <v>2614307</v>
      </c>
      <c r="BE21" s="110">
        <v>0</v>
      </c>
      <c r="BF21" s="114">
        <v>0</v>
      </c>
      <c r="BG21" s="112">
        <v>0</v>
      </c>
      <c r="BH21" s="111">
        <v>0</v>
      </c>
      <c r="BI21" s="114">
        <v>0</v>
      </c>
      <c r="BJ21" s="114">
        <v>15800</v>
      </c>
      <c r="BK21" s="114">
        <v>76416</v>
      </c>
      <c r="BL21" s="114">
        <v>0</v>
      </c>
      <c r="BM21" s="114">
        <v>23700</v>
      </c>
      <c r="BN21" s="113">
        <v>115916</v>
      </c>
      <c r="BO21" s="116">
        <v>115916</v>
      </c>
      <c r="BP21" s="110">
        <v>18080</v>
      </c>
      <c r="BQ21" s="114">
        <v>11984</v>
      </c>
      <c r="BR21" s="113">
        <v>30064</v>
      </c>
      <c r="BS21" s="110">
        <v>0</v>
      </c>
      <c r="BT21" s="114">
        <v>209976</v>
      </c>
      <c r="BU21" s="114">
        <v>188320</v>
      </c>
      <c r="BV21" s="114">
        <v>241880</v>
      </c>
      <c r="BW21" s="114">
        <v>382440</v>
      </c>
      <c r="BX21" s="114">
        <v>136456</v>
      </c>
      <c r="BY21" s="113">
        <v>1159072</v>
      </c>
      <c r="BZ21" s="116">
        <v>1189136</v>
      </c>
      <c r="CA21" s="110">
        <v>42641</v>
      </c>
      <c r="CB21" s="114">
        <v>148459</v>
      </c>
      <c r="CC21" s="113">
        <v>191100</v>
      </c>
      <c r="CD21" s="110">
        <v>0</v>
      </c>
      <c r="CE21" s="114">
        <v>1651558</v>
      </c>
      <c r="CF21" s="114">
        <v>2788760</v>
      </c>
      <c r="CG21" s="114">
        <v>1737531</v>
      </c>
      <c r="CH21" s="114">
        <v>1865992</v>
      </c>
      <c r="CI21" s="114">
        <v>272550</v>
      </c>
      <c r="CJ21" s="113">
        <v>8316391</v>
      </c>
      <c r="CK21" s="116">
        <v>8507491</v>
      </c>
      <c r="CL21" s="110">
        <v>0</v>
      </c>
      <c r="CM21" s="114">
        <v>0</v>
      </c>
      <c r="CN21" s="113">
        <v>0</v>
      </c>
      <c r="CO21" s="111">
        <v>0</v>
      </c>
      <c r="CP21" s="114">
        <v>906668</v>
      </c>
      <c r="CQ21" s="114">
        <v>1229702</v>
      </c>
      <c r="CR21" s="114">
        <v>1174569</v>
      </c>
      <c r="CS21" s="114">
        <v>1452168</v>
      </c>
      <c r="CT21" s="114">
        <v>229487</v>
      </c>
      <c r="CU21" s="113">
        <v>4992594</v>
      </c>
      <c r="CV21" s="116">
        <v>4992594</v>
      </c>
      <c r="CW21" s="110">
        <v>42641</v>
      </c>
      <c r="CX21" s="114">
        <v>148459</v>
      </c>
      <c r="CY21" s="113">
        <v>191100</v>
      </c>
      <c r="CZ21" s="110">
        <v>0</v>
      </c>
      <c r="DA21" s="114">
        <v>744890</v>
      </c>
      <c r="DB21" s="114">
        <v>1559058</v>
      </c>
      <c r="DC21" s="114">
        <v>562962</v>
      </c>
      <c r="DD21" s="114">
        <v>413824</v>
      </c>
      <c r="DE21" s="114">
        <v>43063</v>
      </c>
      <c r="DF21" s="113">
        <v>3323797</v>
      </c>
      <c r="DG21" s="116">
        <v>3514897</v>
      </c>
      <c r="DH21" s="110">
        <v>0</v>
      </c>
      <c r="DI21" s="114">
        <v>27665</v>
      </c>
      <c r="DJ21" s="112">
        <v>27665</v>
      </c>
      <c r="DK21" s="111">
        <v>0</v>
      </c>
      <c r="DL21" s="114">
        <v>171525</v>
      </c>
      <c r="DM21" s="114">
        <v>538080</v>
      </c>
      <c r="DN21" s="114">
        <v>286196</v>
      </c>
      <c r="DO21" s="114">
        <v>97513</v>
      </c>
      <c r="DP21" s="114">
        <v>0</v>
      </c>
      <c r="DQ21" s="113">
        <v>1093314</v>
      </c>
      <c r="DR21" s="116">
        <v>1120979</v>
      </c>
      <c r="DS21" s="110">
        <v>0</v>
      </c>
      <c r="DT21" s="114">
        <v>27665</v>
      </c>
      <c r="DU21" s="113">
        <v>27665</v>
      </c>
      <c r="DV21" s="110">
        <v>0</v>
      </c>
      <c r="DW21" s="114">
        <v>171525</v>
      </c>
      <c r="DX21" s="114">
        <v>538080</v>
      </c>
      <c r="DY21" s="114">
        <v>286196</v>
      </c>
      <c r="DZ21" s="114">
        <v>64337</v>
      </c>
      <c r="EA21" s="114">
        <v>0</v>
      </c>
      <c r="EB21" s="113">
        <v>1060138</v>
      </c>
      <c r="EC21" s="116">
        <v>1087803</v>
      </c>
      <c r="ED21" s="110">
        <v>0</v>
      </c>
      <c r="EE21" s="112">
        <v>0</v>
      </c>
      <c r="EF21" s="113">
        <v>0</v>
      </c>
      <c r="EG21" s="110">
        <v>0</v>
      </c>
      <c r="EH21" s="114">
        <v>0</v>
      </c>
      <c r="EI21" s="114">
        <v>0</v>
      </c>
      <c r="EJ21" s="114">
        <v>0</v>
      </c>
      <c r="EK21" s="114">
        <v>33176</v>
      </c>
      <c r="EL21" s="114">
        <v>0</v>
      </c>
      <c r="EM21" s="112">
        <v>33176</v>
      </c>
      <c r="EN21" s="116">
        <v>33176</v>
      </c>
      <c r="EO21" s="110">
        <v>0</v>
      </c>
      <c r="EP21" s="114">
        <v>0</v>
      </c>
      <c r="EQ21" s="112">
        <v>0</v>
      </c>
      <c r="ER21" s="111">
        <v>0</v>
      </c>
      <c r="ES21" s="114">
        <v>0</v>
      </c>
      <c r="ET21" s="114">
        <v>0</v>
      </c>
      <c r="EU21" s="114">
        <v>0</v>
      </c>
      <c r="EV21" s="114">
        <v>0</v>
      </c>
      <c r="EW21" s="114">
        <v>0</v>
      </c>
      <c r="EX21" s="113">
        <v>0</v>
      </c>
      <c r="EY21" s="116">
        <v>0</v>
      </c>
      <c r="EZ21" s="110">
        <v>0</v>
      </c>
      <c r="FA21" s="114">
        <v>0</v>
      </c>
      <c r="FB21" s="112">
        <v>0</v>
      </c>
      <c r="FC21" s="348"/>
      <c r="FD21" s="114">
        <v>0</v>
      </c>
      <c r="FE21" s="114">
        <v>0</v>
      </c>
      <c r="FF21" s="114">
        <v>0</v>
      </c>
      <c r="FG21" s="114">
        <v>0</v>
      </c>
      <c r="FH21" s="114">
        <v>0</v>
      </c>
      <c r="FI21" s="113">
        <v>0</v>
      </c>
      <c r="FJ21" s="116">
        <v>0</v>
      </c>
      <c r="FK21" s="110">
        <v>104175</v>
      </c>
      <c r="FL21" s="114">
        <v>43920</v>
      </c>
      <c r="FM21" s="113">
        <v>148095</v>
      </c>
      <c r="FN21" s="110">
        <v>0</v>
      </c>
      <c r="FO21" s="114">
        <v>131440</v>
      </c>
      <c r="FP21" s="114">
        <v>713372</v>
      </c>
      <c r="FQ21" s="114">
        <v>394488</v>
      </c>
      <c r="FR21" s="114">
        <v>499888</v>
      </c>
      <c r="FS21" s="114">
        <v>170608</v>
      </c>
      <c r="FT21" s="113">
        <v>1909796</v>
      </c>
      <c r="FU21" s="116">
        <v>2057891</v>
      </c>
      <c r="FV21" s="115">
        <v>71240</v>
      </c>
      <c r="FW21" s="114">
        <v>43920</v>
      </c>
      <c r="FX21" s="112">
        <v>115160</v>
      </c>
      <c r="FY21" s="111">
        <v>0</v>
      </c>
      <c r="FZ21" s="114">
        <v>117840</v>
      </c>
      <c r="GA21" s="114">
        <v>579552</v>
      </c>
      <c r="GB21" s="114">
        <v>350136</v>
      </c>
      <c r="GC21" s="114">
        <v>321672</v>
      </c>
      <c r="GD21" s="114">
        <v>170608</v>
      </c>
      <c r="GE21" s="113">
        <v>1539808</v>
      </c>
      <c r="GF21" s="319">
        <v>1654968</v>
      </c>
      <c r="GG21" s="115">
        <v>0</v>
      </c>
      <c r="GH21" s="114">
        <v>0</v>
      </c>
      <c r="GI21" s="112">
        <v>0</v>
      </c>
      <c r="GJ21" s="111">
        <v>0</v>
      </c>
      <c r="GK21" s="114">
        <v>0</v>
      </c>
      <c r="GL21" s="114">
        <v>0</v>
      </c>
      <c r="GM21" s="114">
        <v>44352</v>
      </c>
      <c r="GN21" s="114">
        <v>18216</v>
      </c>
      <c r="GO21" s="114">
        <v>0</v>
      </c>
      <c r="GP21" s="113">
        <v>62568</v>
      </c>
      <c r="GQ21" s="116">
        <v>62568</v>
      </c>
      <c r="GR21" s="110">
        <v>32935</v>
      </c>
      <c r="GS21" s="114">
        <v>0</v>
      </c>
      <c r="GT21" s="113">
        <v>32935</v>
      </c>
      <c r="GU21" s="110">
        <v>0</v>
      </c>
      <c r="GV21" s="114">
        <v>13600</v>
      </c>
      <c r="GW21" s="114">
        <v>133820</v>
      </c>
      <c r="GX21" s="114">
        <v>0</v>
      </c>
      <c r="GY21" s="114">
        <v>160000</v>
      </c>
      <c r="GZ21" s="114">
        <v>0</v>
      </c>
      <c r="HA21" s="112">
        <v>307420</v>
      </c>
      <c r="HB21" s="116">
        <v>340355</v>
      </c>
      <c r="HC21" s="110">
        <v>107194</v>
      </c>
      <c r="HD21" s="114">
        <v>265589</v>
      </c>
      <c r="HE21" s="112">
        <v>372783</v>
      </c>
      <c r="HF21" s="111">
        <v>0</v>
      </c>
      <c r="HG21" s="114">
        <v>1679348</v>
      </c>
      <c r="HH21" s="114">
        <v>1400271</v>
      </c>
      <c r="HI21" s="114">
        <v>2314952</v>
      </c>
      <c r="HJ21" s="114">
        <v>2687066</v>
      </c>
      <c r="HK21" s="114">
        <v>2068073</v>
      </c>
      <c r="HL21" s="113">
        <v>10149710</v>
      </c>
      <c r="HM21" s="109">
        <v>10522493</v>
      </c>
      <c r="HN21" s="329"/>
      <c r="HO21" s="330"/>
      <c r="HP21" s="331"/>
      <c r="HQ21" s="332"/>
      <c r="HR21" s="330"/>
      <c r="HS21" s="330"/>
      <c r="HT21" s="330"/>
      <c r="HU21" s="330"/>
      <c r="HV21" s="330"/>
      <c r="HW21" s="333"/>
      <c r="HX21" s="334"/>
      <c r="HY21" s="131">
        <v>0</v>
      </c>
      <c r="HZ21" s="132">
        <v>0</v>
      </c>
      <c r="IA21" s="133">
        <v>0</v>
      </c>
      <c r="IB21" s="146">
        <v>0</v>
      </c>
      <c r="IC21" s="132">
        <v>653755</v>
      </c>
      <c r="ID21" s="147">
        <v>1821741</v>
      </c>
      <c r="IE21" s="133">
        <v>1822405</v>
      </c>
      <c r="IF21" s="132">
        <v>613083</v>
      </c>
      <c r="IG21" s="133">
        <v>914346</v>
      </c>
      <c r="IH21" s="148">
        <v>5825330</v>
      </c>
      <c r="II21" s="139">
        <v>5825330</v>
      </c>
      <c r="IJ21" s="232">
        <v>0</v>
      </c>
      <c r="IK21" s="236">
        <v>0</v>
      </c>
      <c r="IL21" s="237">
        <v>0</v>
      </c>
      <c r="IM21" s="140"/>
      <c r="IN21" s="119">
        <v>0</v>
      </c>
      <c r="IO21" s="119">
        <v>208048</v>
      </c>
      <c r="IP21" s="119">
        <v>322600</v>
      </c>
      <c r="IQ21" s="119">
        <v>261932</v>
      </c>
      <c r="IR21" s="119">
        <v>259007</v>
      </c>
      <c r="IS21" s="141">
        <v>1051587</v>
      </c>
      <c r="IT21" s="321">
        <v>1051587</v>
      </c>
      <c r="IU21" s="142">
        <v>0</v>
      </c>
      <c r="IV21" s="119">
        <v>0</v>
      </c>
      <c r="IW21" s="120">
        <v>0</v>
      </c>
      <c r="IX21" s="144"/>
      <c r="IY21" s="119">
        <v>0</v>
      </c>
      <c r="IZ21" s="119">
        <v>0</v>
      </c>
      <c r="JA21" s="119">
        <v>0</v>
      </c>
      <c r="JB21" s="119">
        <v>0</v>
      </c>
      <c r="JC21" s="119">
        <v>0</v>
      </c>
      <c r="JD21" s="120">
        <v>0</v>
      </c>
      <c r="JE21" s="121">
        <v>0</v>
      </c>
      <c r="JF21" s="142">
        <v>0</v>
      </c>
      <c r="JG21" s="119">
        <v>0</v>
      </c>
      <c r="JH21" s="141">
        <v>0</v>
      </c>
      <c r="JI21" s="118">
        <v>0</v>
      </c>
      <c r="JJ21" s="119">
        <v>222836</v>
      </c>
      <c r="JK21" s="119">
        <v>575200</v>
      </c>
      <c r="JL21" s="119">
        <v>85158</v>
      </c>
      <c r="JM21" s="119">
        <v>98427</v>
      </c>
      <c r="JN21" s="119">
        <v>142424</v>
      </c>
      <c r="JO21" s="120">
        <v>1124045</v>
      </c>
      <c r="JP21" s="321">
        <v>1124045</v>
      </c>
      <c r="JQ21" s="142">
        <v>0</v>
      </c>
      <c r="JR21" s="119">
        <v>0</v>
      </c>
      <c r="JS21" s="141">
        <v>0</v>
      </c>
      <c r="JT21" s="118">
        <v>0</v>
      </c>
      <c r="JU21" s="119">
        <v>202087</v>
      </c>
      <c r="JV21" s="119">
        <v>0</v>
      </c>
      <c r="JW21" s="119">
        <v>209069</v>
      </c>
      <c r="JX21" s="119">
        <v>0</v>
      </c>
      <c r="JY21" s="119">
        <v>0</v>
      </c>
      <c r="JZ21" s="120">
        <v>411156</v>
      </c>
      <c r="KA21" s="321">
        <v>411156</v>
      </c>
      <c r="KB21" s="234">
        <v>0</v>
      </c>
      <c r="KC21" s="230">
        <v>0</v>
      </c>
      <c r="KD21" s="120">
        <v>0</v>
      </c>
      <c r="KE21" s="118">
        <v>0</v>
      </c>
      <c r="KF21" s="119">
        <v>0</v>
      </c>
      <c r="KG21" s="119">
        <v>150222</v>
      </c>
      <c r="KH21" s="119">
        <v>483294</v>
      </c>
      <c r="KI21" s="119">
        <v>0</v>
      </c>
      <c r="KJ21" s="119">
        <v>0</v>
      </c>
      <c r="KK21" s="120">
        <v>633516</v>
      </c>
      <c r="KL21" s="143">
        <v>633516</v>
      </c>
      <c r="KM21" s="232">
        <v>0</v>
      </c>
      <c r="KN21" s="236">
        <v>0</v>
      </c>
      <c r="KO21" s="237">
        <v>0</v>
      </c>
      <c r="KP21" s="140"/>
      <c r="KQ21" s="119">
        <v>228832</v>
      </c>
      <c r="KR21" s="119">
        <v>719513</v>
      </c>
      <c r="KS21" s="119">
        <v>485893</v>
      </c>
      <c r="KT21" s="119">
        <v>252724</v>
      </c>
      <c r="KU21" s="119">
        <v>512915</v>
      </c>
      <c r="KV21" s="120">
        <v>2199877</v>
      </c>
      <c r="KW21" s="321">
        <v>2199877</v>
      </c>
      <c r="KX21" s="142">
        <v>0</v>
      </c>
      <c r="KY21" s="119">
        <v>0</v>
      </c>
      <c r="KZ21" s="120">
        <v>0</v>
      </c>
      <c r="LA21" s="145"/>
      <c r="LB21" s="119">
        <v>0</v>
      </c>
      <c r="LC21" s="119">
        <v>0</v>
      </c>
      <c r="LD21" s="119">
        <v>0</v>
      </c>
      <c r="LE21" s="119">
        <v>0</v>
      </c>
      <c r="LF21" s="119">
        <v>0</v>
      </c>
      <c r="LG21" s="120">
        <v>0</v>
      </c>
      <c r="LH21" s="121">
        <v>0</v>
      </c>
      <c r="LI21" s="142">
        <v>0</v>
      </c>
      <c r="LJ21" s="119">
        <v>0</v>
      </c>
      <c r="LK21" s="120">
        <v>0</v>
      </c>
      <c r="LL21" s="145"/>
      <c r="LM21" s="119">
        <v>0</v>
      </c>
      <c r="LN21" s="119">
        <v>0</v>
      </c>
      <c r="LO21" s="119">
        <v>0</v>
      </c>
      <c r="LP21" s="119">
        <v>0</v>
      </c>
      <c r="LQ21" s="119">
        <v>0</v>
      </c>
      <c r="LR21" s="120">
        <v>0</v>
      </c>
      <c r="LS21" s="321">
        <v>0</v>
      </c>
      <c r="LT21" s="142">
        <v>0</v>
      </c>
      <c r="LU21" s="119">
        <v>0</v>
      </c>
      <c r="LV21" s="120">
        <v>0</v>
      </c>
      <c r="LW21" s="145"/>
      <c r="LX21" s="119">
        <v>0</v>
      </c>
      <c r="LY21" s="119">
        <v>168758</v>
      </c>
      <c r="LZ21" s="119">
        <v>236391</v>
      </c>
      <c r="MA21" s="119">
        <v>0</v>
      </c>
      <c r="MB21" s="119">
        <v>0</v>
      </c>
      <c r="MC21" s="120">
        <v>405149</v>
      </c>
      <c r="MD21" s="121">
        <v>405149</v>
      </c>
      <c r="ME21" s="142">
        <v>0</v>
      </c>
      <c r="MF21" s="119">
        <v>0</v>
      </c>
      <c r="MG21" s="120">
        <v>0</v>
      </c>
      <c r="MH21" s="145"/>
      <c r="MI21" s="119">
        <v>330143</v>
      </c>
      <c r="MJ21" s="119">
        <v>1279528</v>
      </c>
      <c r="MK21" s="119">
        <v>1524172</v>
      </c>
      <c r="ML21" s="119">
        <v>4291687</v>
      </c>
      <c r="MM21" s="119">
        <v>2253508</v>
      </c>
      <c r="MN21" s="120">
        <v>9679038</v>
      </c>
      <c r="MO21" s="143">
        <v>9679038</v>
      </c>
      <c r="MP21" s="142">
        <v>0</v>
      </c>
      <c r="MQ21" s="119">
        <v>0</v>
      </c>
      <c r="MR21" s="120">
        <v>0</v>
      </c>
      <c r="MS21" s="145"/>
      <c r="MT21" s="119">
        <v>0</v>
      </c>
      <c r="MU21" s="119">
        <v>208998</v>
      </c>
      <c r="MV21" s="119">
        <v>469908</v>
      </c>
      <c r="MW21" s="119">
        <v>2521737</v>
      </c>
      <c r="MX21" s="119">
        <v>1663935</v>
      </c>
      <c r="MY21" s="120">
        <v>4864578</v>
      </c>
      <c r="MZ21" s="143">
        <v>4864578</v>
      </c>
      <c r="NA21" s="142">
        <v>0</v>
      </c>
      <c r="NB21" s="119">
        <v>0</v>
      </c>
      <c r="NC21" s="120">
        <v>0</v>
      </c>
      <c r="ND21" s="145"/>
      <c r="NE21" s="119">
        <v>330488</v>
      </c>
      <c r="NF21" s="119">
        <v>1070530</v>
      </c>
      <c r="NG21" s="119">
        <v>1054264</v>
      </c>
      <c r="NH21" s="119">
        <v>1769950</v>
      </c>
      <c r="NI21" s="119">
        <v>617505</v>
      </c>
      <c r="NJ21" s="120">
        <v>4842737</v>
      </c>
      <c r="NK21" s="321">
        <v>4842737</v>
      </c>
      <c r="NL21" s="142">
        <v>0</v>
      </c>
      <c r="NM21" s="119">
        <v>0</v>
      </c>
      <c r="NN21" s="120">
        <v>0</v>
      </c>
      <c r="NO21" s="145"/>
      <c r="NP21" s="119">
        <v>0</v>
      </c>
      <c r="NQ21" s="119">
        <v>0</v>
      </c>
      <c r="NR21" s="119">
        <v>0</v>
      </c>
      <c r="NS21" s="119">
        <v>0</v>
      </c>
      <c r="NT21" s="119">
        <v>0</v>
      </c>
      <c r="NU21" s="120">
        <v>0</v>
      </c>
      <c r="NV21" s="121">
        <v>0</v>
      </c>
      <c r="NW21" s="142">
        <v>0</v>
      </c>
      <c r="NX21" s="119">
        <v>0</v>
      </c>
      <c r="NY21" s="120">
        <v>0</v>
      </c>
      <c r="NZ21" s="145"/>
      <c r="OA21" s="119">
        <v>-345</v>
      </c>
      <c r="OB21" s="119">
        <v>0</v>
      </c>
      <c r="OC21" s="119">
        <v>0</v>
      </c>
      <c r="OD21" s="119">
        <v>0</v>
      </c>
      <c r="OE21" s="119">
        <v>-27932</v>
      </c>
      <c r="OF21" s="120">
        <v>-28277</v>
      </c>
      <c r="OG21" s="121">
        <v>-28277</v>
      </c>
      <c r="OH21" s="142">
        <v>303750</v>
      </c>
      <c r="OI21" s="119">
        <v>608807</v>
      </c>
      <c r="OJ21" s="141">
        <v>912557</v>
      </c>
      <c r="OK21" s="118">
        <v>0</v>
      </c>
      <c r="OL21" s="119">
        <v>5380138</v>
      </c>
      <c r="OM21" s="119">
        <v>9879689</v>
      </c>
      <c r="ON21" s="119">
        <v>9263570</v>
      </c>
      <c r="OO21" s="119">
        <v>11614743</v>
      </c>
      <c r="OP21" s="119">
        <v>6800359</v>
      </c>
      <c r="OQ21" s="120">
        <v>42938499</v>
      </c>
      <c r="OR21" s="143">
        <v>43851056</v>
      </c>
    </row>
    <row r="22" spans="1:408" ht="20.25" customHeight="1" x14ac:dyDescent="0.2">
      <c r="A22" s="126" t="s">
        <v>17</v>
      </c>
      <c r="B22" s="110">
        <v>345837</v>
      </c>
      <c r="C22" s="114">
        <v>621815</v>
      </c>
      <c r="D22" s="113">
        <v>967652</v>
      </c>
      <c r="E22" s="109">
        <v>0</v>
      </c>
      <c r="F22" s="114">
        <v>4316260</v>
      </c>
      <c r="G22" s="114">
        <v>6394110</v>
      </c>
      <c r="H22" s="114">
        <v>6836178</v>
      </c>
      <c r="I22" s="114">
        <v>4627243</v>
      </c>
      <c r="J22" s="114">
        <v>4963846</v>
      </c>
      <c r="K22" s="109">
        <v>27137637</v>
      </c>
      <c r="L22" s="116">
        <v>28105289</v>
      </c>
      <c r="M22" s="110">
        <v>103166</v>
      </c>
      <c r="N22" s="114">
        <v>292177</v>
      </c>
      <c r="O22" s="113">
        <v>395343</v>
      </c>
      <c r="P22" s="110">
        <v>0</v>
      </c>
      <c r="Q22" s="114">
        <v>641845</v>
      </c>
      <c r="R22" s="114">
        <v>1585453</v>
      </c>
      <c r="S22" s="114">
        <v>1657313</v>
      </c>
      <c r="T22" s="114">
        <v>1834130</v>
      </c>
      <c r="U22" s="114">
        <v>3112185</v>
      </c>
      <c r="V22" s="113">
        <v>8830926</v>
      </c>
      <c r="W22" s="116">
        <v>9226269</v>
      </c>
      <c r="X22" s="110">
        <v>0</v>
      </c>
      <c r="Y22" s="114">
        <v>0</v>
      </c>
      <c r="Z22" s="113">
        <v>0</v>
      </c>
      <c r="AA22" s="110">
        <v>0</v>
      </c>
      <c r="AB22" s="114">
        <v>234564</v>
      </c>
      <c r="AC22" s="114">
        <v>827543</v>
      </c>
      <c r="AD22" s="114">
        <v>1046619</v>
      </c>
      <c r="AE22" s="114">
        <v>1224256</v>
      </c>
      <c r="AF22" s="114">
        <v>2171418</v>
      </c>
      <c r="AG22" s="113">
        <v>5504400</v>
      </c>
      <c r="AH22" s="116">
        <v>5504400</v>
      </c>
      <c r="AI22" s="110">
        <v>0</v>
      </c>
      <c r="AJ22" s="114">
        <v>0</v>
      </c>
      <c r="AK22" s="113">
        <v>0</v>
      </c>
      <c r="AL22" s="110">
        <v>0</v>
      </c>
      <c r="AM22" s="114">
        <v>0</v>
      </c>
      <c r="AN22" s="114">
        <v>0</v>
      </c>
      <c r="AO22" s="114">
        <v>0</v>
      </c>
      <c r="AP22" s="114">
        <v>20834</v>
      </c>
      <c r="AQ22" s="114">
        <v>361497</v>
      </c>
      <c r="AR22" s="113">
        <v>382331</v>
      </c>
      <c r="AS22" s="116">
        <v>382331</v>
      </c>
      <c r="AT22" s="110">
        <v>13736</v>
      </c>
      <c r="AU22" s="114">
        <v>255609</v>
      </c>
      <c r="AV22" s="113">
        <v>269345</v>
      </c>
      <c r="AW22" s="110">
        <v>0</v>
      </c>
      <c r="AX22" s="114">
        <v>312593</v>
      </c>
      <c r="AY22" s="114">
        <v>420745</v>
      </c>
      <c r="AZ22" s="114">
        <v>343622</v>
      </c>
      <c r="BA22" s="114">
        <v>375888</v>
      </c>
      <c r="BB22" s="114">
        <v>329704</v>
      </c>
      <c r="BC22" s="113">
        <v>1782552</v>
      </c>
      <c r="BD22" s="116">
        <v>2051897</v>
      </c>
      <c r="BE22" s="110">
        <v>43782</v>
      </c>
      <c r="BF22" s="114">
        <v>0</v>
      </c>
      <c r="BG22" s="112">
        <v>43782</v>
      </c>
      <c r="BH22" s="111">
        <v>0</v>
      </c>
      <c r="BI22" s="114">
        <v>0</v>
      </c>
      <c r="BJ22" s="114">
        <v>64461</v>
      </c>
      <c r="BK22" s="114">
        <v>0</v>
      </c>
      <c r="BL22" s="114">
        <v>0</v>
      </c>
      <c r="BM22" s="114">
        <v>59046</v>
      </c>
      <c r="BN22" s="113">
        <v>123507</v>
      </c>
      <c r="BO22" s="116">
        <v>167289</v>
      </c>
      <c r="BP22" s="110">
        <v>45648</v>
      </c>
      <c r="BQ22" s="114">
        <v>36568</v>
      </c>
      <c r="BR22" s="113">
        <v>82216</v>
      </c>
      <c r="BS22" s="110">
        <v>0</v>
      </c>
      <c r="BT22" s="114">
        <v>94688</v>
      </c>
      <c r="BU22" s="114">
        <v>272704</v>
      </c>
      <c r="BV22" s="114">
        <v>267072</v>
      </c>
      <c r="BW22" s="114">
        <v>213152</v>
      </c>
      <c r="BX22" s="114">
        <v>190520</v>
      </c>
      <c r="BY22" s="113">
        <v>1038136</v>
      </c>
      <c r="BZ22" s="116">
        <v>1120352</v>
      </c>
      <c r="CA22" s="110">
        <v>44686</v>
      </c>
      <c r="CB22" s="114">
        <v>38239</v>
      </c>
      <c r="CC22" s="113">
        <v>82925</v>
      </c>
      <c r="CD22" s="110">
        <v>0</v>
      </c>
      <c r="CE22" s="114">
        <v>1655777</v>
      </c>
      <c r="CF22" s="114">
        <v>2330394</v>
      </c>
      <c r="CG22" s="114">
        <v>2221445</v>
      </c>
      <c r="CH22" s="114">
        <v>924347</v>
      </c>
      <c r="CI22" s="114">
        <v>480460</v>
      </c>
      <c r="CJ22" s="113">
        <v>7612423</v>
      </c>
      <c r="CK22" s="116">
        <v>7695348</v>
      </c>
      <c r="CL22" s="110">
        <v>0</v>
      </c>
      <c r="CM22" s="114">
        <v>0</v>
      </c>
      <c r="CN22" s="113">
        <v>0</v>
      </c>
      <c r="CO22" s="111">
        <v>0</v>
      </c>
      <c r="CP22" s="114">
        <v>1474235</v>
      </c>
      <c r="CQ22" s="114">
        <v>1421966</v>
      </c>
      <c r="CR22" s="114">
        <v>1937902</v>
      </c>
      <c r="CS22" s="114">
        <v>827402</v>
      </c>
      <c r="CT22" s="114">
        <v>411776</v>
      </c>
      <c r="CU22" s="113">
        <v>6073281</v>
      </c>
      <c r="CV22" s="116">
        <v>6073281</v>
      </c>
      <c r="CW22" s="110">
        <v>44686</v>
      </c>
      <c r="CX22" s="114">
        <v>38239</v>
      </c>
      <c r="CY22" s="113">
        <v>82925</v>
      </c>
      <c r="CZ22" s="110">
        <v>0</v>
      </c>
      <c r="DA22" s="114">
        <v>181542</v>
      </c>
      <c r="DB22" s="114">
        <v>908428</v>
      </c>
      <c r="DC22" s="114">
        <v>283543</v>
      </c>
      <c r="DD22" s="114">
        <v>96945</v>
      </c>
      <c r="DE22" s="114">
        <v>68684</v>
      </c>
      <c r="DF22" s="113">
        <v>1539142</v>
      </c>
      <c r="DG22" s="116">
        <v>1622067</v>
      </c>
      <c r="DH22" s="110">
        <v>0</v>
      </c>
      <c r="DI22" s="114">
        <v>49428</v>
      </c>
      <c r="DJ22" s="112">
        <v>49428</v>
      </c>
      <c r="DK22" s="111">
        <v>0</v>
      </c>
      <c r="DL22" s="114">
        <v>166629</v>
      </c>
      <c r="DM22" s="114">
        <v>397171</v>
      </c>
      <c r="DN22" s="114">
        <v>899152</v>
      </c>
      <c r="DO22" s="114">
        <v>708187</v>
      </c>
      <c r="DP22" s="114">
        <v>235097</v>
      </c>
      <c r="DQ22" s="113">
        <v>2406236</v>
      </c>
      <c r="DR22" s="116">
        <v>2455664</v>
      </c>
      <c r="DS22" s="110">
        <v>0</v>
      </c>
      <c r="DT22" s="114">
        <v>49428</v>
      </c>
      <c r="DU22" s="113">
        <v>49428</v>
      </c>
      <c r="DV22" s="110">
        <v>0</v>
      </c>
      <c r="DW22" s="114">
        <v>67984</v>
      </c>
      <c r="DX22" s="114">
        <v>245143</v>
      </c>
      <c r="DY22" s="114">
        <v>815356</v>
      </c>
      <c r="DZ22" s="114">
        <v>708187</v>
      </c>
      <c r="EA22" s="114">
        <v>235097</v>
      </c>
      <c r="EB22" s="113">
        <v>2071767</v>
      </c>
      <c r="EC22" s="116">
        <v>2121195</v>
      </c>
      <c r="ED22" s="110">
        <v>0</v>
      </c>
      <c r="EE22" s="112">
        <v>0</v>
      </c>
      <c r="EF22" s="113">
        <v>0</v>
      </c>
      <c r="EG22" s="110">
        <v>0</v>
      </c>
      <c r="EH22" s="114">
        <v>98645</v>
      </c>
      <c r="EI22" s="114">
        <v>152028</v>
      </c>
      <c r="EJ22" s="114">
        <v>83796</v>
      </c>
      <c r="EK22" s="114">
        <v>0</v>
      </c>
      <c r="EL22" s="114">
        <v>0</v>
      </c>
      <c r="EM22" s="112">
        <v>334469</v>
      </c>
      <c r="EN22" s="116">
        <v>334469</v>
      </c>
      <c r="EO22" s="110">
        <v>0</v>
      </c>
      <c r="EP22" s="114">
        <v>0</v>
      </c>
      <c r="EQ22" s="112">
        <v>0</v>
      </c>
      <c r="ER22" s="111">
        <v>0</v>
      </c>
      <c r="ES22" s="114">
        <v>0</v>
      </c>
      <c r="ET22" s="114">
        <v>0</v>
      </c>
      <c r="EU22" s="114">
        <v>0</v>
      </c>
      <c r="EV22" s="114">
        <v>0</v>
      </c>
      <c r="EW22" s="114">
        <v>0</v>
      </c>
      <c r="EX22" s="113">
        <v>0</v>
      </c>
      <c r="EY22" s="116">
        <v>0</v>
      </c>
      <c r="EZ22" s="110">
        <v>0</v>
      </c>
      <c r="FA22" s="114">
        <v>0</v>
      </c>
      <c r="FB22" s="112">
        <v>0</v>
      </c>
      <c r="FC22" s="348"/>
      <c r="FD22" s="114">
        <v>0</v>
      </c>
      <c r="FE22" s="114">
        <v>0</v>
      </c>
      <c r="FF22" s="114">
        <v>0</v>
      </c>
      <c r="FG22" s="114">
        <v>0</v>
      </c>
      <c r="FH22" s="114">
        <v>0</v>
      </c>
      <c r="FI22" s="113">
        <v>0</v>
      </c>
      <c r="FJ22" s="116">
        <v>0</v>
      </c>
      <c r="FK22" s="110">
        <v>26144</v>
      </c>
      <c r="FL22" s="114">
        <v>149936</v>
      </c>
      <c r="FM22" s="113">
        <v>176080</v>
      </c>
      <c r="FN22" s="110">
        <v>0</v>
      </c>
      <c r="FO22" s="114">
        <v>336048</v>
      </c>
      <c r="FP22" s="114">
        <v>988532</v>
      </c>
      <c r="FQ22" s="114">
        <v>726448</v>
      </c>
      <c r="FR22" s="114">
        <v>298496</v>
      </c>
      <c r="FS22" s="114">
        <v>355312</v>
      </c>
      <c r="FT22" s="113">
        <v>2704836</v>
      </c>
      <c r="FU22" s="116">
        <v>2880916</v>
      </c>
      <c r="FV22" s="115">
        <v>26144</v>
      </c>
      <c r="FW22" s="114">
        <v>149936</v>
      </c>
      <c r="FX22" s="112">
        <v>176080</v>
      </c>
      <c r="FY22" s="111">
        <v>0</v>
      </c>
      <c r="FZ22" s="114">
        <v>152048</v>
      </c>
      <c r="GA22" s="114">
        <v>846712</v>
      </c>
      <c r="GB22" s="114">
        <v>452368</v>
      </c>
      <c r="GC22" s="114">
        <v>298496</v>
      </c>
      <c r="GD22" s="114">
        <v>355312</v>
      </c>
      <c r="GE22" s="113">
        <v>2104936</v>
      </c>
      <c r="GF22" s="319">
        <v>2281016</v>
      </c>
      <c r="GG22" s="115">
        <v>0</v>
      </c>
      <c r="GH22" s="114">
        <v>0</v>
      </c>
      <c r="GI22" s="112">
        <v>0</v>
      </c>
      <c r="GJ22" s="111">
        <v>0</v>
      </c>
      <c r="GK22" s="114">
        <v>24000</v>
      </c>
      <c r="GL22" s="114">
        <v>17820</v>
      </c>
      <c r="GM22" s="114">
        <v>56880</v>
      </c>
      <c r="GN22" s="114">
        <v>0</v>
      </c>
      <c r="GO22" s="114">
        <v>0</v>
      </c>
      <c r="GP22" s="113">
        <v>98700</v>
      </c>
      <c r="GQ22" s="116">
        <v>98700</v>
      </c>
      <c r="GR22" s="110">
        <v>0</v>
      </c>
      <c r="GS22" s="114">
        <v>0</v>
      </c>
      <c r="GT22" s="113">
        <v>0</v>
      </c>
      <c r="GU22" s="110">
        <v>0</v>
      </c>
      <c r="GV22" s="114">
        <v>160000</v>
      </c>
      <c r="GW22" s="114">
        <v>124000</v>
      </c>
      <c r="GX22" s="114">
        <v>217200</v>
      </c>
      <c r="GY22" s="114">
        <v>0</v>
      </c>
      <c r="GZ22" s="114">
        <v>0</v>
      </c>
      <c r="HA22" s="112">
        <v>501200</v>
      </c>
      <c r="HB22" s="116">
        <v>501200</v>
      </c>
      <c r="HC22" s="110">
        <v>171841</v>
      </c>
      <c r="HD22" s="114">
        <v>92035</v>
      </c>
      <c r="HE22" s="112">
        <v>263876</v>
      </c>
      <c r="HF22" s="111">
        <v>0</v>
      </c>
      <c r="HG22" s="114">
        <v>1515961</v>
      </c>
      <c r="HH22" s="114">
        <v>1092560</v>
      </c>
      <c r="HI22" s="114">
        <v>1331820</v>
      </c>
      <c r="HJ22" s="114">
        <v>862083</v>
      </c>
      <c r="HK22" s="114">
        <v>780792</v>
      </c>
      <c r="HL22" s="113">
        <v>5583216</v>
      </c>
      <c r="HM22" s="109">
        <v>5847092</v>
      </c>
      <c r="HN22" s="329"/>
      <c r="HO22" s="330"/>
      <c r="HP22" s="331"/>
      <c r="HQ22" s="332"/>
      <c r="HR22" s="330"/>
      <c r="HS22" s="330"/>
      <c r="HT22" s="330"/>
      <c r="HU22" s="330"/>
      <c r="HV22" s="330"/>
      <c r="HW22" s="333"/>
      <c r="HX22" s="334"/>
      <c r="HY22" s="150">
        <v>0</v>
      </c>
      <c r="HZ22" s="135">
        <v>0</v>
      </c>
      <c r="IA22" s="150">
        <v>0</v>
      </c>
      <c r="IB22" s="134">
        <v>0</v>
      </c>
      <c r="IC22" s="135">
        <v>1274416</v>
      </c>
      <c r="ID22" s="136">
        <v>2254393</v>
      </c>
      <c r="IE22" s="137">
        <v>2383836</v>
      </c>
      <c r="IF22" s="135">
        <v>659280</v>
      </c>
      <c r="IG22" s="137">
        <v>726229</v>
      </c>
      <c r="IH22" s="138">
        <v>7298154</v>
      </c>
      <c r="II22" s="150">
        <v>7298154</v>
      </c>
      <c r="IJ22" s="232">
        <v>0</v>
      </c>
      <c r="IK22" s="236">
        <v>0</v>
      </c>
      <c r="IL22" s="237">
        <v>0</v>
      </c>
      <c r="IM22" s="140"/>
      <c r="IN22" s="119">
        <v>0</v>
      </c>
      <c r="IO22" s="119">
        <v>95897</v>
      </c>
      <c r="IP22" s="119">
        <v>0</v>
      </c>
      <c r="IQ22" s="119">
        <v>0</v>
      </c>
      <c r="IR22" s="119">
        <v>0</v>
      </c>
      <c r="IS22" s="141">
        <v>95897</v>
      </c>
      <c r="IT22" s="321">
        <v>95897</v>
      </c>
      <c r="IU22" s="142">
        <v>0</v>
      </c>
      <c r="IV22" s="119">
        <v>0</v>
      </c>
      <c r="IW22" s="120">
        <v>0</v>
      </c>
      <c r="IX22" s="144"/>
      <c r="IY22" s="119">
        <v>0</v>
      </c>
      <c r="IZ22" s="119">
        <v>0</v>
      </c>
      <c r="JA22" s="119">
        <v>0</v>
      </c>
      <c r="JB22" s="119">
        <v>0</v>
      </c>
      <c r="JC22" s="119">
        <v>0</v>
      </c>
      <c r="JD22" s="120">
        <v>0</v>
      </c>
      <c r="JE22" s="121">
        <v>0</v>
      </c>
      <c r="JF22" s="142">
        <v>0</v>
      </c>
      <c r="JG22" s="119">
        <v>0</v>
      </c>
      <c r="JH22" s="141">
        <v>0</v>
      </c>
      <c r="JI22" s="118">
        <v>0</v>
      </c>
      <c r="JJ22" s="119">
        <v>605401</v>
      </c>
      <c r="JK22" s="119">
        <v>607362</v>
      </c>
      <c r="JL22" s="119">
        <v>858211</v>
      </c>
      <c r="JM22" s="119">
        <v>252072</v>
      </c>
      <c r="JN22" s="119">
        <v>148586</v>
      </c>
      <c r="JO22" s="120">
        <v>2471632</v>
      </c>
      <c r="JP22" s="321">
        <v>2471632</v>
      </c>
      <c r="JQ22" s="142">
        <v>0</v>
      </c>
      <c r="JR22" s="119">
        <v>0</v>
      </c>
      <c r="JS22" s="141">
        <v>0</v>
      </c>
      <c r="JT22" s="118">
        <v>0</v>
      </c>
      <c r="JU22" s="119">
        <v>42230</v>
      </c>
      <c r="JV22" s="119">
        <v>0</v>
      </c>
      <c r="JW22" s="119">
        <v>224156</v>
      </c>
      <c r="JX22" s="119">
        <v>0</v>
      </c>
      <c r="JY22" s="119">
        <v>0</v>
      </c>
      <c r="JZ22" s="120">
        <v>266386</v>
      </c>
      <c r="KA22" s="321">
        <v>266386</v>
      </c>
      <c r="KB22" s="234">
        <v>0</v>
      </c>
      <c r="KC22" s="230">
        <v>0</v>
      </c>
      <c r="KD22" s="120">
        <v>0</v>
      </c>
      <c r="KE22" s="118">
        <v>0</v>
      </c>
      <c r="KF22" s="119">
        <v>0</v>
      </c>
      <c r="KG22" s="119">
        <v>648493</v>
      </c>
      <c r="KH22" s="119">
        <v>478197</v>
      </c>
      <c r="KI22" s="119">
        <v>147840</v>
      </c>
      <c r="KJ22" s="119">
        <v>577643</v>
      </c>
      <c r="KK22" s="120">
        <v>1852173</v>
      </c>
      <c r="KL22" s="143">
        <v>1852173</v>
      </c>
      <c r="KM22" s="232">
        <v>0</v>
      </c>
      <c r="KN22" s="236">
        <v>0</v>
      </c>
      <c r="KO22" s="237">
        <v>0</v>
      </c>
      <c r="KP22" s="140"/>
      <c r="KQ22" s="119">
        <v>458631</v>
      </c>
      <c r="KR22" s="119">
        <v>902641</v>
      </c>
      <c r="KS22" s="119">
        <v>506956</v>
      </c>
      <c r="KT22" s="119">
        <v>259368</v>
      </c>
      <c r="KU22" s="119">
        <v>0</v>
      </c>
      <c r="KV22" s="120">
        <v>2127596</v>
      </c>
      <c r="KW22" s="321">
        <v>2127596</v>
      </c>
      <c r="KX22" s="142">
        <v>0</v>
      </c>
      <c r="KY22" s="119">
        <v>0</v>
      </c>
      <c r="KZ22" s="120">
        <v>0</v>
      </c>
      <c r="LA22" s="145"/>
      <c r="LB22" s="119">
        <v>0</v>
      </c>
      <c r="LC22" s="119">
        <v>0</v>
      </c>
      <c r="LD22" s="119">
        <v>0</v>
      </c>
      <c r="LE22" s="119">
        <v>0</v>
      </c>
      <c r="LF22" s="119">
        <v>0</v>
      </c>
      <c r="LG22" s="120">
        <v>0</v>
      </c>
      <c r="LH22" s="121">
        <v>0</v>
      </c>
      <c r="LI22" s="142">
        <v>0</v>
      </c>
      <c r="LJ22" s="119">
        <v>0</v>
      </c>
      <c r="LK22" s="120">
        <v>0</v>
      </c>
      <c r="LL22" s="145"/>
      <c r="LM22" s="119">
        <v>0</v>
      </c>
      <c r="LN22" s="119">
        <v>0</v>
      </c>
      <c r="LO22" s="119">
        <v>316316</v>
      </c>
      <c r="LP22" s="119">
        <v>0</v>
      </c>
      <c r="LQ22" s="119">
        <v>0</v>
      </c>
      <c r="LR22" s="120">
        <v>316316</v>
      </c>
      <c r="LS22" s="321">
        <v>316316</v>
      </c>
      <c r="LT22" s="142">
        <v>0</v>
      </c>
      <c r="LU22" s="119">
        <v>0</v>
      </c>
      <c r="LV22" s="120">
        <v>0</v>
      </c>
      <c r="LW22" s="145"/>
      <c r="LX22" s="119">
        <v>168154</v>
      </c>
      <c r="LY22" s="119">
        <v>0</v>
      </c>
      <c r="LZ22" s="119">
        <v>0</v>
      </c>
      <c r="MA22" s="119">
        <v>0</v>
      </c>
      <c r="MB22" s="119">
        <v>0</v>
      </c>
      <c r="MC22" s="120">
        <v>168154</v>
      </c>
      <c r="MD22" s="121">
        <v>168154</v>
      </c>
      <c r="ME22" s="142">
        <v>0</v>
      </c>
      <c r="MF22" s="119">
        <v>0</v>
      </c>
      <c r="MG22" s="120">
        <v>0</v>
      </c>
      <c r="MH22" s="145"/>
      <c r="MI22" s="119">
        <v>0</v>
      </c>
      <c r="MJ22" s="119">
        <v>1775350</v>
      </c>
      <c r="MK22" s="119">
        <v>3762373</v>
      </c>
      <c r="ML22" s="119">
        <v>4837404</v>
      </c>
      <c r="MM22" s="119">
        <v>2528150</v>
      </c>
      <c r="MN22" s="120">
        <v>12903277</v>
      </c>
      <c r="MO22" s="143">
        <v>12903277</v>
      </c>
      <c r="MP22" s="142">
        <v>0</v>
      </c>
      <c r="MQ22" s="119">
        <v>0</v>
      </c>
      <c r="MR22" s="120">
        <v>0</v>
      </c>
      <c r="MS22" s="145"/>
      <c r="MT22" s="119">
        <v>0</v>
      </c>
      <c r="MU22" s="119">
        <v>468515</v>
      </c>
      <c r="MV22" s="119">
        <v>1788691</v>
      </c>
      <c r="MW22" s="119">
        <v>3317260</v>
      </c>
      <c r="MX22" s="119">
        <v>1334209</v>
      </c>
      <c r="MY22" s="120">
        <v>6908675</v>
      </c>
      <c r="MZ22" s="143">
        <v>6908675</v>
      </c>
      <c r="NA22" s="142">
        <v>0</v>
      </c>
      <c r="NB22" s="119">
        <v>0</v>
      </c>
      <c r="NC22" s="120">
        <v>0</v>
      </c>
      <c r="ND22" s="145"/>
      <c r="NE22" s="119">
        <v>0</v>
      </c>
      <c r="NF22" s="119">
        <v>1306835</v>
      </c>
      <c r="NG22" s="119">
        <v>1973682</v>
      </c>
      <c r="NH22" s="119">
        <v>1520144</v>
      </c>
      <c r="NI22" s="119">
        <v>842792</v>
      </c>
      <c r="NJ22" s="120">
        <v>5643453</v>
      </c>
      <c r="NK22" s="321">
        <v>5643453</v>
      </c>
      <c r="NL22" s="142">
        <v>0</v>
      </c>
      <c r="NM22" s="119">
        <v>0</v>
      </c>
      <c r="NN22" s="120">
        <v>0</v>
      </c>
      <c r="NO22" s="145"/>
      <c r="NP22" s="119">
        <v>0</v>
      </c>
      <c r="NQ22" s="119">
        <v>0</v>
      </c>
      <c r="NR22" s="119">
        <v>0</v>
      </c>
      <c r="NS22" s="119">
        <v>0</v>
      </c>
      <c r="NT22" s="119">
        <v>0</v>
      </c>
      <c r="NU22" s="120">
        <v>0</v>
      </c>
      <c r="NV22" s="121">
        <v>0</v>
      </c>
      <c r="NW22" s="142">
        <v>0</v>
      </c>
      <c r="NX22" s="119">
        <v>0</v>
      </c>
      <c r="NY22" s="120">
        <v>0</v>
      </c>
      <c r="NZ22" s="145"/>
      <c r="OA22" s="119">
        <v>0</v>
      </c>
      <c r="OB22" s="119">
        <v>0</v>
      </c>
      <c r="OC22" s="119">
        <v>0</v>
      </c>
      <c r="OD22" s="119">
        <v>0</v>
      </c>
      <c r="OE22" s="119">
        <v>351149</v>
      </c>
      <c r="OF22" s="120">
        <v>351149</v>
      </c>
      <c r="OG22" s="121">
        <v>351149</v>
      </c>
      <c r="OH22" s="142">
        <v>345837</v>
      </c>
      <c r="OI22" s="119">
        <v>621815</v>
      </c>
      <c r="OJ22" s="141">
        <v>967652</v>
      </c>
      <c r="OK22" s="118">
        <v>0</v>
      </c>
      <c r="OL22" s="119">
        <v>5590676</v>
      </c>
      <c r="OM22" s="119">
        <v>10423853</v>
      </c>
      <c r="ON22" s="119">
        <v>12982387</v>
      </c>
      <c r="OO22" s="119">
        <v>10123927</v>
      </c>
      <c r="OP22" s="119">
        <v>8218225</v>
      </c>
      <c r="OQ22" s="120">
        <v>47339068</v>
      </c>
      <c r="OR22" s="143">
        <v>48306720</v>
      </c>
    </row>
    <row r="23" spans="1:408" ht="20.25" customHeight="1" x14ac:dyDescent="0.2">
      <c r="A23" s="126" t="s">
        <v>18</v>
      </c>
      <c r="B23" s="110">
        <v>382801</v>
      </c>
      <c r="C23" s="114">
        <v>1357941</v>
      </c>
      <c r="D23" s="113">
        <v>1740742</v>
      </c>
      <c r="E23" s="109">
        <v>0</v>
      </c>
      <c r="F23" s="114">
        <v>6925168</v>
      </c>
      <c r="G23" s="114">
        <v>10059309</v>
      </c>
      <c r="H23" s="114">
        <v>7639998</v>
      </c>
      <c r="I23" s="114">
        <v>6734609</v>
      </c>
      <c r="J23" s="114">
        <v>4941765</v>
      </c>
      <c r="K23" s="109">
        <v>36300849</v>
      </c>
      <c r="L23" s="116">
        <v>38041591</v>
      </c>
      <c r="M23" s="110">
        <v>86148</v>
      </c>
      <c r="N23" s="114">
        <v>352175</v>
      </c>
      <c r="O23" s="113">
        <v>438323</v>
      </c>
      <c r="P23" s="110">
        <v>0</v>
      </c>
      <c r="Q23" s="114">
        <v>1977337</v>
      </c>
      <c r="R23" s="114">
        <v>3340569</v>
      </c>
      <c r="S23" s="114">
        <v>2229086</v>
      </c>
      <c r="T23" s="114">
        <v>3431464</v>
      </c>
      <c r="U23" s="114">
        <v>1733144</v>
      </c>
      <c r="V23" s="113">
        <v>12711600</v>
      </c>
      <c r="W23" s="116">
        <v>13149923</v>
      </c>
      <c r="X23" s="110">
        <v>0</v>
      </c>
      <c r="Y23" s="114">
        <v>0</v>
      </c>
      <c r="Z23" s="113">
        <v>0</v>
      </c>
      <c r="AA23" s="110">
        <v>0</v>
      </c>
      <c r="AB23" s="114">
        <v>606892</v>
      </c>
      <c r="AC23" s="114">
        <v>1845887</v>
      </c>
      <c r="AD23" s="114">
        <v>1175045</v>
      </c>
      <c r="AE23" s="114">
        <v>2298922</v>
      </c>
      <c r="AF23" s="114">
        <v>1181460</v>
      </c>
      <c r="AG23" s="113">
        <v>7108206</v>
      </c>
      <c r="AH23" s="116">
        <v>7108206</v>
      </c>
      <c r="AI23" s="110">
        <v>0</v>
      </c>
      <c r="AJ23" s="114">
        <v>0</v>
      </c>
      <c r="AK23" s="113">
        <v>0</v>
      </c>
      <c r="AL23" s="110">
        <v>0</v>
      </c>
      <c r="AM23" s="114">
        <v>102993</v>
      </c>
      <c r="AN23" s="114">
        <v>0</v>
      </c>
      <c r="AO23" s="114">
        <v>45641</v>
      </c>
      <c r="AP23" s="114">
        <v>211273</v>
      </c>
      <c r="AQ23" s="114">
        <v>91915</v>
      </c>
      <c r="AR23" s="113">
        <v>451822</v>
      </c>
      <c r="AS23" s="116">
        <v>451822</v>
      </c>
      <c r="AT23" s="110">
        <v>64044</v>
      </c>
      <c r="AU23" s="114">
        <v>159426</v>
      </c>
      <c r="AV23" s="113">
        <v>223470</v>
      </c>
      <c r="AW23" s="110">
        <v>0</v>
      </c>
      <c r="AX23" s="114">
        <v>718071</v>
      </c>
      <c r="AY23" s="114">
        <v>696832</v>
      </c>
      <c r="AZ23" s="114">
        <v>484294</v>
      </c>
      <c r="BA23" s="114">
        <v>556374</v>
      </c>
      <c r="BB23" s="114">
        <v>240601</v>
      </c>
      <c r="BC23" s="113">
        <v>2696172</v>
      </c>
      <c r="BD23" s="116">
        <v>2919642</v>
      </c>
      <c r="BE23" s="110">
        <v>0</v>
      </c>
      <c r="BF23" s="114">
        <v>91821</v>
      </c>
      <c r="BG23" s="112">
        <v>91821</v>
      </c>
      <c r="BH23" s="111">
        <v>0</v>
      </c>
      <c r="BI23" s="114">
        <v>157597</v>
      </c>
      <c r="BJ23" s="114">
        <v>145234</v>
      </c>
      <c r="BK23" s="114">
        <v>90594</v>
      </c>
      <c r="BL23" s="114">
        <v>77199</v>
      </c>
      <c r="BM23" s="114">
        <v>0</v>
      </c>
      <c r="BN23" s="113">
        <v>470624</v>
      </c>
      <c r="BO23" s="116">
        <v>562445</v>
      </c>
      <c r="BP23" s="110">
        <v>22104</v>
      </c>
      <c r="BQ23" s="114">
        <v>100928</v>
      </c>
      <c r="BR23" s="113">
        <v>123032</v>
      </c>
      <c r="BS23" s="110">
        <v>0</v>
      </c>
      <c r="BT23" s="114">
        <v>391784</v>
      </c>
      <c r="BU23" s="114">
        <v>652616</v>
      </c>
      <c r="BV23" s="114">
        <v>433512</v>
      </c>
      <c r="BW23" s="114">
        <v>287696</v>
      </c>
      <c r="BX23" s="114">
        <v>219168</v>
      </c>
      <c r="BY23" s="113">
        <v>1984776</v>
      </c>
      <c r="BZ23" s="116">
        <v>2107808</v>
      </c>
      <c r="CA23" s="110">
        <v>41203</v>
      </c>
      <c r="CB23" s="114">
        <v>396046</v>
      </c>
      <c r="CC23" s="113">
        <v>437249</v>
      </c>
      <c r="CD23" s="110">
        <v>0</v>
      </c>
      <c r="CE23" s="114">
        <v>2535453</v>
      </c>
      <c r="CF23" s="114">
        <v>2813437</v>
      </c>
      <c r="CG23" s="114">
        <v>2432296</v>
      </c>
      <c r="CH23" s="114">
        <v>871985</v>
      </c>
      <c r="CI23" s="114">
        <v>824934</v>
      </c>
      <c r="CJ23" s="113">
        <v>9478105</v>
      </c>
      <c r="CK23" s="116">
        <v>9915354</v>
      </c>
      <c r="CL23" s="110">
        <v>0</v>
      </c>
      <c r="CM23" s="114">
        <v>0</v>
      </c>
      <c r="CN23" s="113">
        <v>0</v>
      </c>
      <c r="CO23" s="111">
        <v>0</v>
      </c>
      <c r="CP23" s="114">
        <v>2060012</v>
      </c>
      <c r="CQ23" s="114">
        <v>2104806</v>
      </c>
      <c r="CR23" s="114">
        <v>1857892</v>
      </c>
      <c r="CS23" s="114">
        <v>624021</v>
      </c>
      <c r="CT23" s="114">
        <v>652559</v>
      </c>
      <c r="CU23" s="113">
        <v>7299290</v>
      </c>
      <c r="CV23" s="116">
        <v>7299290</v>
      </c>
      <c r="CW23" s="110">
        <v>41203</v>
      </c>
      <c r="CX23" s="114">
        <v>396046</v>
      </c>
      <c r="CY23" s="113">
        <v>437249</v>
      </c>
      <c r="CZ23" s="110">
        <v>0</v>
      </c>
      <c r="DA23" s="114">
        <v>475441</v>
      </c>
      <c r="DB23" s="114">
        <v>708631</v>
      </c>
      <c r="DC23" s="114">
        <v>574404</v>
      </c>
      <c r="DD23" s="114">
        <v>247964</v>
      </c>
      <c r="DE23" s="114">
        <v>172375</v>
      </c>
      <c r="DF23" s="113">
        <v>2178815</v>
      </c>
      <c r="DG23" s="116">
        <v>2616064</v>
      </c>
      <c r="DH23" s="110">
        <v>0</v>
      </c>
      <c r="DI23" s="114">
        <v>0</v>
      </c>
      <c r="DJ23" s="112">
        <v>0</v>
      </c>
      <c r="DK23" s="111">
        <v>0</v>
      </c>
      <c r="DL23" s="114">
        <v>228161</v>
      </c>
      <c r="DM23" s="114">
        <v>1178356</v>
      </c>
      <c r="DN23" s="114">
        <v>620659</v>
      </c>
      <c r="DO23" s="114">
        <v>873956</v>
      </c>
      <c r="DP23" s="114">
        <v>516019</v>
      </c>
      <c r="DQ23" s="113">
        <v>3417151</v>
      </c>
      <c r="DR23" s="116">
        <v>3417151</v>
      </c>
      <c r="DS23" s="110">
        <v>0</v>
      </c>
      <c r="DT23" s="114">
        <v>0</v>
      </c>
      <c r="DU23" s="113">
        <v>0</v>
      </c>
      <c r="DV23" s="110">
        <v>0</v>
      </c>
      <c r="DW23" s="114">
        <v>158130</v>
      </c>
      <c r="DX23" s="114">
        <v>1178356</v>
      </c>
      <c r="DY23" s="114">
        <v>620659</v>
      </c>
      <c r="DZ23" s="114">
        <v>873956</v>
      </c>
      <c r="EA23" s="114">
        <v>516019</v>
      </c>
      <c r="EB23" s="113">
        <v>3347120</v>
      </c>
      <c r="EC23" s="116">
        <v>3347120</v>
      </c>
      <c r="ED23" s="110">
        <v>0</v>
      </c>
      <c r="EE23" s="112">
        <v>0</v>
      </c>
      <c r="EF23" s="113">
        <v>0</v>
      </c>
      <c r="EG23" s="110">
        <v>0</v>
      </c>
      <c r="EH23" s="114">
        <v>70031</v>
      </c>
      <c r="EI23" s="114">
        <v>0</v>
      </c>
      <c r="EJ23" s="114">
        <v>0</v>
      </c>
      <c r="EK23" s="114">
        <v>0</v>
      </c>
      <c r="EL23" s="114">
        <v>0</v>
      </c>
      <c r="EM23" s="112">
        <v>70031</v>
      </c>
      <c r="EN23" s="116">
        <v>70031</v>
      </c>
      <c r="EO23" s="110">
        <v>0</v>
      </c>
      <c r="EP23" s="114">
        <v>0</v>
      </c>
      <c r="EQ23" s="112">
        <v>0</v>
      </c>
      <c r="ER23" s="111">
        <v>0</v>
      </c>
      <c r="ES23" s="114">
        <v>0</v>
      </c>
      <c r="ET23" s="114">
        <v>0</v>
      </c>
      <c r="EU23" s="114">
        <v>0</v>
      </c>
      <c r="EV23" s="114">
        <v>0</v>
      </c>
      <c r="EW23" s="114">
        <v>0</v>
      </c>
      <c r="EX23" s="113">
        <v>0</v>
      </c>
      <c r="EY23" s="116">
        <v>0</v>
      </c>
      <c r="EZ23" s="110">
        <v>0</v>
      </c>
      <c r="FA23" s="114">
        <v>0</v>
      </c>
      <c r="FB23" s="112">
        <v>0</v>
      </c>
      <c r="FC23" s="348"/>
      <c r="FD23" s="114">
        <v>0</v>
      </c>
      <c r="FE23" s="114">
        <v>0</v>
      </c>
      <c r="FF23" s="114">
        <v>0</v>
      </c>
      <c r="FG23" s="114">
        <v>0</v>
      </c>
      <c r="FH23" s="114">
        <v>0</v>
      </c>
      <c r="FI23" s="113">
        <v>0</v>
      </c>
      <c r="FJ23" s="116">
        <v>0</v>
      </c>
      <c r="FK23" s="110">
        <v>201504</v>
      </c>
      <c r="FL23" s="114">
        <v>330256</v>
      </c>
      <c r="FM23" s="113">
        <v>531760</v>
      </c>
      <c r="FN23" s="110">
        <v>0</v>
      </c>
      <c r="FO23" s="114">
        <v>292104</v>
      </c>
      <c r="FP23" s="114">
        <v>756480</v>
      </c>
      <c r="FQ23" s="114">
        <v>737152</v>
      </c>
      <c r="FR23" s="114">
        <v>628880</v>
      </c>
      <c r="FS23" s="114">
        <v>304808</v>
      </c>
      <c r="FT23" s="113">
        <v>2719424</v>
      </c>
      <c r="FU23" s="116">
        <v>3251184</v>
      </c>
      <c r="FV23" s="115">
        <v>41520</v>
      </c>
      <c r="FW23" s="114">
        <v>162560</v>
      </c>
      <c r="FX23" s="112">
        <v>204080</v>
      </c>
      <c r="FY23" s="111">
        <v>0</v>
      </c>
      <c r="FZ23" s="114">
        <v>268784</v>
      </c>
      <c r="GA23" s="114">
        <v>718080</v>
      </c>
      <c r="GB23" s="114">
        <v>552232</v>
      </c>
      <c r="GC23" s="114">
        <v>558720</v>
      </c>
      <c r="GD23" s="114">
        <v>284648</v>
      </c>
      <c r="GE23" s="113">
        <v>2382464</v>
      </c>
      <c r="GF23" s="319">
        <v>2586544</v>
      </c>
      <c r="GG23" s="115">
        <v>0</v>
      </c>
      <c r="GH23" s="114">
        <v>34896</v>
      </c>
      <c r="GI23" s="112">
        <v>34896</v>
      </c>
      <c r="GJ23" s="111">
        <v>0</v>
      </c>
      <c r="GK23" s="114">
        <v>23320</v>
      </c>
      <c r="GL23" s="114">
        <v>0</v>
      </c>
      <c r="GM23" s="114">
        <v>40920</v>
      </c>
      <c r="GN23" s="114">
        <v>70160</v>
      </c>
      <c r="GO23" s="114">
        <v>20160</v>
      </c>
      <c r="GP23" s="113">
        <v>154560</v>
      </c>
      <c r="GQ23" s="116">
        <v>189456</v>
      </c>
      <c r="GR23" s="110">
        <v>159984</v>
      </c>
      <c r="GS23" s="114">
        <v>132800</v>
      </c>
      <c r="GT23" s="113">
        <v>292784</v>
      </c>
      <c r="GU23" s="110">
        <v>0</v>
      </c>
      <c r="GV23" s="114">
        <v>0</v>
      </c>
      <c r="GW23" s="114">
        <v>38400</v>
      </c>
      <c r="GX23" s="114">
        <v>144000</v>
      </c>
      <c r="GY23" s="114">
        <v>0</v>
      </c>
      <c r="GZ23" s="114">
        <v>0</v>
      </c>
      <c r="HA23" s="112">
        <v>182400</v>
      </c>
      <c r="HB23" s="116">
        <v>475184</v>
      </c>
      <c r="HC23" s="110">
        <v>53946</v>
      </c>
      <c r="HD23" s="114">
        <v>279464</v>
      </c>
      <c r="HE23" s="112">
        <v>333410</v>
      </c>
      <c r="HF23" s="111">
        <v>0</v>
      </c>
      <c r="HG23" s="114">
        <v>1892113</v>
      </c>
      <c r="HH23" s="114">
        <v>1970467</v>
      </c>
      <c r="HI23" s="114">
        <v>1620805</v>
      </c>
      <c r="HJ23" s="114">
        <v>928324</v>
      </c>
      <c r="HK23" s="114">
        <v>1562860</v>
      </c>
      <c r="HL23" s="113">
        <v>7974569</v>
      </c>
      <c r="HM23" s="109">
        <v>8307979</v>
      </c>
      <c r="HN23" s="329"/>
      <c r="HO23" s="330"/>
      <c r="HP23" s="331"/>
      <c r="HQ23" s="332"/>
      <c r="HR23" s="330"/>
      <c r="HS23" s="330"/>
      <c r="HT23" s="330"/>
      <c r="HU23" s="330"/>
      <c r="HV23" s="330"/>
      <c r="HW23" s="333"/>
      <c r="HX23" s="334"/>
      <c r="HY23" s="131">
        <v>90020</v>
      </c>
      <c r="HZ23" s="132">
        <v>0</v>
      </c>
      <c r="IA23" s="133">
        <v>90020</v>
      </c>
      <c r="IB23" s="146">
        <v>0</v>
      </c>
      <c r="IC23" s="132">
        <v>2000014</v>
      </c>
      <c r="ID23" s="147">
        <v>2782880</v>
      </c>
      <c r="IE23" s="133">
        <v>2774333</v>
      </c>
      <c r="IF23" s="132">
        <v>1697944</v>
      </c>
      <c r="IG23" s="133">
        <v>664679</v>
      </c>
      <c r="IH23" s="148">
        <v>9919850</v>
      </c>
      <c r="II23" s="139">
        <v>10009870</v>
      </c>
      <c r="IJ23" s="232">
        <v>0</v>
      </c>
      <c r="IK23" s="236">
        <v>0</v>
      </c>
      <c r="IL23" s="237">
        <v>0</v>
      </c>
      <c r="IM23" s="140"/>
      <c r="IN23" s="119">
        <v>0</v>
      </c>
      <c r="IO23" s="119">
        <v>0</v>
      </c>
      <c r="IP23" s="119">
        <v>0</v>
      </c>
      <c r="IQ23" s="119">
        <v>0</v>
      </c>
      <c r="IR23" s="119">
        <v>0</v>
      </c>
      <c r="IS23" s="141">
        <v>0</v>
      </c>
      <c r="IT23" s="321">
        <v>0</v>
      </c>
      <c r="IU23" s="142">
        <v>0</v>
      </c>
      <c r="IV23" s="119">
        <v>0</v>
      </c>
      <c r="IW23" s="120">
        <v>0</v>
      </c>
      <c r="IX23" s="144"/>
      <c r="IY23" s="119">
        <v>0</v>
      </c>
      <c r="IZ23" s="119">
        <v>0</v>
      </c>
      <c r="JA23" s="119">
        <v>0</v>
      </c>
      <c r="JB23" s="119">
        <v>0</v>
      </c>
      <c r="JC23" s="119">
        <v>0</v>
      </c>
      <c r="JD23" s="120">
        <v>0</v>
      </c>
      <c r="JE23" s="121">
        <v>0</v>
      </c>
      <c r="JF23" s="142">
        <v>0</v>
      </c>
      <c r="JG23" s="119">
        <v>0</v>
      </c>
      <c r="JH23" s="141">
        <v>0</v>
      </c>
      <c r="JI23" s="118">
        <v>0</v>
      </c>
      <c r="JJ23" s="119">
        <v>763533</v>
      </c>
      <c r="JK23" s="119">
        <v>1110010</v>
      </c>
      <c r="JL23" s="119">
        <v>342322</v>
      </c>
      <c r="JM23" s="119">
        <v>34216</v>
      </c>
      <c r="JN23" s="119">
        <v>0</v>
      </c>
      <c r="JO23" s="120">
        <v>2250081</v>
      </c>
      <c r="JP23" s="321">
        <v>2250081</v>
      </c>
      <c r="JQ23" s="142">
        <v>0</v>
      </c>
      <c r="JR23" s="119">
        <v>0</v>
      </c>
      <c r="JS23" s="141">
        <v>0</v>
      </c>
      <c r="JT23" s="118">
        <v>0</v>
      </c>
      <c r="JU23" s="119">
        <v>165979</v>
      </c>
      <c r="JV23" s="119">
        <v>0</v>
      </c>
      <c r="JW23" s="119">
        <v>196962</v>
      </c>
      <c r="JX23" s="119">
        <v>89446</v>
      </c>
      <c r="JY23" s="119">
        <v>0</v>
      </c>
      <c r="JZ23" s="120">
        <v>452387</v>
      </c>
      <c r="KA23" s="321">
        <v>452387</v>
      </c>
      <c r="KB23" s="234">
        <v>90020</v>
      </c>
      <c r="KC23" s="230">
        <v>0</v>
      </c>
      <c r="KD23" s="120">
        <v>90020</v>
      </c>
      <c r="KE23" s="118">
        <v>0</v>
      </c>
      <c r="KF23" s="119">
        <v>600822</v>
      </c>
      <c r="KG23" s="119">
        <v>712619</v>
      </c>
      <c r="KH23" s="119">
        <v>614607</v>
      </c>
      <c r="KI23" s="119">
        <v>212544</v>
      </c>
      <c r="KJ23" s="119">
        <v>0</v>
      </c>
      <c r="KK23" s="120">
        <v>2140592</v>
      </c>
      <c r="KL23" s="143">
        <v>2230612</v>
      </c>
      <c r="KM23" s="232">
        <v>0</v>
      </c>
      <c r="KN23" s="236">
        <v>0</v>
      </c>
      <c r="KO23" s="237">
        <v>0</v>
      </c>
      <c r="KP23" s="140"/>
      <c r="KQ23" s="119">
        <v>469680</v>
      </c>
      <c r="KR23" s="119">
        <v>960251</v>
      </c>
      <c r="KS23" s="119">
        <v>1269670</v>
      </c>
      <c r="KT23" s="119">
        <v>495002</v>
      </c>
      <c r="KU23" s="119">
        <v>487862</v>
      </c>
      <c r="KV23" s="120">
        <v>3682465</v>
      </c>
      <c r="KW23" s="321">
        <v>3682465</v>
      </c>
      <c r="KX23" s="142">
        <v>0</v>
      </c>
      <c r="KY23" s="119">
        <v>0</v>
      </c>
      <c r="KZ23" s="120">
        <v>0</v>
      </c>
      <c r="LA23" s="145"/>
      <c r="LB23" s="119">
        <v>0</v>
      </c>
      <c r="LC23" s="119">
        <v>0</v>
      </c>
      <c r="LD23" s="119">
        <v>0</v>
      </c>
      <c r="LE23" s="119">
        <v>0</v>
      </c>
      <c r="LF23" s="119">
        <v>0</v>
      </c>
      <c r="LG23" s="120">
        <v>0</v>
      </c>
      <c r="LH23" s="121">
        <v>0</v>
      </c>
      <c r="LI23" s="142">
        <v>0</v>
      </c>
      <c r="LJ23" s="119">
        <v>0</v>
      </c>
      <c r="LK23" s="120">
        <v>0</v>
      </c>
      <c r="LL23" s="145"/>
      <c r="LM23" s="119">
        <v>0</v>
      </c>
      <c r="LN23" s="119">
        <v>0</v>
      </c>
      <c r="LO23" s="119">
        <v>0</v>
      </c>
      <c r="LP23" s="119">
        <v>0</v>
      </c>
      <c r="LQ23" s="119">
        <v>0</v>
      </c>
      <c r="LR23" s="120">
        <v>0</v>
      </c>
      <c r="LS23" s="321">
        <v>0</v>
      </c>
      <c r="LT23" s="142">
        <v>0</v>
      </c>
      <c r="LU23" s="119">
        <v>0</v>
      </c>
      <c r="LV23" s="120">
        <v>0</v>
      </c>
      <c r="LW23" s="145"/>
      <c r="LX23" s="119">
        <v>0</v>
      </c>
      <c r="LY23" s="119">
        <v>0</v>
      </c>
      <c r="LZ23" s="119">
        <v>350772</v>
      </c>
      <c r="MA23" s="119">
        <v>866736</v>
      </c>
      <c r="MB23" s="119">
        <v>176817</v>
      </c>
      <c r="MC23" s="120">
        <v>1394325</v>
      </c>
      <c r="MD23" s="121">
        <v>1394325</v>
      </c>
      <c r="ME23" s="142">
        <v>0</v>
      </c>
      <c r="MF23" s="119">
        <v>0</v>
      </c>
      <c r="MG23" s="120">
        <v>0</v>
      </c>
      <c r="MH23" s="145"/>
      <c r="MI23" s="119">
        <v>0</v>
      </c>
      <c r="MJ23" s="119">
        <v>223228</v>
      </c>
      <c r="MK23" s="119">
        <v>4926854</v>
      </c>
      <c r="ML23" s="119">
        <v>5799683</v>
      </c>
      <c r="MM23" s="119">
        <v>3394543</v>
      </c>
      <c r="MN23" s="120">
        <v>14344308</v>
      </c>
      <c r="MO23" s="143">
        <v>14344308</v>
      </c>
      <c r="MP23" s="142">
        <v>0</v>
      </c>
      <c r="MQ23" s="119">
        <v>0</v>
      </c>
      <c r="MR23" s="120">
        <v>0</v>
      </c>
      <c r="MS23" s="145"/>
      <c r="MT23" s="119">
        <v>0</v>
      </c>
      <c r="MU23" s="119">
        <v>0</v>
      </c>
      <c r="MV23" s="119">
        <v>2797542</v>
      </c>
      <c r="MW23" s="119">
        <v>4345778</v>
      </c>
      <c r="MX23" s="119">
        <v>1524634</v>
      </c>
      <c r="MY23" s="120">
        <v>8667954</v>
      </c>
      <c r="MZ23" s="143">
        <v>8667954</v>
      </c>
      <c r="NA23" s="142">
        <v>0</v>
      </c>
      <c r="NB23" s="119">
        <v>0</v>
      </c>
      <c r="NC23" s="120">
        <v>0</v>
      </c>
      <c r="ND23" s="145"/>
      <c r="NE23" s="119">
        <v>0</v>
      </c>
      <c r="NF23" s="119">
        <v>223228</v>
      </c>
      <c r="NG23" s="119">
        <v>2129312</v>
      </c>
      <c r="NH23" s="119">
        <v>1223353</v>
      </c>
      <c r="NI23" s="119">
        <v>1484665</v>
      </c>
      <c r="NJ23" s="120">
        <v>5060558</v>
      </c>
      <c r="NK23" s="321">
        <v>5060558</v>
      </c>
      <c r="NL23" s="142">
        <v>0</v>
      </c>
      <c r="NM23" s="119">
        <v>0</v>
      </c>
      <c r="NN23" s="120">
        <v>0</v>
      </c>
      <c r="NO23" s="145"/>
      <c r="NP23" s="119">
        <v>0</v>
      </c>
      <c r="NQ23" s="119">
        <v>0</v>
      </c>
      <c r="NR23" s="119">
        <v>0</v>
      </c>
      <c r="NS23" s="119">
        <v>230552</v>
      </c>
      <c r="NT23" s="119">
        <v>0</v>
      </c>
      <c r="NU23" s="120">
        <v>230552</v>
      </c>
      <c r="NV23" s="121">
        <v>230552</v>
      </c>
      <c r="NW23" s="142">
        <v>0</v>
      </c>
      <c r="NX23" s="119">
        <v>0</v>
      </c>
      <c r="NY23" s="120">
        <v>0</v>
      </c>
      <c r="NZ23" s="145"/>
      <c r="OA23" s="119">
        <v>0</v>
      </c>
      <c r="OB23" s="119">
        <v>0</v>
      </c>
      <c r="OC23" s="119">
        <v>0</v>
      </c>
      <c r="OD23" s="119">
        <v>0</v>
      </c>
      <c r="OE23" s="119">
        <v>385244</v>
      </c>
      <c r="OF23" s="120">
        <v>385244</v>
      </c>
      <c r="OG23" s="121">
        <v>385244</v>
      </c>
      <c r="OH23" s="142">
        <v>472821</v>
      </c>
      <c r="OI23" s="119">
        <v>1357941</v>
      </c>
      <c r="OJ23" s="141">
        <v>1830762</v>
      </c>
      <c r="OK23" s="118">
        <v>0</v>
      </c>
      <c r="OL23" s="119">
        <v>8925182</v>
      </c>
      <c r="OM23" s="119">
        <v>13065417</v>
      </c>
      <c r="ON23" s="119">
        <v>15341185</v>
      </c>
      <c r="OO23" s="119">
        <v>14232236</v>
      </c>
      <c r="OP23" s="119">
        <v>9000987</v>
      </c>
      <c r="OQ23" s="120">
        <v>60565007</v>
      </c>
      <c r="OR23" s="143">
        <v>62395769</v>
      </c>
    </row>
    <row r="24" spans="1:408" ht="20.25" customHeight="1" x14ac:dyDescent="0.2">
      <c r="A24" s="126" t="s">
        <v>19</v>
      </c>
      <c r="B24" s="110">
        <v>125431</v>
      </c>
      <c r="C24" s="114">
        <v>570962</v>
      </c>
      <c r="D24" s="113">
        <v>696393</v>
      </c>
      <c r="E24" s="109">
        <v>0</v>
      </c>
      <c r="F24" s="114">
        <v>4312383</v>
      </c>
      <c r="G24" s="114">
        <v>4294348</v>
      </c>
      <c r="H24" s="114">
        <v>1926698</v>
      </c>
      <c r="I24" s="114">
        <v>2441489</v>
      </c>
      <c r="J24" s="114">
        <v>658755</v>
      </c>
      <c r="K24" s="109">
        <v>13633673</v>
      </c>
      <c r="L24" s="116">
        <v>14330066</v>
      </c>
      <c r="M24" s="110">
        <v>45500</v>
      </c>
      <c r="N24" s="114">
        <v>23344</v>
      </c>
      <c r="O24" s="113">
        <v>68844</v>
      </c>
      <c r="P24" s="110">
        <v>0</v>
      </c>
      <c r="Q24" s="114">
        <v>1415826</v>
      </c>
      <c r="R24" s="114">
        <v>1320164</v>
      </c>
      <c r="S24" s="114">
        <v>708026</v>
      </c>
      <c r="T24" s="114">
        <v>1276425</v>
      </c>
      <c r="U24" s="114">
        <v>542515</v>
      </c>
      <c r="V24" s="113">
        <v>5262956</v>
      </c>
      <c r="W24" s="116">
        <v>5331800</v>
      </c>
      <c r="X24" s="110">
        <v>0</v>
      </c>
      <c r="Y24" s="114">
        <v>0</v>
      </c>
      <c r="Z24" s="113">
        <v>0</v>
      </c>
      <c r="AA24" s="110">
        <v>0</v>
      </c>
      <c r="AB24" s="114">
        <v>508008</v>
      </c>
      <c r="AC24" s="114">
        <v>493634</v>
      </c>
      <c r="AD24" s="114">
        <v>205148</v>
      </c>
      <c r="AE24" s="114">
        <v>527824</v>
      </c>
      <c r="AF24" s="114">
        <v>30507</v>
      </c>
      <c r="AG24" s="113">
        <v>1765121</v>
      </c>
      <c r="AH24" s="116">
        <v>1765121</v>
      </c>
      <c r="AI24" s="110">
        <v>0</v>
      </c>
      <c r="AJ24" s="114">
        <v>0</v>
      </c>
      <c r="AK24" s="113">
        <v>0</v>
      </c>
      <c r="AL24" s="110">
        <v>0</v>
      </c>
      <c r="AM24" s="114">
        <v>0</v>
      </c>
      <c r="AN24" s="114">
        <v>11559</v>
      </c>
      <c r="AO24" s="114">
        <v>105150</v>
      </c>
      <c r="AP24" s="114">
        <v>229409</v>
      </c>
      <c r="AQ24" s="114">
        <v>186932</v>
      </c>
      <c r="AR24" s="113">
        <v>533050</v>
      </c>
      <c r="AS24" s="116">
        <v>533050</v>
      </c>
      <c r="AT24" s="110">
        <v>19516</v>
      </c>
      <c r="AU24" s="114">
        <v>0</v>
      </c>
      <c r="AV24" s="113">
        <v>19516</v>
      </c>
      <c r="AW24" s="110">
        <v>0</v>
      </c>
      <c r="AX24" s="114">
        <v>581548</v>
      </c>
      <c r="AY24" s="114">
        <v>548053</v>
      </c>
      <c r="AZ24" s="114">
        <v>170892</v>
      </c>
      <c r="BA24" s="114">
        <v>317076</v>
      </c>
      <c r="BB24" s="114">
        <v>271340</v>
      </c>
      <c r="BC24" s="113">
        <v>1888909</v>
      </c>
      <c r="BD24" s="116">
        <v>1908425</v>
      </c>
      <c r="BE24" s="110">
        <v>0</v>
      </c>
      <c r="BF24" s="114">
        <v>0</v>
      </c>
      <c r="BG24" s="112">
        <v>0</v>
      </c>
      <c r="BH24" s="111">
        <v>0</v>
      </c>
      <c r="BI24" s="114">
        <v>25294</v>
      </c>
      <c r="BJ24" s="114">
        <v>68278</v>
      </c>
      <c r="BK24" s="114">
        <v>122780</v>
      </c>
      <c r="BL24" s="114">
        <v>31900</v>
      </c>
      <c r="BM24" s="114">
        <v>0</v>
      </c>
      <c r="BN24" s="113">
        <v>248252</v>
      </c>
      <c r="BO24" s="116">
        <v>248252</v>
      </c>
      <c r="BP24" s="110">
        <v>25984</v>
      </c>
      <c r="BQ24" s="114">
        <v>23344</v>
      </c>
      <c r="BR24" s="113">
        <v>49328</v>
      </c>
      <c r="BS24" s="110">
        <v>0</v>
      </c>
      <c r="BT24" s="114">
        <v>300976</v>
      </c>
      <c r="BU24" s="114">
        <v>198640</v>
      </c>
      <c r="BV24" s="114">
        <v>104056</v>
      </c>
      <c r="BW24" s="114">
        <v>170216</v>
      </c>
      <c r="BX24" s="114">
        <v>53736</v>
      </c>
      <c r="BY24" s="113">
        <v>827624</v>
      </c>
      <c r="BZ24" s="116">
        <v>876952</v>
      </c>
      <c r="CA24" s="110">
        <v>21158</v>
      </c>
      <c r="CB24" s="114">
        <v>40857</v>
      </c>
      <c r="CC24" s="113">
        <v>62015</v>
      </c>
      <c r="CD24" s="110">
        <v>0</v>
      </c>
      <c r="CE24" s="114">
        <v>1554048</v>
      </c>
      <c r="CF24" s="114">
        <v>1750819</v>
      </c>
      <c r="CG24" s="114">
        <v>673112</v>
      </c>
      <c r="CH24" s="114">
        <v>310125</v>
      </c>
      <c r="CI24" s="114">
        <v>0</v>
      </c>
      <c r="CJ24" s="113">
        <v>4288104</v>
      </c>
      <c r="CK24" s="116">
        <v>4350119</v>
      </c>
      <c r="CL24" s="110">
        <v>0</v>
      </c>
      <c r="CM24" s="114">
        <v>0</v>
      </c>
      <c r="CN24" s="113">
        <v>0</v>
      </c>
      <c r="CO24" s="111">
        <v>0</v>
      </c>
      <c r="CP24" s="114">
        <v>1014988</v>
      </c>
      <c r="CQ24" s="114">
        <v>1288773</v>
      </c>
      <c r="CR24" s="114">
        <v>598928</v>
      </c>
      <c r="CS24" s="114">
        <v>161914</v>
      </c>
      <c r="CT24" s="114">
        <v>0</v>
      </c>
      <c r="CU24" s="113">
        <v>3064603</v>
      </c>
      <c r="CV24" s="116">
        <v>3064603</v>
      </c>
      <c r="CW24" s="110">
        <v>21158</v>
      </c>
      <c r="CX24" s="114">
        <v>40857</v>
      </c>
      <c r="CY24" s="113">
        <v>62015</v>
      </c>
      <c r="CZ24" s="110">
        <v>0</v>
      </c>
      <c r="DA24" s="114">
        <v>539060</v>
      </c>
      <c r="DB24" s="114">
        <v>462046</v>
      </c>
      <c r="DC24" s="114">
        <v>74184</v>
      </c>
      <c r="DD24" s="114">
        <v>148211</v>
      </c>
      <c r="DE24" s="114">
        <v>0</v>
      </c>
      <c r="DF24" s="113">
        <v>1223501</v>
      </c>
      <c r="DG24" s="116">
        <v>1285516</v>
      </c>
      <c r="DH24" s="110">
        <v>0</v>
      </c>
      <c r="DI24" s="114">
        <v>0</v>
      </c>
      <c r="DJ24" s="112">
        <v>0</v>
      </c>
      <c r="DK24" s="111">
        <v>0</v>
      </c>
      <c r="DL24" s="114">
        <v>37476</v>
      </c>
      <c r="DM24" s="114">
        <v>106664</v>
      </c>
      <c r="DN24" s="114">
        <v>0</v>
      </c>
      <c r="DO24" s="114">
        <v>33932</v>
      </c>
      <c r="DP24" s="114">
        <v>0</v>
      </c>
      <c r="DQ24" s="113">
        <v>178072</v>
      </c>
      <c r="DR24" s="116">
        <v>178072</v>
      </c>
      <c r="DS24" s="110">
        <v>0</v>
      </c>
      <c r="DT24" s="114">
        <v>0</v>
      </c>
      <c r="DU24" s="113">
        <v>0</v>
      </c>
      <c r="DV24" s="110">
        <v>0</v>
      </c>
      <c r="DW24" s="114">
        <v>37476</v>
      </c>
      <c r="DX24" s="114">
        <v>106664</v>
      </c>
      <c r="DY24" s="114">
        <v>0</v>
      </c>
      <c r="DZ24" s="114">
        <v>0</v>
      </c>
      <c r="EA24" s="114">
        <v>0</v>
      </c>
      <c r="EB24" s="113">
        <v>144140</v>
      </c>
      <c r="EC24" s="116">
        <v>144140</v>
      </c>
      <c r="ED24" s="110">
        <v>0</v>
      </c>
      <c r="EE24" s="112">
        <v>0</v>
      </c>
      <c r="EF24" s="113">
        <v>0</v>
      </c>
      <c r="EG24" s="110">
        <v>0</v>
      </c>
      <c r="EH24" s="114">
        <v>0</v>
      </c>
      <c r="EI24" s="114">
        <v>0</v>
      </c>
      <c r="EJ24" s="114">
        <v>0</v>
      </c>
      <c r="EK24" s="114">
        <v>33932</v>
      </c>
      <c r="EL24" s="114">
        <v>0</v>
      </c>
      <c r="EM24" s="112">
        <v>33932</v>
      </c>
      <c r="EN24" s="116">
        <v>33932</v>
      </c>
      <c r="EO24" s="110">
        <v>0</v>
      </c>
      <c r="EP24" s="114">
        <v>0</v>
      </c>
      <c r="EQ24" s="112">
        <v>0</v>
      </c>
      <c r="ER24" s="111">
        <v>0</v>
      </c>
      <c r="ES24" s="114">
        <v>0</v>
      </c>
      <c r="ET24" s="114">
        <v>0</v>
      </c>
      <c r="EU24" s="114">
        <v>0</v>
      </c>
      <c r="EV24" s="114">
        <v>0</v>
      </c>
      <c r="EW24" s="114">
        <v>0</v>
      </c>
      <c r="EX24" s="113">
        <v>0</v>
      </c>
      <c r="EY24" s="116">
        <v>0</v>
      </c>
      <c r="EZ24" s="110">
        <v>0</v>
      </c>
      <c r="FA24" s="114">
        <v>0</v>
      </c>
      <c r="FB24" s="112">
        <v>0</v>
      </c>
      <c r="FC24" s="348"/>
      <c r="FD24" s="114">
        <v>0</v>
      </c>
      <c r="FE24" s="114">
        <v>0</v>
      </c>
      <c r="FF24" s="114">
        <v>0</v>
      </c>
      <c r="FG24" s="114">
        <v>0</v>
      </c>
      <c r="FH24" s="114">
        <v>0</v>
      </c>
      <c r="FI24" s="113">
        <v>0</v>
      </c>
      <c r="FJ24" s="116">
        <v>0</v>
      </c>
      <c r="FK24" s="110">
        <v>58773</v>
      </c>
      <c r="FL24" s="114">
        <v>228140</v>
      </c>
      <c r="FM24" s="113">
        <v>286913</v>
      </c>
      <c r="FN24" s="110">
        <v>0</v>
      </c>
      <c r="FO24" s="114">
        <v>191889</v>
      </c>
      <c r="FP24" s="114">
        <v>402888</v>
      </c>
      <c r="FQ24" s="114">
        <v>137336</v>
      </c>
      <c r="FR24" s="114">
        <v>168352</v>
      </c>
      <c r="FS24" s="114">
        <v>116240</v>
      </c>
      <c r="FT24" s="113">
        <v>1016705</v>
      </c>
      <c r="FU24" s="116">
        <v>1303618</v>
      </c>
      <c r="FV24" s="115">
        <v>16000</v>
      </c>
      <c r="FW24" s="114">
        <v>49040</v>
      </c>
      <c r="FX24" s="112">
        <v>65040</v>
      </c>
      <c r="FY24" s="111">
        <v>0</v>
      </c>
      <c r="FZ24" s="114">
        <v>174992</v>
      </c>
      <c r="GA24" s="114">
        <v>402888</v>
      </c>
      <c r="GB24" s="114">
        <v>137336</v>
      </c>
      <c r="GC24" s="114">
        <v>168352</v>
      </c>
      <c r="GD24" s="114">
        <v>116240</v>
      </c>
      <c r="GE24" s="113">
        <v>999808</v>
      </c>
      <c r="GF24" s="319">
        <v>1064848</v>
      </c>
      <c r="GG24" s="115">
        <v>0</v>
      </c>
      <c r="GH24" s="114">
        <v>0</v>
      </c>
      <c r="GI24" s="112">
        <v>0</v>
      </c>
      <c r="GJ24" s="111">
        <v>0</v>
      </c>
      <c r="GK24" s="114">
        <v>0</v>
      </c>
      <c r="GL24" s="114">
        <v>0</v>
      </c>
      <c r="GM24" s="114">
        <v>0</v>
      </c>
      <c r="GN24" s="114">
        <v>0</v>
      </c>
      <c r="GO24" s="114">
        <v>0</v>
      </c>
      <c r="GP24" s="113">
        <v>0</v>
      </c>
      <c r="GQ24" s="116">
        <v>0</v>
      </c>
      <c r="GR24" s="110">
        <v>42773</v>
      </c>
      <c r="GS24" s="114">
        <v>179100</v>
      </c>
      <c r="GT24" s="113">
        <v>221873</v>
      </c>
      <c r="GU24" s="110">
        <v>0</v>
      </c>
      <c r="GV24" s="114">
        <v>16897</v>
      </c>
      <c r="GW24" s="114">
        <v>0</v>
      </c>
      <c r="GX24" s="114">
        <v>0</v>
      </c>
      <c r="GY24" s="114">
        <v>0</v>
      </c>
      <c r="GZ24" s="114">
        <v>0</v>
      </c>
      <c r="HA24" s="112">
        <v>16897</v>
      </c>
      <c r="HB24" s="116">
        <v>238770</v>
      </c>
      <c r="HC24" s="110">
        <v>0</v>
      </c>
      <c r="HD24" s="114">
        <v>278621</v>
      </c>
      <c r="HE24" s="112">
        <v>278621</v>
      </c>
      <c r="HF24" s="111">
        <v>0</v>
      </c>
      <c r="HG24" s="114">
        <v>1113144</v>
      </c>
      <c r="HH24" s="114">
        <v>713813</v>
      </c>
      <c r="HI24" s="114">
        <v>408224</v>
      </c>
      <c r="HJ24" s="114">
        <v>652655</v>
      </c>
      <c r="HK24" s="114">
        <v>0</v>
      </c>
      <c r="HL24" s="113">
        <v>2887836</v>
      </c>
      <c r="HM24" s="109">
        <v>3166457</v>
      </c>
      <c r="HN24" s="329"/>
      <c r="HO24" s="330"/>
      <c r="HP24" s="331"/>
      <c r="HQ24" s="332"/>
      <c r="HR24" s="330"/>
      <c r="HS24" s="330"/>
      <c r="HT24" s="330"/>
      <c r="HU24" s="330"/>
      <c r="HV24" s="330"/>
      <c r="HW24" s="333"/>
      <c r="HX24" s="334"/>
      <c r="HY24" s="150">
        <v>0</v>
      </c>
      <c r="HZ24" s="135">
        <v>0</v>
      </c>
      <c r="IA24" s="150">
        <v>0</v>
      </c>
      <c r="IB24" s="134">
        <v>0</v>
      </c>
      <c r="IC24" s="135">
        <v>685982</v>
      </c>
      <c r="ID24" s="136">
        <v>841595</v>
      </c>
      <c r="IE24" s="137">
        <v>203741</v>
      </c>
      <c r="IF24" s="135">
        <v>110320</v>
      </c>
      <c r="IG24" s="137">
        <v>879606</v>
      </c>
      <c r="IH24" s="138">
        <v>2721244</v>
      </c>
      <c r="II24" s="150">
        <v>2721244</v>
      </c>
      <c r="IJ24" s="232">
        <v>0</v>
      </c>
      <c r="IK24" s="236">
        <v>0</v>
      </c>
      <c r="IL24" s="237">
        <v>0</v>
      </c>
      <c r="IM24" s="140"/>
      <c r="IN24" s="119">
        <v>53748</v>
      </c>
      <c r="IO24" s="119">
        <v>0</v>
      </c>
      <c r="IP24" s="119">
        <v>0</v>
      </c>
      <c r="IQ24" s="119">
        <v>81688</v>
      </c>
      <c r="IR24" s="119">
        <v>0</v>
      </c>
      <c r="IS24" s="141">
        <v>135436</v>
      </c>
      <c r="IT24" s="321">
        <v>135436</v>
      </c>
      <c r="IU24" s="142">
        <v>0</v>
      </c>
      <c r="IV24" s="119">
        <v>0</v>
      </c>
      <c r="IW24" s="120">
        <v>0</v>
      </c>
      <c r="IX24" s="144"/>
      <c r="IY24" s="119">
        <v>0</v>
      </c>
      <c r="IZ24" s="119">
        <v>0</v>
      </c>
      <c r="JA24" s="119">
        <v>0</v>
      </c>
      <c r="JB24" s="119">
        <v>0</v>
      </c>
      <c r="JC24" s="119">
        <v>0</v>
      </c>
      <c r="JD24" s="120">
        <v>0</v>
      </c>
      <c r="JE24" s="121">
        <v>0</v>
      </c>
      <c r="JF24" s="142">
        <v>0</v>
      </c>
      <c r="JG24" s="119">
        <v>0</v>
      </c>
      <c r="JH24" s="141">
        <v>0</v>
      </c>
      <c r="JI24" s="118">
        <v>0</v>
      </c>
      <c r="JJ24" s="119">
        <v>179106</v>
      </c>
      <c r="JK24" s="119">
        <v>148192</v>
      </c>
      <c r="JL24" s="119">
        <v>0</v>
      </c>
      <c r="JM24" s="119">
        <v>28632</v>
      </c>
      <c r="JN24" s="119">
        <v>0</v>
      </c>
      <c r="JO24" s="120">
        <v>355930</v>
      </c>
      <c r="JP24" s="321">
        <v>355930</v>
      </c>
      <c r="JQ24" s="142">
        <v>0</v>
      </c>
      <c r="JR24" s="119">
        <v>0</v>
      </c>
      <c r="JS24" s="141">
        <v>0</v>
      </c>
      <c r="JT24" s="118">
        <v>0</v>
      </c>
      <c r="JU24" s="119">
        <v>0</v>
      </c>
      <c r="JV24" s="119">
        <v>152052</v>
      </c>
      <c r="JW24" s="119">
        <v>0</v>
      </c>
      <c r="JX24" s="119">
        <v>0</v>
      </c>
      <c r="JY24" s="119">
        <v>0</v>
      </c>
      <c r="JZ24" s="120">
        <v>152052</v>
      </c>
      <c r="KA24" s="321">
        <v>152052</v>
      </c>
      <c r="KB24" s="234">
        <v>0</v>
      </c>
      <c r="KC24" s="230">
        <v>0</v>
      </c>
      <c r="KD24" s="120">
        <v>0</v>
      </c>
      <c r="KE24" s="118">
        <v>0</v>
      </c>
      <c r="KF24" s="119">
        <v>211860</v>
      </c>
      <c r="KG24" s="119">
        <v>298218</v>
      </c>
      <c r="KH24" s="119">
        <v>203741</v>
      </c>
      <c r="KI24" s="119">
        <v>0</v>
      </c>
      <c r="KJ24" s="119">
        <v>528376</v>
      </c>
      <c r="KK24" s="120">
        <v>1242195</v>
      </c>
      <c r="KL24" s="143">
        <v>1242195</v>
      </c>
      <c r="KM24" s="232">
        <v>0</v>
      </c>
      <c r="KN24" s="236">
        <v>0</v>
      </c>
      <c r="KO24" s="237">
        <v>0</v>
      </c>
      <c r="KP24" s="140"/>
      <c r="KQ24" s="119">
        <v>241268</v>
      </c>
      <c r="KR24" s="119">
        <v>243133</v>
      </c>
      <c r="KS24" s="119">
        <v>0</v>
      </c>
      <c r="KT24" s="119">
        <v>0</v>
      </c>
      <c r="KU24" s="119">
        <v>0</v>
      </c>
      <c r="KV24" s="120">
        <v>484401</v>
      </c>
      <c r="KW24" s="321">
        <v>484401</v>
      </c>
      <c r="KX24" s="142">
        <v>0</v>
      </c>
      <c r="KY24" s="119">
        <v>0</v>
      </c>
      <c r="KZ24" s="120">
        <v>0</v>
      </c>
      <c r="LA24" s="145"/>
      <c r="LB24" s="119">
        <v>0</v>
      </c>
      <c r="LC24" s="119">
        <v>0</v>
      </c>
      <c r="LD24" s="119">
        <v>0</v>
      </c>
      <c r="LE24" s="119">
        <v>0</v>
      </c>
      <c r="LF24" s="119">
        <v>0</v>
      </c>
      <c r="LG24" s="120">
        <v>0</v>
      </c>
      <c r="LH24" s="121">
        <v>0</v>
      </c>
      <c r="LI24" s="142">
        <v>0</v>
      </c>
      <c r="LJ24" s="119">
        <v>0</v>
      </c>
      <c r="LK24" s="120">
        <v>0</v>
      </c>
      <c r="LL24" s="145"/>
      <c r="LM24" s="119">
        <v>0</v>
      </c>
      <c r="LN24" s="119">
        <v>0</v>
      </c>
      <c r="LO24" s="119">
        <v>0</v>
      </c>
      <c r="LP24" s="119">
        <v>0</v>
      </c>
      <c r="LQ24" s="119">
        <v>0</v>
      </c>
      <c r="LR24" s="120">
        <v>0</v>
      </c>
      <c r="LS24" s="321">
        <v>0</v>
      </c>
      <c r="LT24" s="142">
        <v>0</v>
      </c>
      <c r="LU24" s="119">
        <v>0</v>
      </c>
      <c r="LV24" s="120">
        <v>0</v>
      </c>
      <c r="LW24" s="145"/>
      <c r="LX24" s="119">
        <v>0</v>
      </c>
      <c r="LY24" s="119">
        <v>0</v>
      </c>
      <c r="LZ24" s="119">
        <v>0</v>
      </c>
      <c r="MA24" s="119">
        <v>0</v>
      </c>
      <c r="MB24" s="119">
        <v>351230</v>
      </c>
      <c r="MC24" s="120">
        <v>351230</v>
      </c>
      <c r="MD24" s="121">
        <v>351230</v>
      </c>
      <c r="ME24" s="142">
        <v>0</v>
      </c>
      <c r="MF24" s="119">
        <v>0</v>
      </c>
      <c r="MG24" s="120">
        <v>0</v>
      </c>
      <c r="MH24" s="145"/>
      <c r="MI24" s="119">
        <v>713528</v>
      </c>
      <c r="MJ24" s="119">
        <v>406997</v>
      </c>
      <c r="MK24" s="119">
        <v>1594468</v>
      </c>
      <c r="ML24" s="119">
        <v>1912435</v>
      </c>
      <c r="MM24" s="119">
        <v>1078840</v>
      </c>
      <c r="MN24" s="120">
        <v>5706268</v>
      </c>
      <c r="MO24" s="143">
        <v>5706268</v>
      </c>
      <c r="MP24" s="142">
        <v>0</v>
      </c>
      <c r="MQ24" s="119">
        <v>0</v>
      </c>
      <c r="MR24" s="120">
        <v>0</v>
      </c>
      <c r="MS24" s="145"/>
      <c r="MT24" s="119">
        <v>0</v>
      </c>
      <c r="MU24" s="119">
        <v>0</v>
      </c>
      <c r="MV24" s="119">
        <v>746912</v>
      </c>
      <c r="MW24" s="119">
        <v>1042623</v>
      </c>
      <c r="MX24" s="119">
        <v>1101131</v>
      </c>
      <c r="MY24" s="120">
        <v>2890666</v>
      </c>
      <c r="MZ24" s="143">
        <v>2890666</v>
      </c>
      <c r="NA24" s="142">
        <v>0</v>
      </c>
      <c r="NB24" s="119">
        <v>0</v>
      </c>
      <c r="NC24" s="120">
        <v>0</v>
      </c>
      <c r="ND24" s="145"/>
      <c r="NE24" s="119">
        <v>713528</v>
      </c>
      <c r="NF24" s="119">
        <v>406997</v>
      </c>
      <c r="NG24" s="119">
        <v>847556</v>
      </c>
      <c r="NH24" s="119">
        <v>869812</v>
      </c>
      <c r="NI24" s="119">
        <v>0</v>
      </c>
      <c r="NJ24" s="120">
        <v>2837893</v>
      </c>
      <c r="NK24" s="321">
        <v>2837893</v>
      </c>
      <c r="NL24" s="142">
        <v>0</v>
      </c>
      <c r="NM24" s="119">
        <v>0</v>
      </c>
      <c r="NN24" s="120">
        <v>0</v>
      </c>
      <c r="NO24" s="145"/>
      <c r="NP24" s="119">
        <v>0</v>
      </c>
      <c r="NQ24" s="119">
        <v>0</v>
      </c>
      <c r="NR24" s="119">
        <v>0</v>
      </c>
      <c r="NS24" s="119">
        <v>0</v>
      </c>
      <c r="NT24" s="119">
        <v>0</v>
      </c>
      <c r="NU24" s="120">
        <v>0</v>
      </c>
      <c r="NV24" s="121">
        <v>0</v>
      </c>
      <c r="NW24" s="142">
        <v>0</v>
      </c>
      <c r="NX24" s="119">
        <v>0</v>
      </c>
      <c r="NY24" s="120">
        <v>0</v>
      </c>
      <c r="NZ24" s="145"/>
      <c r="OA24" s="119">
        <v>0</v>
      </c>
      <c r="OB24" s="119">
        <v>0</v>
      </c>
      <c r="OC24" s="119">
        <v>0</v>
      </c>
      <c r="OD24" s="119">
        <v>0</v>
      </c>
      <c r="OE24" s="119">
        <v>-22291</v>
      </c>
      <c r="OF24" s="120">
        <v>-22291</v>
      </c>
      <c r="OG24" s="121">
        <v>-22291</v>
      </c>
      <c r="OH24" s="142">
        <v>125431</v>
      </c>
      <c r="OI24" s="119">
        <v>570962</v>
      </c>
      <c r="OJ24" s="141">
        <v>696393</v>
      </c>
      <c r="OK24" s="118">
        <v>0</v>
      </c>
      <c r="OL24" s="119">
        <v>5711893</v>
      </c>
      <c r="OM24" s="119">
        <v>5542940</v>
      </c>
      <c r="ON24" s="119">
        <v>3724907</v>
      </c>
      <c r="OO24" s="119">
        <v>4464244</v>
      </c>
      <c r="OP24" s="119">
        <v>2617201</v>
      </c>
      <c r="OQ24" s="120">
        <v>22061185</v>
      </c>
      <c r="OR24" s="143">
        <v>22757578</v>
      </c>
    </row>
    <row r="25" spans="1:408" ht="20.25" customHeight="1" x14ac:dyDescent="0.2">
      <c r="A25" s="126" t="s">
        <v>20</v>
      </c>
      <c r="B25" s="110">
        <v>459211</v>
      </c>
      <c r="C25" s="114">
        <v>803831</v>
      </c>
      <c r="D25" s="113">
        <v>1263042</v>
      </c>
      <c r="E25" s="110">
        <v>0</v>
      </c>
      <c r="F25" s="114">
        <v>5686432</v>
      </c>
      <c r="G25" s="114">
        <v>5729811</v>
      </c>
      <c r="H25" s="114">
        <v>4898723</v>
      </c>
      <c r="I25" s="114">
        <v>5065445</v>
      </c>
      <c r="J25" s="114">
        <v>1228566</v>
      </c>
      <c r="K25" s="173">
        <v>22608977</v>
      </c>
      <c r="L25" s="116">
        <v>23872019</v>
      </c>
      <c r="M25" s="110">
        <v>142549</v>
      </c>
      <c r="N25" s="114">
        <v>231206</v>
      </c>
      <c r="O25" s="113">
        <v>373755</v>
      </c>
      <c r="P25" s="110">
        <v>0</v>
      </c>
      <c r="Q25" s="114">
        <v>2129063</v>
      </c>
      <c r="R25" s="114">
        <v>1612401</v>
      </c>
      <c r="S25" s="114">
        <v>1448256</v>
      </c>
      <c r="T25" s="114">
        <v>1266924</v>
      </c>
      <c r="U25" s="114">
        <v>683828</v>
      </c>
      <c r="V25" s="113">
        <v>7140472</v>
      </c>
      <c r="W25" s="116">
        <v>7514227</v>
      </c>
      <c r="X25" s="110">
        <v>0</v>
      </c>
      <c r="Y25" s="114">
        <v>0</v>
      </c>
      <c r="Z25" s="113">
        <v>0</v>
      </c>
      <c r="AA25" s="110">
        <v>0</v>
      </c>
      <c r="AB25" s="114">
        <v>655989</v>
      </c>
      <c r="AC25" s="114">
        <v>667383</v>
      </c>
      <c r="AD25" s="114">
        <v>529488</v>
      </c>
      <c r="AE25" s="114">
        <v>578603</v>
      </c>
      <c r="AF25" s="114">
        <v>187835</v>
      </c>
      <c r="AG25" s="113">
        <v>2619298</v>
      </c>
      <c r="AH25" s="116">
        <v>2619298</v>
      </c>
      <c r="AI25" s="110">
        <v>0</v>
      </c>
      <c r="AJ25" s="114">
        <v>0</v>
      </c>
      <c r="AK25" s="113">
        <v>0</v>
      </c>
      <c r="AL25" s="110">
        <v>0</v>
      </c>
      <c r="AM25" s="114">
        <v>0</v>
      </c>
      <c r="AN25" s="114">
        <v>0</v>
      </c>
      <c r="AO25" s="114">
        <v>0</v>
      </c>
      <c r="AP25" s="114">
        <v>48762</v>
      </c>
      <c r="AQ25" s="114">
        <v>175866</v>
      </c>
      <c r="AR25" s="113">
        <v>224628</v>
      </c>
      <c r="AS25" s="116">
        <v>224628</v>
      </c>
      <c r="AT25" s="110">
        <v>63539</v>
      </c>
      <c r="AU25" s="114">
        <v>116522</v>
      </c>
      <c r="AV25" s="113">
        <v>180061</v>
      </c>
      <c r="AW25" s="110">
        <v>0</v>
      </c>
      <c r="AX25" s="114">
        <v>1066735</v>
      </c>
      <c r="AY25" s="114">
        <v>469109</v>
      </c>
      <c r="AZ25" s="114">
        <v>517849</v>
      </c>
      <c r="BA25" s="114">
        <v>288587</v>
      </c>
      <c r="BB25" s="114">
        <v>259143</v>
      </c>
      <c r="BC25" s="113">
        <v>2601423</v>
      </c>
      <c r="BD25" s="116">
        <v>2781484</v>
      </c>
      <c r="BE25" s="110">
        <v>53938</v>
      </c>
      <c r="BF25" s="114">
        <v>41172</v>
      </c>
      <c r="BG25" s="112">
        <v>95110</v>
      </c>
      <c r="BH25" s="111">
        <v>0</v>
      </c>
      <c r="BI25" s="114">
        <v>161099</v>
      </c>
      <c r="BJ25" s="114">
        <v>133461</v>
      </c>
      <c r="BK25" s="114">
        <v>111343</v>
      </c>
      <c r="BL25" s="114">
        <v>85916</v>
      </c>
      <c r="BM25" s="114">
        <v>0</v>
      </c>
      <c r="BN25" s="113">
        <v>491819</v>
      </c>
      <c r="BO25" s="116">
        <v>586929</v>
      </c>
      <c r="BP25" s="110">
        <v>25072</v>
      </c>
      <c r="BQ25" s="114">
        <v>73512</v>
      </c>
      <c r="BR25" s="113">
        <v>98584</v>
      </c>
      <c r="BS25" s="110">
        <v>0</v>
      </c>
      <c r="BT25" s="114">
        <v>245240</v>
      </c>
      <c r="BU25" s="114">
        <v>342448</v>
      </c>
      <c r="BV25" s="114">
        <v>289576</v>
      </c>
      <c r="BW25" s="114">
        <v>265056</v>
      </c>
      <c r="BX25" s="114">
        <v>60984</v>
      </c>
      <c r="BY25" s="113">
        <v>1203304</v>
      </c>
      <c r="BZ25" s="116">
        <v>1301888</v>
      </c>
      <c r="CA25" s="110">
        <v>123198</v>
      </c>
      <c r="CB25" s="114">
        <v>72944</v>
      </c>
      <c r="CC25" s="113">
        <v>196142</v>
      </c>
      <c r="CD25" s="110">
        <v>0</v>
      </c>
      <c r="CE25" s="114">
        <v>1831620</v>
      </c>
      <c r="CF25" s="114">
        <v>1434058</v>
      </c>
      <c r="CG25" s="114">
        <v>1406307</v>
      </c>
      <c r="CH25" s="114">
        <v>1137665</v>
      </c>
      <c r="CI25" s="114">
        <v>220078</v>
      </c>
      <c r="CJ25" s="113">
        <v>6029728</v>
      </c>
      <c r="CK25" s="116">
        <v>6225870</v>
      </c>
      <c r="CL25" s="110">
        <v>0</v>
      </c>
      <c r="CM25" s="114">
        <v>0</v>
      </c>
      <c r="CN25" s="113">
        <v>0</v>
      </c>
      <c r="CO25" s="111">
        <v>0</v>
      </c>
      <c r="CP25" s="114">
        <v>1258920</v>
      </c>
      <c r="CQ25" s="114">
        <v>868926</v>
      </c>
      <c r="CR25" s="114">
        <v>1117655</v>
      </c>
      <c r="CS25" s="114">
        <v>305955</v>
      </c>
      <c r="CT25" s="114">
        <v>146550</v>
      </c>
      <c r="CU25" s="113">
        <v>3698006</v>
      </c>
      <c r="CV25" s="116">
        <v>3698006</v>
      </c>
      <c r="CW25" s="110">
        <v>123198</v>
      </c>
      <c r="CX25" s="114">
        <v>72944</v>
      </c>
      <c r="CY25" s="113">
        <v>196142</v>
      </c>
      <c r="CZ25" s="110">
        <v>0</v>
      </c>
      <c r="DA25" s="114">
        <v>572700</v>
      </c>
      <c r="DB25" s="114">
        <v>565132</v>
      </c>
      <c r="DC25" s="114">
        <v>288652</v>
      </c>
      <c r="DD25" s="114">
        <v>831710</v>
      </c>
      <c r="DE25" s="114">
        <v>73528</v>
      </c>
      <c r="DF25" s="113">
        <v>2331722</v>
      </c>
      <c r="DG25" s="116">
        <v>2527864</v>
      </c>
      <c r="DH25" s="110">
        <v>0</v>
      </c>
      <c r="DI25" s="114">
        <v>22539</v>
      </c>
      <c r="DJ25" s="112">
        <v>22539</v>
      </c>
      <c r="DK25" s="111">
        <v>0</v>
      </c>
      <c r="DL25" s="114">
        <v>280423</v>
      </c>
      <c r="DM25" s="114">
        <v>161750</v>
      </c>
      <c r="DN25" s="114">
        <v>510718</v>
      </c>
      <c r="DO25" s="114">
        <v>676639</v>
      </c>
      <c r="DP25" s="114">
        <v>231028</v>
      </c>
      <c r="DQ25" s="113">
        <v>1860558</v>
      </c>
      <c r="DR25" s="116">
        <v>1883097</v>
      </c>
      <c r="DS25" s="110">
        <v>0</v>
      </c>
      <c r="DT25" s="114">
        <v>22539</v>
      </c>
      <c r="DU25" s="113">
        <v>22539</v>
      </c>
      <c r="DV25" s="110">
        <v>0</v>
      </c>
      <c r="DW25" s="114">
        <v>280423</v>
      </c>
      <c r="DX25" s="114">
        <v>131337</v>
      </c>
      <c r="DY25" s="114">
        <v>510718</v>
      </c>
      <c r="DZ25" s="114">
        <v>550287</v>
      </c>
      <c r="EA25" s="114">
        <v>0</v>
      </c>
      <c r="EB25" s="113">
        <v>1472765</v>
      </c>
      <c r="EC25" s="116">
        <v>1495304</v>
      </c>
      <c r="ED25" s="110">
        <v>0</v>
      </c>
      <c r="EE25" s="112">
        <v>0</v>
      </c>
      <c r="EF25" s="113">
        <v>0</v>
      </c>
      <c r="EG25" s="110">
        <v>0</v>
      </c>
      <c r="EH25" s="114">
        <v>0</v>
      </c>
      <c r="EI25" s="114">
        <v>30413</v>
      </c>
      <c r="EJ25" s="114">
        <v>0</v>
      </c>
      <c r="EK25" s="114">
        <v>126352</v>
      </c>
      <c r="EL25" s="114">
        <v>231028</v>
      </c>
      <c r="EM25" s="112">
        <v>387793</v>
      </c>
      <c r="EN25" s="116">
        <v>387793</v>
      </c>
      <c r="EO25" s="110">
        <v>0</v>
      </c>
      <c r="EP25" s="114">
        <v>0</v>
      </c>
      <c r="EQ25" s="112">
        <v>0</v>
      </c>
      <c r="ER25" s="111">
        <v>0</v>
      </c>
      <c r="ES25" s="114">
        <v>0</v>
      </c>
      <c r="ET25" s="114">
        <v>0</v>
      </c>
      <c r="EU25" s="114">
        <v>0</v>
      </c>
      <c r="EV25" s="114">
        <v>0</v>
      </c>
      <c r="EW25" s="114">
        <v>0</v>
      </c>
      <c r="EX25" s="113">
        <v>0</v>
      </c>
      <c r="EY25" s="116">
        <v>0</v>
      </c>
      <c r="EZ25" s="110">
        <v>0</v>
      </c>
      <c r="FA25" s="114">
        <v>0</v>
      </c>
      <c r="FB25" s="112">
        <v>0</v>
      </c>
      <c r="FC25" s="348"/>
      <c r="FD25" s="114">
        <v>0</v>
      </c>
      <c r="FE25" s="114">
        <v>0</v>
      </c>
      <c r="FF25" s="114">
        <v>0</v>
      </c>
      <c r="FG25" s="114">
        <v>0</v>
      </c>
      <c r="FH25" s="114">
        <v>0</v>
      </c>
      <c r="FI25" s="113">
        <v>0</v>
      </c>
      <c r="FJ25" s="116">
        <v>0</v>
      </c>
      <c r="FK25" s="110">
        <v>88096</v>
      </c>
      <c r="FL25" s="114">
        <v>113856</v>
      </c>
      <c r="FM25" s="113">
        <v>201952</v>
      </c>
      <c r="FN25" s="110">
        <v>0</v>
      </c>
      <c r="FO25" s="114">
        <v>494424</v>
      </c>
      <c r="FP25" s="114">
        <v>450368</v>
      </c>
      <c r="FQ25" s="114">
        <v>322464</v>
      </c>
      <c r="FR25" s="114">
        <v>276600</v>
      </c>
      <c r="FS25" s="114">
        <v>93632</v>
      </c>
      <c r="FT25" s="113">
        <v>1637488</v>
      </c>
      <c r="FU25" s="116">
        <v>1839440</v>
      </c>
      <c r="FV25" s="115">
        <v>88096</v>
      </c>
      <c r="FW25" s="114">
        <v>113856</v>
      </c>
      <c r="FX25" s="112">
        <v>201952</v>
      </c>
      <c r="FY25" s="111">
        <v>0</v>
      </c>
      <c r="FZ25" s="114">
        <v>433624</v>
      </c>
      <c r="GA25" s="114">
        <v>430568</v>
      </c>
      <c r="GB25" s="114">
        <v>322464</v>
      </c>
      <c r="GC25" s="114">
        <v>276600</v>
      </c>
      <c r="GD25" s="114">
        <v>93632</v>
      </c>
      <c r="GE25" s="113">
        <v>1556888</v>
      </c>
      <c r="GF25" s="319">
        <v>1758840</v>
      </c>
      <c r="GG25" s="115">
        <v>0</v>
      </c>
      <c r="GH25" s="114">
        <v>0</v>
      </c>
      <c r="GI25" s="112">
        <v>0</v>
      </c>
      <c r="GJ25" s="111">
        <v>0</v>
      </c>
      <c r="GK25" s="114">
        <v>60800</v>
      </c>
      <c r="GL25" s="114">
        <v>19800</v>
      </c>
      <c r="GM25" s="114">
        <v>0</v>
      </c>
      <c r="GN25" s="114">
        <v>0</v>
      </c>
      <c r="GO25" s="114">
        <v>0</v>
      </c>
      <c r="GP25" s="113">
        <v>80600</v>
      </c>
      <c r="GQ25" s="116">
        <v>80600</v>
      </c>
      <c r="GR25" s="110">
        <v>0</v>
      </c>
      <c r="GS25" s="114">
        <v>0</v>
      </c>
      <c r="GT25" s="113">
        <v>0</v>
      </c>
      <c r="GU25" s="110">
        <v>0</v>
      </c>
      <c r="GV25" s="114">
        <v>0</v>
      </c>
      <c r="GW25" s="114">
        <v>0</v>
      </c>
      <c r="GX25" s="114">
        <v>0</v>
      </c>
      <c r="GY25" s="114">
        <v>0</v>
      </c>
      <c r="GZ25" s="114">
        <v>0</v>
      </c>
      <c r="HA25" s="112">
        <v>0</v>
      </c>
      <c r="HB25" s="116">
        <v>0</v>
      </c>
      <c r="HC25" s="110">
        <v>105368</v>
      </c>
      <c r="HD25" s="114">
        <v>363286</v>
      </c>
      <c r="HE25" s="112">
        <v>468654</v>
      </c>
      <c r="HF25" s="111">
        <v>0</v>
      </c>
      <c r="HG25" s="114">
        <v>950902</v>
      </c>
      <c r="HH25" s="114">
        <v>2071234</v>
      </c>
      <c r="HI25" s="114">
        <v>1210978</v>
      </c>
      <c r="HJ25" s="114">
        <v>1707617</v>
      </c>
      <c r="HK25" s="114">
        <v>0</v>
      </c>
      <c r="HL25" s="113">
        <v>5940731</v>
      </c>
      <c r="HM25" s="109">
        <v>6409385</v>
      </c>
      <c r="HN25" s="329"/>
      <c r="HO25" s="330"/>
      <c r="HP25" s="331"/>
      <c r="HQ25" s="332"/>
      <c r="HR25" s="330"/>
      <c r="HS25" s="330"/>
      <c r="HT25" s="330"/>
      <c r="HU25" s="330"/>
      <c r="HV25" s="330"/>
      <c r="HW25" s="333"/>
      <c r="HX25" s="334"/>
      <c r="HY25" s="131">
        <v>0</v>
      </c>
      <c r="HZ25" s="132">
        <v>0</v>
      </c>
      <c r="IA25" s="133">
        <v>0</v>
      </c>
      <c r="IB25" s="146">
        <v>0</v>
      </c>
      <c r="IC25" s="132">
        <v>758927</v>
      </c>
      <c r="ID25" s="147">
        <v>789032</v>
      </c>
      <c r="IE25" s="133">
        <v>776539</v>
      </c>
      <c r="IF25" s="132">
        <v>653062</v>
      </c>
      <c r="IG25" s="133">
        <v>0</v>
      </c>
      <c r="IH25" s="148">
        <v>2977560</v>
      </c>
      <c r="II25" s="139">
        <v>2977560</v>
      </c>
      <c r="IJ25" s="232">
        <v>0</v>
      </c>
      <c r="IK25" s="236">
        <v>0</v>
      </c>
      <c r="IL25" s="237">
        <v>0</v>
      </c>
      <c r="IM25" s="140"/>
      <c r="IN25" s="119">
        <v>0</v>
      </c>
      <c r="IO25" s="119">
        <v>0</v>
      </c>
      <c r="IP25" s="119">
        <v>0</v>
      </c>
      <c r="IQ25" s="119">
        <v>0</v>
      </c>
      <c r="IR25" s="119">
        <v>0</v>
      </c>
      <c r="IS25" s="141">
        <v>0</v>
      </c>
      <c r="IT25" s="321">
        <v>0</v>
      </c>
      <c r="IU25" s="142">
        <v>0</v>
      </c>
      <c r="IV25" s="119">
        <v>0</v>
      </c>
      <c r="IW25" s="120">
        <v>0</v>
      </c>
      <c r="IX25" s="144"/>
      <c r="IY25" s="119">
        <v>0</v>
      </c>
      <c r="IZ25" s="119">
        <v>0</v>
      </c>
      <c r="JA25" s="119">
        <v>0</v>
      </c>
      <c r="JB25" s="119">
        <v>0</v>
      </c>
      <c r="JC25" s="119">
        <v>0</v>
      </c>
      <c r="JD25" s="120">
        <v>0</v>
      </c>
      <c r="JE25" s="121">
        <v>0</v>
      </c>
      <c r="JF25" s="142">
        <v>0</v>
      </c>
      <c r="JG25" s="119">
        <v>0</v>
      </c>
      <c r="JH25" s="141">
        <v>0</v>
      </c>
      <c r="JI25" s="118">
        <v>0</v>
      </c>
      <c r="JJ25" s="119">
        <v>517047</v>
      </c>
      <c r="JK25" s="119">
        <v>423439</v>
      </c>
      <c r="JL25" s="119">
        <v>362279</v>
      </c>
      <c r="JM25" s="119">
        <v>138324</v>
      </c>
      <c r="JN25" s="119">
        <v>0</v>
      </c>
      <c r="JO25" s="120">
        <v>1441089</v>
      </c>
      <c r="JP25" s="321">
        <v>1441089</v>
      </c>
      <c r="JQ25" s="142">
        <v>0</v>
      </c>
      <c r="JR25" s="119">
        <v>0</v>
      </c>
      <c r="JS25" s="141">
        <v>0</v>
      </c>
      <c r="JT25" s="118">
        <v>0</v>
      </c>
      <c r="JU25" s="119">
        <v>0</v>
      </c>
      <c r="JV25" s="119">
        <v>0</v>
      </c>
      <c r="JW25" s="119">
        <v>153290</v>
      </c>
      <c r="JX25" s="119">
        <v>0</v>
      </c>
      <c r="JY25" s="119">
        <v>0</v>
      </c>
      <c r="JZ25" s="120">
        <v>153290</v>
      </c>
      <c r="KA25" s="321">
        <v>153290</v>
      </c>
      <c r="KB25" s="234">
        <v>0</v>
      </c>
      <c r="KC25" s="230">
        <v>0</v>
      </c>
      <c r="KD25" s="120">
        <v>0</v>
      </c>
      <c r="KE25" s="118">
        <v>0</v>
      </c>
      <c r="KF25" s="119">
        <v>0</v>
      </c>
      <c r="KG25" s="119">
        <v>0</v>
      </c>
      <c r="KH25" s="119">
        <v>0</v>
      </c>
      <c r="KI25" s="119">
        <v>0</v>
      </c>
      <c r="KJ25" s="119">
        <v>0</v>
      </c>
      <c r="KK25" s="120">
        <v>0</v>
      </c>
      <c r="KL25" s="143">
        <v>0</v>
      </c>
      <c r="KM25" s="232">
        <v>0</v>
      </c>
      <c r="KN25" s="236">
        <v>0</v>
      </c>
      <c r="KO25" s="237">
        <v>0</v>
      </c>
      <c r="KP25" s="140"/>
      <c r="KQ25" s="119">
        <v>241880</v>
      </c>
      <c r="KR25" s="119">
        <v>365593</v>
      </c>
      <c r="KS25" s="119">
        <v>260970</v>
      </c>
      <c r="KT25" s="119">
        <v>514738</v>
      </c>
      <c r="KU25" s="119">
        <v>0</v>
      </c>
      <c r="KV25" s="120">
        <v>1383181</v>
      </c>
      <c r="KW25" s="321">
        <v>1383181</v>
      </c>
      <c r="KX25" s="142">
        <v>0</v>
      </c>
      <c r="KY25" s="119">
        <v>0</v>
      </c>
      <c r="KZ25" s="120">
        <v>0</v>
      </c>
      <c r="LA25" s="145"/>
      <c r="LB25" s="119">
        <v>0</v>
      </c>
      <c r="LC25" s="119">
        <v>0</v>
      </c>
      <c r="LD25" s="119">
        <v>0</v>
      </c>
      <c r="LE25" s="119">
        <v>0</v>
      </c>
      <c r="LF25" s="119">
        <v>0</v>
      </c>
      <c r="LG25" s="120">
        <v>0</v>
      </c>
      <c r="LH25" s="121">
        <v>0</v>
      </c>
      <c r="LI25" s="142">
        <v>0</v>
      </c>
      <c r="LJ25" s="119">
        <v>0</v>
      </c>
      <c r="LK25" s="120">
        <v>0</v>
      </c>
      <c r="LL25" s="145"/>
      <c r="LM25" s="119">
        <v>0</v>
      </c>
      <c r="LN25" s="119">
        <v>0</v>
      </c>
      <c r="LO25" s="119">
        <v>0</v>
      </c>
      <c r="LP25" s="119">
        <v>0</v>
      </c>
      <c r="LQ25" s="119">
        <v>0</v>
      </c>
      <c r="LR25" s="120">
        <v>0</v>
      </c>
      <c r="LS25" s="321">
        <v>0</v>
      </c>
      <c r="LT25" s="142">
        <v>0</v>
      </c>
      <c r="LU25" s="119">
        <v>0</v>
      </c>
      <c r="LV25" s="120">
        <v>0</v>
      </c>
      <c r="LW25" s="145"/>
      <c r="LX25" s="119">
        <v>0</v>
      </c>
      <c r="LY25" s="119">
        <v>0</v>
      </c>
      <c r="LZ25" s="119">
        <v>0</v>
      </c>
      <c r="MA25" s="119">
        <v>0</v>
      </c>
      <c r="MB25" s="119">
        <v>0</v>
      </c>
      <c r="MC25" s="120">
        <v>0</v>
      </c>
      <c r="MD25" s="121">
        <v>0</v>
      </c>
      <c r="ME25" s="142">
        <v>0</v>
      </c>
      <c r="MF25" s="119">
        <v>0</v>
      </c>
      <c r="MG25" s="120">
        <v>0</v>
      </c>
      <c r="MH25" s="145"/>
      <c r="MI25" s="119">
        <v>313636</v>
      </c>
      <c r="MJ25" s="119">
        <v>746637</v>
      </c>
      <c r="MK25" s="119">
        <v>2480936</v>
      </c>
      <c r="ML25" s="119">
        <v>2788176</v>
      </c>
      <c r="MM25" s="119">
        <v>2454106</v>
      </c>
      <c r="MN25" s="120">
        <v>8783491</v>
      </c>
      <c r="MO25" s="143">
        <v>8783491</v>
      </c>
      <c r="MP25" s="142">
        <v>0</v>
      </c>
      <c r="MQ25" s="119">
        <v>0</v>
      </c>
      <c r="MR25" s="120">
        <v>0</v>
      </c>
      <c r="MS25" s="145"/>
      <c r="MT25" s="119">
        <v>0</v>
      </c>
      <c r="MU25" s="119">
        <v>0</v>
      </c>
      <c r="MV25" s="119">
        <v>774155</v>
      </c>
      <c r="MW25" s="119">
        <v>2486472</v>
      </c>
      <c r="MX25" s="119">
        <v>1709129</v>
      </c>
      <c r="MY25" s="120">
        <v>4969756</v>
      </c>
      <c r="MZ25" s="143">
        <v>4969756</v>
      </c>
      <c r="NA25" s="142">
        <v>0</v>
      </c>
      <c r="NB25" s="119">
        <v>0</v>
      </c>
      <c r="NC25" s="120">
        <v>0</v>
      </c>
      <c r="ND25" s="145"/>
      <c r="NE25" s="119">
        <v>313636</v>
      </c>
      <c r="NF25" s="119">
        <v>746637</v>
      </c>
      <c r="NG25" s="119">
        <v>1706781</v>
      </c>
      <c r="NH25" s="119">
        <v>301704</v>
      </c>
      <c r="NI25" s="119">
        <v>9421</v>
      </c>
      <c r="NJ25" s="120">
        <v>3078179</v>
      </c>
      <c r="NK25" s="321">
        <v>3078179</v>
      </c>
      <c r="NL25" s="142">
        <v>0</v>
      </c>
      <c r="NM25" s="119">
        <v>0</v>
      </c>
      <c r="NN25" s="120">
        <v>0</v>
      </c>
      <c r="NO25" s="145"/>
      <c r="NP25" s="119">
        <v>0</v>
      </c>
      <c r="NQ25" s="119">
        <v>0</v>
      </c>
      <c r="NR25" s="119">
        <v>0</v>
      </c>
      <c r="NS25" s="119">
        <v>0</v>
      </c>
      <c r="NT25" s="119">
        <v>0</v>
      </c>
      <c r="NU25" s="120">
        <v>0</v>
      </c>
      <c r="NV25" s="121">
        <v>0</v>
      </c>
      <c r="NW25" s="142">
        <v>0</v>
      </c>
      <c r="NX25" s="119">
        <v>0</v>
      </c>
      <c r="NY25" s="120">
        <v>0</v>
      </c>
      <c r="NZ25" s="145"/>
      <c r="OA25" s="119">
        <v>0</v>
      </c>
      <c r="OB25" s="119">
        <v>0</v>
      </c>
      <c r="OC25" s="119">
        <v>0</v>
      </c>
      <c r="OD25" s="119">
        <v>0</v>
      </c>
      <c r="OE25" s="119">
        <v>735556</v>
      </c>
      <c r="OF25" s="120">
        <v>735556</v>
      </c>
      <c r="OG25" s="121">
        <v>735556</v>
      </c>
      <c r="OH25" s="142">
        <v>459211</v>
      </c>
      <c r="OI25" s="119">
        <v>803831</v>
      </c>
      <c r="OJ25" s="141">
        <v>1263042</v>
      </c>
      <c r="OK25" s="118">
        <v>0</v>
      </c>
      <c r="OL25" s="119">
        <v>6758995</v>
      </c>
      <c r="OM25" s="119">
        <v>7265480</v>
      </c>
      <c r="ON25" s="119">
        <v>8156198</v>
      </c>
      <c r="OO25" s="119">
        <v>8506683</v>
      </c>
      <c r="OP25" s="119">
        <v>3682672</v>
      </c>
      <c r="OQ25" s="120">
        <v>34370028</v>
      </c>
      <c r="OR25" s="143">
        <v>35633070</v>
      </c>
    </row>
    <row r="26" spans="1:408" ht="20.25" customHeight="1" x14ac:dyDescent="0.2">
      <c r="A26" s="126" t="s">
        <v>21</v>
      </c>
      <c r="B26" s="110">
        <v>204467</v>
      </c>
      <c r="C26" s="114">
        <v>371313</v>
      </c>
      <c r="D26" s="113">
        <v>575780</v>
      </c>
      <c r="E26" s="109">
        <v>0</v>
      </c>
      <c r="F26" s="114">
        <v>4288801</v>
      </c>
      <c r="G26" s="114">
        <v>4534066</v>
      </c>
      <c r="H26" s="114">
        <v>3477403</v>
      </c>
      <c r="I26" s="114">
        <v>3837683</v>
      </c>
      <c r="J26" s="114">
        <v>2603150</v>
      </c>
      <c r="K26" s="173">
        <v>18741103</v>
      </c>
      <c r="L26" s="116">
        <v>19316883</v>
      </c>
      <c r="M26" s="110">
        <v>125951</v>
      </c>
      <c r="N26" s="114">
        <v>158244</v>
      </c>
      <c r="O26" s="113">
        <v>284195</v>
      </c>
      <c r="P26" s="110">
        <v>0</v>
      </c>
      <c r="Q26" s="114">
        <v>1441545</v>
      </c>
      <c r="R26" s="114">
        <v>1531078</v>
      </c>
      <c r="S26" s="114">
        <v>752635</v>
      </c>
      <c r="T26" s="114">
        <v>2120827</v>
      </c>
      <c r="U26" s="114">
        <v>1580071</v>
      </c>
      <c r="V26" s="113">
        <v>7426156</v>
      </c>
      <c r="W26" s="116">
        <v>7710351</v>
      </c>
      <c r="X26" s="110">
        <v>0</v>
      </c>
      <c r="Y26" s="114">
        <v>0</v>
      </c>
      <c r="Z26" s="113">
        <v>0</v>
      </c>
      <c r="AA26" s="110">
        <v>0</v>
      </c>
      <c r="AB26" s="114">
        <v>556391</v>
      </c>
      <c r="AC26" s="114">
        <v>336201</v>
      </c>
      <c r="AD26" s="114">
        <v>370470</v>
      </c>
      <c r="AE26" s="114">
        <v>1406827</v>
      </c>
      <c r="AF26" s="114">
        <v>1170264</v>
      </c>
      <c r="AG26" s="113">
        <v>3840153</v>
      </c>
      <c r="AH26" s="116">
        <v>3840153</v>
      </c>
      <c r="AI26" s="110">
        <v>0</v>
      </c>
      <c r="AJ26" s="114">
        <v>0</v>
      </c>
      <c r="AK26" s="113">
        <v>0</v>
      </c>
      <c r="AL26" s="110">
        <v>0</v>
      </c>
      <c r="AM26" s="114">
        <v>0</v>
      </c>
      <c r="AN26" s="114">
        <v>0</v>
      </c>
      <c r="AO26" s="114">
        <v>0</v>
      </c>
      <c r="AP26" s="114">
        <v>23448</v>
      </c>
      <c r="AQ26" s="114">
        <v>151054</v>
      </c>
      <c r="AR26" s="113">
        <v>174502</v>
      </c>
      <c r="AS26" s="116">
        <v>174502</v>
      </c>
      <c r="AT26" s="110">
        <v>47455</v>
      </c>
      <c r="AU26" s="114">
        <v>136178</v>
      </c>
      <c r="AV26" s="113">
        <v>183633</v>
      </c>
      <c r="AW26" s="110">
        <v>0</v>
      </c>
      <c r="AX26" s="114">
        <v>543897</v>
      </c>
      <c r="AY26" s="114">
        <v>836493</v>
      </c>
      <c r="AZ26" s="114">
        <v>214365</v>
      </c>
      <c r="BA26" s="114">
        <v>507048</v>
      </c>
      <c r="BB26" s="114">
        <v>129561</v>
      </c>
      <c r="BC26" s="113">
        <v>2231364</v>
      </c>
      <c r="BD26" s="116">
        <v>2414997</v>
      </c>
      <c r="BE26" s="110">
        <v>32712</v>
      </c>
      <c r="BF26" s="114">
        <v>15546</v>
      </c>
      <c r="BG26" s="112">
        <v>48258</v>
      </c>
      <c r="BH26" s="111">
        <v>0</v>
      </c>
      <c r="BI26" s="114">
        <v>82305</v>
      </c>
      <c r="BJ26" s="114">
        <v>136312</v>
      </c>
      <c r="BK26" s="114">
        <v>0</v>
      </c>
      <c r="BL26" s="114">
        <v>0</v>
      </c>
      <c r="BM26" s="114">
        <v>0</v>
      </c>
      <c r="BN26" s="113">
        <v>218617</v>
      </c>
      <c r="BO26" s="116">
        <v>266875</v>
      </c>
      <c r="BP26" s="110">
        <v>45784</v>
      </c>
      <c r="BQ26" s="114">
        <v>6520</v>
      </c>
      <c r="BR26" s="113">
        <v>52304</v>
      </c>
      <c r="BS26" s="110">
        <v>0</v>
      </c>
      <c r="BT26" s="114">
        <v>258952</v>
      </c>
      <c r="BU26" s="114">
        <v>222072</v>
      </c>
      <c r="BV26" s="114">
        <v>167800</v>
      </c>
      <c r="BW26" s="114">
        <v>183504</v>
      </c>
      <c r="BX26" s="114">
        <v>129192</v>
      </c>
      <c r="BY26" s="113">
        <v>961520</v>
      </c>
      <c r="BZ26" s="116">
        <v>1013824</v>
      </c>
      <c r="CA26" s="110">
        <v>0</v>
      </c>
      <c r="CB26" s="114">
        <v>75537</v>
      </c>
      <c r="CC26" s="113">
        <v>75537</v>
      </c>
      <c r="CD26" s="110">
        <v>0</v>
      </c>
      <c r="CE26" s="114">
        <v>1186684</v>
      </c>
      <c r="CF26" s="114">
        <v>1297283</v>
      </c>
      <c r="CG26" s="114">
        <v>1105183</v>
      </c>
      <c r="CH26" s="114">
        <v>168743</v>
      </c>
      <c r="CI26" s="114">
        <v>273818</v>
      </c>
      <c r="CJ26" s="113">
        <v>4031711</v>
      </c>
      <c r="CK26" s="116">
        <v>4107248</v>
      </c>
      <c r="CL26" s="110">
        <v>0</v>
      </c>
      <c r="CM26" s="114">
        <v>0</v>
      </c>
      <c r="CN26" s="113">
        <v>0</v>
      </c>
      <c r="CO26" s="111">
        <v>0</v>
      </c>
      <c r="CP26" s="114">
        <v>912378</v>
      </c>
      <c r="CQ26" s="114">
        <v>694246</v>
      </c>
      <c r="CR26" s="114">
        <v>672680</v>
      </c>
      <c r="CS26" s="114">
        <v>168743</v>
      </c>
      <c r="CT26" s="114">
        <v>273818</v>
      </c>
      <c r="CU26" s="113">
        <v>2721865</v>
      </c>
      <c r="CV26" s="116">
        <v>2721865</v>
      </c>
      <c r="CW26" s="110">
        <v>0</v>
      </c>
      <c r="CX26" s="114">
        <v>75537</v>
      </c>
      <c r="CY26" s="113">
        <v>75537</v>
      </c>
      <c r="CZ26" s="110">
        <v>0</v>
      </c>
      <c r="DA26" s="114">
        <v>274306</v>
      </c>
      <c r="DB26" s="114">
        <v>603037</v>
      </c>
      <c r="DC26" s="114">
        <v>432503</v>
      </c>
      <c r="DD26" s="114">
        <v>0</v>
      </c>
      <c r="DE26" s="114">
        <v>0</v>
      </c>
      <c r="DF26" s="113">
        <v>1309846</v>
      </c>
      <c r="DG26" s="116">
        <v>1385383</v>
      </c>
      <c r="DH26" s="110">
        <v>0</v>
      </c>
      <c r="DI26" s="114">
        <v>0</v>
      </c>
      <c r="DJ26" s="112">
        <v>0</v>
      </c>
      <c r="DK26" s="111">
        <v>0</v>
      </c>
      <c r="DL26" s="114">
        <v>130024</v>
      </c>
      <c r="DM26" s="114">
        <v>66540</v>
      </c>
      <c r="DN26" s="114">
        <v>807755</v>
      </c>
      <c r="DO26" s="114">
        <v>634065</v>
      </c>
      <c r="DP26" s="114">
        <v>58353</v>
      </c>
      <c r="DQ26" s="113">
        <v>1696737</v>
      </c>
      <c r="DR26" s="116">
        <v>1696737</v>
      </c>
      <c r="DS26" s="110">
        <v>0</v>
      </c>
      <c r="DT26" s="114">
        <v>0</v>
      </c>
      <c r="DU26" s="113">
        <v>0</v>
      </c>
      <c r="DV26" s="110">
        <v>0</v>
      </c>
      <c r="DW26" s="114">
        <v>130024</v>
      </c>
      <c r="DX26" s="114">
        <v>66540</v>
      </c>
      <c r="DY26" s="114">
        <v>807755</v>
      </c>
      <c r="DZ26" s="114">
        <v>634065</v>
      </c>
      <c r="EA26" s="114">
        <v>58353</v>
      </c>
      <c r="EB26" s="113">
        <v>1696737</v>
      </c>
      <c r="EC26" s="116">
        <v>1696737</v>
      </c>
      <c r="ED26" s="110">
        <v>0</v>
      </c>
      <c r="EE26" s="112">
        <v>0</v>
      </c>
      <c r="EF26" s="113">
        <v>0</v>
      </c>
      <c r="EG26" s="110">
        <v>0</v>
      </c>
      <c r="EH26" s="114">
        <v>0</v>
      </c>
      <c r="EI26" s="114">
        <v>0</v>
      </c>
      <c r="EJ26" s="114">
        <v>0</v>
      </c>
      <c r="EK26" s="114">
        <v>0</v>
      </c>
      <c r="EL26" s="114">
        <v>0</v>
      </c>
      <c r="EM26" s="112">
        <v>0</v>
      </c>
      <c r="EN26" s="116">
        <v>0</v>
      </c>
      <c r="EO26" s="110">
        <v>0</v>
      </c>
      <c r="EP26" s="114">
        <v>0</v>
      </c>
      <c r="EQ26" s="112">
        <v>0</v>
      </c>
      <c r="ER26" s="111">
        <v>0</v>
      </c>
      <c r="ES26" s="114">
        <v>0</v>
      </c>
      <c r="ET26" s="114">
        <v>0</v>
      </c>
      <c r="EU26" s="114">
        <v>0</v>
      </c>
      <c r="EV26" s="114">
        <v>0</v>
      </c>
      <c r="EW26" s="114">
        <v>0</v>
      </c>
      <c r="EX26" s="113">
        <v>0</v>
      </c>
      <c r="EY26" s="116">
        <v>0</v>
      </c>
      <c r="EZ26" s="110">
        <v>0</v>
      </c>
      <c r="FA26" s="114">
        <v>0</v>
      </c>
      <c r="FB26" s="112">
        <v>0</v>
      </c>
      <c r="FC26" s="348"/>
      <c r="FD26" s="114">
        <v>0</v>
      </c>
      <c r="FE26" s="114">
        <v>0</v>
      </c>
      <c r="FF26" s="114">
        <v>0</v>
      </c>
      <c r="FG26" s="114">
        <v>0</v>
      </c>
      <c r="FH26" s="114">
        <v>0</v>
      </c>
      <c r="FI26" s="113">
        <v>0</v>
      </c>
      <c r="FJ26" s="116">
        <v>0</v>
      </c>
      <c r="FK26" s="110">
        <v>18464</v>
      </c>
      <c r="FL26" s="114">
        <v>49912</v>
      </c>
      <c r="FM26" s="113">
        <v>68376</v>
      </c>
      <c r="FN26" s="110">
        <v>0</v>
      </c>
      <c r="FO26" s="114">
        <v>202368</v>
      </c>
      <c r="FP26" s="114">
        <v>777400</v>
      </c>
      <c r="FQ26" s="114">
        <v>208056</v>
      </c>
      <c r="FR26" s="114">
        <v>307216</v>
      </c>
      <c r="FS26" s="114">
        <v>113072</v>
      </c>
      <c r="FT26" s="113">
        <v>1608112</v>
      </c>
      <c r="FU26" s="116">
        <v>1676488</v>
      </c>
      <c r="FV26" s="115">
        <v>18464</v>
      </c>
      <c r="FW26" s="114">
        <v>49912</v>
      </c>
      <c r="FX26" s="112">
        <v>68376</v>
      </c>
      <c r="FY26" s="111">
        <v>0</v>
      </c>
      <c r="FZ26" s="114">
        <v>202368</v>
      </c>
      <c r="GA26" s="114">
        <v>579400</v>
      </c>
      <c r="GB26" s="114">
        <v>208056</v>
      </c>
      <c r="GC26" s="114">
        <v>294896</v>
      </c>
      <c r="GD26" s="114">
        <v>113072</v>
      </c>
      <c r="GE26" s="113">
        <v>1397792</v>
      </c>
      <c r="GF26" s="319">
        <v>1466168</v>
      </c>
      <c r="GG26" s="115">
        <v>0</v>
      </c>
      <c r="GH26" s="114">
        <v>0</v>
      </c>
      <c r="GI26" s="112">
        <v>0</v>
      </c>
      <c r="GJ26" s="111">
        <v>0</v>
      </c>
      <c r="GK26" s="114">
        <v>0</v>
      </c>
      <c r="GL26" s="114">
        <v>0</v>
      </c>
      <c r="GM26" s="114">
        <v>0</v>
      </c>
      <c r="GN26" s="114">
        <v>12320</v>
      </c>
      <c r="GO26" s="114">
        <v>0</v>
      </c>
      <c r="GP26" s="113">
        <v>12320</v>
      </c>
      <c r="GQ26" s="116">
        <v>12320</v>
      </c>
      <c r="GR26" s="110">
        <v>0</v>
      </c>
      <c r="GS26" s="114">
        <v>0</v>
      </c>
      <c r="GT26" s="113">
        <v>0</v>
      </c>
      <c r="GU26" s="110">
        <v>0</v>
      </c>
      <c r="GV26" s="114">
        <v>0</v>
      </c>
      <c r="GW26" s="114">
        <v>198000</v>
      </c>
      <c r="GX26" s="114">
        <v>0</v>
      </c>
      <c r="GY26" s="114">
        <v>0</v>
      </c>
      <c r="GZ26" s="114">
        <v>0</v>
      </c>
      <c r="HA26" s="112">
        <v>198000</v>
      </c>
      <c r="HB26" s="116">
        <v>198000</v>
      </c>
      <c r="HC26" s="110">
        <v>60052</v>
      </c>
      <c r="HD26" s="114">
        <v>87620</v>
      </c>
      <c r="HE26" s="112">
        <v>147672</v>
      </c>
      <c r="HF26" s="111">
        <v>0</v>
      </c>
      <c r="HG26" s="114">
        <v>1328180</v>
      </c>
      <c r="HH26" s="114">
        <v>861765</v>
      </c>
      <c r="HI26" s="114">
        <v>603774</v>
      </c>
      <c r="HJ26" s="114">
        <v>606832</v>
      </c>
      <c r="HK26" s="114">
        <v>577836</v>
      </c>
      <c r="HL26" s="113">
        <v>3978387</v>
      </c>
      <c r="HM26" s="109">
        <v>4126059</v>
      </c>
      <c r="HN26" s="329"/>
      <c r="HO26" s="330"/>
      <c r="HP26" s="331"/>
      <c r="HQ26" s="332"/>
      <c r="HR26" s="330"/>
      <c r="HS26" s="330"/>
      <c r="HT26" s="330"/>
      <c r="HU26" s="330"/>
      <c r="HV26" s="330"/>
      <c r="HW26" s="333"/>
      <c r="HX26" s="334"/>
      <c r="HY26" s="150">
        <v>0</v>
      </c>
      <c r="HZ26" s="135">
        <v>0</v>
      </c>
      <c r="IA26" s="150">
        <v>0</v>
      </c>
      <c r="IB26" s="134">
        <v>0</v>
      </c>
      <c r="IC26" s="135">
        <v>694446</v>
      </c>
      <c r="ID26" s="136">
        <v>890907</v>
      </c>
      <c r="IE26" s="137">
        <v>809323</v>
      </c>
      <c r="IF26" s="135">
        <v>366999</v>
      </c>
      <c r="IG26" s="137">
        <v>107600</v>
      </c>
      <c r="IH26" s="138">
        <v>2869275</v>
      </c>
      <c r="II26" s="150">
        <v>2869275</v>
      </c>
      <c r="IJ26" s="232">
        <v>0</v>
      </c>
      <c r="IK26" s="236">
        <v>0</v>
      </c>
      <c r="IL26" s="237">
        <v>0</v>
      </c>
      <c r="IM26" s="140"/>
      <c r="IN26" s="119">
        <v>0</v>
      </c>
      <c r="IO26" s="119">
        <v>0</v>
      </c>
      <c r="IP26" s="119">
        <v>0</v>
      </c>
      <c r="IQ26" s="119">
        <v>0</v>
      </c>
      <c r="IR26" s="119">
        <v>0</v>
      </c>
      <c r="IS26" s="141">
        <v>0</v>
      </c>
      <c r="IT26" s="321">
        <v>0</v>
      </c>
      <c r="IU26" s="142">
        <v>0</v>
      </c>
      <c r="IV26" s="119">
        <v>0</v>
      </c>
      <c r="IW26" s="120">
        <v>0</v>
      </c>
      <c r="IX26" s="144"/>
      <c r="IY26" s="119">
        <v>0</v>
      </c>
      <c r="IZ26" s="119">
        <v>0</v>
      </c>
      <c r="JA26" s="119">
        <v>0</v>
      </c>
      <c r="JB26" s="119">
        <v>0</v>
      </c>
      <c r="JC26" s="119">
        <v>0</v>
      </c>
      <c r="JD26" s="120">
        <v>0</v>
      </c>
      <c r="JE26" s="121">
        <v>0</v>
      </c>
      <c r="JF26" s="142">
        <v>0</v>
      </c>
      <c r="JG26" s="119">
        <v>0</v>
      </c>
      <c r="JH26" s="141">
        <v>0</v>
      </c>
      <c r="JI26" s="118">
        <v>0</v>
      </c>
      <c r="JJ26" s="119">
        <v>250080</v>
      </c>
      <c r="JK26" s="119">
        <v>643552</v>
      </c>
      <c r="JL26" s="119">
        <v>342457</v>
      </c>
      <c r="JM26" s="119">
        <v>366999</v>
      </c>
      <c r="JN26" s="119">
        <v>107600</v>
      </c>
      <c r="JO26" s="120">
        <v>1710688</v>
      </c>
      <c r="JP26" s="321">
        <v>1710688</v>
      </c>
      <c r="JQ26" s="142">
        <v>0</v>
      </c>
      <c r="JR26" s="119">
        <v>0</v>
      </c>
      <c r="JS26" s="141">
        <v>0</v>
      </c>
      <c r="JT26" s="118">
        <v>0</v>
      </c>
      <c r="JU26" s="119">
        <v>0</v>
      </c>
      <c r="JV26" s="119">
        <v>0</v>
      </c>
      <c r="JW26" s="119">
        <v>0</v>
      </c>
      <c r="JX26" s="119">
        <v>0</v>
      </c>
      <c r="JY26" s="119">
        <v>0</v>
      </c>
      <c r="JZ26" s="120">
        <v>0</v>
      </c>
      <c r="KA26" s="321">
        <v>0</v>
      </c>
      <c r="KB26" s="234">
        <v>0</v>
      </c>
      <c r="KC26" s="230">
        <v>0</v>
      </c>
      <c r="KD26" s="120">
        <v>0</v>
      </c>
      <c r="KE26" s="118">
        <v>0</v>
      </c>
      <c r="KF26" s="119">
        <v>0</v>
      </c>
      <c r="KG26" s="119">
        <v>0</v>
      </c>
      <c r="KH26" s="119">
        <v>466866</v>
      </c>
      <c r="KI26" s="119">
        <v>0</v>
      </c>
      <c r="KJ26" s="119">
        <v>0</v>
      </c>
      <c r="KK26" s="120">
        <v>466866</v>
      </c>
      <c r="KL26" s="143">
        <v>466866</v>
      </c>
      <c r="KM26" s="232">
        <v>0</v>
      </c>
      <c r="KN26" s="236">
        <v>0</v>
      </c>
      <c r="KO26" s="237">
        <v>0</v>
      </c>
      <c r="KP26" s="140"/>
      <c r="KQ26" s="119">
        <v>444366</v>
      </c>
      <c r="KR26" s="119">
        <v>247355</v>
      </c>
      <c r="KS26" s="119">
        <v>0</v>
      </c>
      <c r="KT26" s="119">
        <v>0</v>
      </c>
      <c r="KU26" s="119">
        <v>0</v>
      </c>
      <c r="KV26" s="120">
        <v>691721</v>
      </c>
      <c r="KW26" s="321">
        <v>691721</v>
      </c>
      <c r="KX26" s="142">
        <v>0</v>
      </c>
      <c r="KY26" s="119">
        <v>0</v>
      </c>
      <c r="KZ26" s="120">
        <v>0</v>
      </c>
      <c r="LA26" s="145"/>
      <c r="LB26" s="119">
        <v>0</v>
      </c>
      <c r="LC26" s="119">
        <v>0</v>
      </c>
      <c r="LD26" s="119">
        <v>0</v>
      </c>
      <c r="LE26" s="119">
        <v>0</v>
      </c>
      <c r="LF26" s="119">
        <v>0</v>
      </c>
      <c r="LG26" s="120">
        <v>0</v>
      </c>
      <c r="LH26" s="121">
        <v>0</v>
      </c>
      <c r="LI26" s="142">
        <v>0</v>
      </c>
      <c r="LJ26" s="119">
        <v>0</v>
      </c>
      <c r="LK26" s="120">
        <v>0</v>
      </c>
      <c r="LL26" s="145"/>
      <c r="LM26" s="119">
        <v>0</v>
      </c>
      <c r="LN26" s="119">
        <v>0</v>
      </c>
      <c r="LO26" s="119">
        <v>0</v>
      </c>
      <c r="LP26" s="119">
        <v>0</v>
      </c>
      <c r="LQ26" s="119">
        <v>0</v>
      </c>
      <c r="LR26" s="120">
        <v>0</v>
      </c>
      <c r="LS26" s="321">
        <v>0</v>
      </c>
      <c r="LT26" s="142">
        <v>0</v>
      </c>
      <c r="LU26" s="119">
        <v>0</v>
      </c>
      <c r="LV26" s="120">
        <v>0</v>
      </c>
      <c r="LW26" s="145"/>
      <c r="LX26" s="119">
        <v>0</v>
      </c>
      <c r="LY26" s="119">
        <v>0</v>
      </c>
      <c r="LZ26" s="119">
        <v>0</v>
      </c>
      <c r="MA26" s="119">
        <v>0</v>
      </c>
      <c r="MB26" s="119">
        <v>0</v>
      </c>
      <c r="MC26" s="120">
        <v>0</v>
      </c>
      <c r="MD26" s="121">
        <v>0</v>
      </c>
      <c r="ME26" s="142">
        <v>0</v>
      </c>
      <c r="MF26" s="119">
        <v>0</v>
      </c>
      <c r="MG26" s="120">
        <v>0</v>
      </c>
      <c r="MH26" s="145"/>
      <c r="MI26" s="119">
        <v>0</v>
      </c>
      <c r="MJ26" s="119">
        <v>239547</v>
      </c>
      <c r="MK26" s="119">
        <v>2151687</v>
      </c>
      <c r="ML26" s="119">
        <v>4012245</v>
      </c>
      <c r="MM26" s="119">
        <v>2357771</v>
      </c>
      <c r="MN26" s="120">
        <v>8761250</v>
      </c>
      <c r="MO26" s="143">
        <v>8761250</v>
      </c>
      <c r="MP26" s="142">
        <v>0</v>
      </c>
      <c r="MQ26" s="119">
        <v>0</v>
      </c>
      <c r="MR26" s="120">
        <v>0</v>
      </c>
      <c r="MS26" s="145"/>
      <c r="MT26" s="119">
        <v>0</v>
      </c>
      <c r="MU26" s="119">
        <v>0</v>
      </c>
      <c r="MV26" s="119">
        <v>1921211</v>
      </c>
      <c r="MW26" s="119">
        <v>2574437</v>
      </c>
      <c r="MX26" s="119">
        <v>1951658</v>
      </c>
      <c r="MY26" s="120">
        <v>6447306</v>
      </c>
      <c r="MZ26" s="143">
        <v>6447306</v>
      </c>
      <c r="NA26" s="142">
        <v>0</v>
      </c>
      <c r="NB26" s="119">
        <v>0</v>
      </c>
      <c r="NC26" s="120">
        <v>0</v>
      </c>
      <c r="ND26" s="145"/>
      <c r="NE26" s="119">
        <v>0</v>
      </c>
      <c r="NF26" s="119">
        <v>239547</v>
      </c>
      <c r="NG26" s="119">
        <v>230476</v>
      </c>
      <c r="NH26" s="119">
        <v>1087059</v>
      </c>
      <c r="NI26" s="119">
        <v>0</v>
      </c>
      <c r="NJ26" s="120">
        <v>1557082</v>
      </c>
      <c r="NK26" s="321">
        <v>1557082</v>
      </c>
      <c r="NL26" s="142">
        <v>0</v>
      </c>
      <c r="NM26" s="119">
        <v>0</v>
      </c>
      <c r="NN26" s="120">
        <v>0</v>
      </c>
      <c r="NO26" s="145"/>
      <c r="NP26" s="119">
        <v>0</v>
      </c>
      <c r="NQ26" s="119">
        <v>0</v>
      </c>
      <c r="NR26" s="119">
        <v>0</v>
      </c>
      <c r="NS26" s="119">
        <v>0</v>
      </c>
      <c r="NT26" s="119">
        <v>0</v>
      </c>
      <c r="NU26" s="120">
        <v>0</v>
      </c>
      <c r="NV26" s="121">
        <v>0</v>
      </c>
      <c r="NW26" s="142">
        <v>0</v>
      </c>
      <c r="NX26" s="119">
        <v>0</v>
      </c>
      <c r="NY26" s="120">
        <v>0</v>
      </c>
      <c r="NZ26" s="145"/>
      <c r="OA26" s="119">
        <v>0</v>
      </c>
      <c r="OB26" s="119">
        <v>0</v>
      </c>
      <c r="OC26" s="119">
        <v>0</v>
      </c>
      <c r="OD26" s="119">
        <v>350749</v>
      </c>
      <c r="OE26" s="119">
        <v>406113</v>
      </c>
      <c r="OF26" s="120">
        <v>756862</v>
      </c>
      <c r="OG26" s="121">
        <v>756862</v>
      </c>
      <c r="OH26" s="142">
        <v>204467</v>
      </c>
      <c r="OI26" s="119">
        <v>371313</v>
      </c>
      <c r="OJ26" s="141">
        <v>575780</v>
      </c>
      <c r="OK26" s="118">
        <v>0</v>
      </c>
      <c r="OL26" s="119">
        <v>4983247</v>
      </c>
      <c r="OM26" s="119">
        <v>5664520</v>
      </c>
      <c r="ON26" s="119">
        <v>6438413</v>
      </c>
      <c r="OO26" s="119">
        <v>8216927</v>
      </c>
      <c r="OP26" s="119">
        <v>5068521</v>
      </c>
      <c r="OQ26" s="120">
        <v>30371628</v>
      </c>
      <c r="OR26" s="143">
        <v>30947408</v>
      </c>
    </row>
    <row r="27" spans="1:408" ht="20.25" customHeight="1" x14ac:dyDescent="0.2">
      <c r="A27" s="126" t="s">
        <v>22</v>
      </c>
      <c r="B27" s="110">
        <v>21586</v>
      </c>
      <c r="C27" s="114">
        <v>113184</v>
      </c>
      <c r="D27" s="113">
        <v>134770</v>
      </c>
      <c r="E27" s="109">
        <v>0</v>
      </c>
      <c r="F27" s="114">
        <v>1204627</v>
      </c>
      <c r="G27" s="114">
        <v>1966894</v>
      </c>
      <c r="H27" s="114">
        <v>1186849</v>
      </c>
      <c r="I27" s="114">
        <v>2186899</v>
      </c>
      <c r="J27" s="114">
        <v>1561202</v>
      </c>
      <c r="K27" s="173">
        <v>8106471</v>
      </c>
      <c r="L27" s="116">
        <v>8241241</v>
      </c>
      <c r="M27" s="110">
        <v>18386</v>
      </c>
      <c r="N27" s="114">
        <v>0</v>
      </c>
      <c r="O27" s="113">
        <v>18386</v>
      </c>
      <c r="P27" s="110">
        <v>0</v>
      </c>
      <c r="Q27" s="114">
        <v>273035</v>
      </c>
      <c r="R27" s="114">
        <v>404425</v>
      </c>
      <c r="S27" s="114">
        <v>289410</v>
      </c>
      <c r="T27" s="114">
        <v>443936</v>
      </c>
      <c r="U27" s="114">
        <v>909122</v>
      </c>
      <c r="V27" s="113">
        <v>2319928</v>
      </c>
      <c r="W27" s="116">
        <v>2338314</v>
      </c>
      <c r="X27" s="110">
        <v>0</v>
      </c>
      <c r="Y27" s="114">
        <v>0</v>
      </c>
      <c r="Z27" s="113">
        <v>0</v>
      </c>
      <c r="AA27" s="110">
        <v>0</v>
      </c>
      <c r="AB27" s="114">
        <v>133747</v>
      </c>
      <c r="AC27" s="114">
        <v>239124</v>
      </c>
      <c r="AD27" s="114">
        <v>46648</v>
      </c>
      <c r="AE27" s="114">
        <v>276864</v>
      </c>
      <c r="AF27" s="114">
        <v>470369</v>
      </c>
      <c r="AG27" s="113">
        <v>1166752</v>
      </c>
      <c r="AH27" s="116">
        <v>1166752</v>
      </c>
      <c r="AI27" s="110">
        <v>0</v>
      </c>
      <c r="AJ27" s="114">
        <v>0</v>
      </c>
      <c r="AK27" s="113">
        <v>0</v>
      </c>
      <c r="AL27" s="110">
        <v>0</v>
      </c>
      <c r="AM27" s="114">
        <v>0</v>
      </c>
      <c r="AN27" s="114">
        <v>0</v>
      </c>
      <c r="AO27" s="114">
        <v>55800</v>
      </c>
      <c r="AP27" s="114">
        <v>0</v>
      </c>
      <c r="AQ27" s="114">
        <v>131512</v>
      </c>
      <c r="AR27" s="113">
        <v>187312</v>
      </c>
      <c r="AS27" s="116">
        <v>187312</v>
      </c>
      <c r="AT27" s="110">
        <v>18386</v>
      </c>
      <c r="AU27" s="114">
        <v>0</v>
      </c>
      <c r="AV27" s="113">
        <v>18386</v>
      </c>
      <c r="AW27" s="110">
        <v>0</v>
      </c>
      <c r="AX27" s="114">
        <v>35056</v>
      </c>
      <c r="AY27" s="114">
        <v>84045</v>
      </c>
      <c r="AZ27" s="114">
        <v>114674</v>
      </c>
      <c r="BA27" s="114">
        <v>113240</v>
      </c>
      <c r="BB27" s="114">
        <v>155960</v>
      </c>
      <c r="BC27" s="113">
        <v>502975</v>
      </c>
      <c r="BD27" s="116">
        <v>521361</v>
      </c>
      <c r="BE27" s="110">
        <v>0</v>
      </c>
      <c r="BF27" s="114">
        <v>0</v>
      </c>
      <c r="BG27" s="112">
        <v>0</v>
      </c>
      <c r="BH27" s="111">
        <v>0</v>
      </c>
      <c r="BI27" s="114">
        <v>60640</v>
      </c>
      <c r="BJ27" s="114">
        <v>0</v>
      </c>
      <c r="BK27" s="114">
        <v>15296</v>
      </c>
      <c r="BL27" s="114">
        <v>25720</v>
      </c>
      <c r="BM27" s="114">
        <v>99785</v>
      </c>
      <c r="BN27" s="113">
        <v>201441</v>
      </c>
      <c r="BO27" s="116">
        <v>201441</v>
      </c>
      <c r="BP27" s="110">
        <v>0</v>
      </c>
      <c r="BQ27" s="114">
        <v>0</v>
      </c>
      <c r="BR27" s="113">
        <v>0</v>
      </c>
      <c r="BS27" s="110">
        <v>0</v>
      </c>
      <c r="BT27" s="114">
        <v>43592</v>
      </c>
      <c r="BU27" s="114">
        <v>81256</v>
      </c>
      <c r="BV27" s="114">
        <v>56992</v>
      </c>
      <c r="BW27" s="114">
        <v>28112</v>
      </c>
      <c r="BX27" s="114">
        <v>51496</v>
      </c>
      <c r="BY27" s="113">
        <v>261448</v>
      </c>
      <c r="BZ27" s="116">
        <v>261448</v>
      </c>
      <c r="CA27" s="110">
        <v>0</v>
      </c>
      <c r="CB27" s="114">
        <v>0</v>
      </c>
      <c r="CC27" s="113">
        <v>0</v>
      </c>
      <c r="CD27" s="110">
        <v>0</v>
      </c>
      <c r="CE27" s="114">
        <v>518416</v>
      </c>
      <c r="CF27" s="114">
        <v>968784</v>
      </c>
      <c r="CG27" s="114">
        <v>390496</v>
      </c>
      <c r="CH27" s="114">
        <v>831253</v>
      </c>
      <c r="CI27" s="114">
        <v>291656</v>
      </c>
      <c r="CJ27" s="113">
        <v>3000605</v>
      </c>
      <c r="CK27" s="116">
        <v>3000605</v>
      </c>
      <c r="CL27" s="110">
        <v>0</v>
      </c>
      <c r="CM27" s="114">
        <v>0</v>
      </c>
      <c r="CN27" s="113">
        <v>0</v>
      </c>
      <c r="CO27" s="111">
        <v>0</v>
      </c>
      <c r="CP27" s="114">
        <v>304147</v>
      </c>
      <c r="CQ27" s="114">
        <v>924112</v>
      </c>
      <c r="CR27" s="114">
        <v>349328</v>
      </c>
      <c r="CS27" s="114">
        <v>784789</v>
      </c>
      <c r="CT27" s="114">
        <v>163200</v>
      </c>
      <c r="CU27" s="113">
        <v>2525576</v>
      </c>
      <c r="CV27" s="116">
        <v>2525576</v>
      </c>
      <c r="CW27" s="110">
        <v>0</v>
      </c>
      <c r="CX27" s="114">
        <v>0</v>
      </c>
      <c r="CY27" s="113">
        <v>0</v>
      </c>
      <c r="CZ27" s="110">
        <v>0</v>
      </c>
      <c r="DA27" s="114">
        <v>214269</v>
      </c>
      <c r="DB27" s="114">
        <v>44672</v>
      </c>
      <c r="DC27" s="114">
        <v>41168</v>
      </c>
      <c r="DD27" s="114">
        <v>46464</v>
      </c>
      <c r="DE27" s="114">
        <v>128456</v>
      </c>
      <c r="DF27" s="113">
        <v>475029</v>
      </c>
      <c r="DG27" s="116">
        <v>475029</v>
      </c>
      <c r="DH27" s="110">
        <v>0</v>
      </c>
      <c r="DI27" s="114">
        <v>0</v>
      </c>
      <c r="DJ27" s="112">
        <v>0</v>
      </c>
      <c r="DK27" s="111">
        <v>0</v>
      </c>
      <c r="DL27" s="114">
        <v>41395</v>
      </c>
      <c r="DM27" s="114">
        <v>0</v>
      </c>
      <c r="DN27" s="114">
        <v>191919</v>
      </c>
      <c r="DO27" s="114">
        <v>332950</v>
      </c>
      <c r="DP27" s="114">
        <v>0</v>
      </c>
      <c r="DQ27" s="113">
        <v>566264</v>
      </c>
      <c r="DR27" s="116">
        <v>566264</v>
      </c>
      <c r="DS27" s="110">
        <v>0</v>
      </c>
      <c r="DT27" s="114">
        <v>0</v>
      </c>
      <c r="DU27" s="113">
        <v>0</v>
      </c>
      <c r="DV27" s="110">
        <v>0</v>
      </c>
      <c r="DW27" s="114">
        <v>41395</v>
      </c>
      <c r="DX27" s="114">
        <v>0</v>
      </c>
      <c r="DY27" s="114">
        <v>183225</v>
      </c>
      <c r="DZ27" s="114">
        <v>332950</v>
      </c>
      <c r="EA27" s="114">
        <v>0</v>
      </c>
      <c r="EB27" s="113">
        <v>557570</v>
      </c>
      <c r="EC27" s="116">
        <v>557570</v>
      </c>
      <c r="ED27" s="110">
        <v>0</v>
      </c>
      <c r="EE27" s="112">
        <v>0</v>
      </c>
      <c r="EF27" s="113">
        <v>0</v>
      </c>
      <c r="EG27" s="110">
        <v>0</v>
      </c>
      <c r="EH27" s="114">
        <v>0</v>
      </c>
      <c r="EI27" s="114">
        <v>0</v>
      </c>
      <c r="EJ27" s="114">
        <v>8694</v>
      </c>
      <c r="EK27" s="114">
        <v>0</v>
      </c>
      <c r="EL27" s="114">
        <v>0</v>
      </c>
      <c r="EM27" s="112">
        <v>8694</v>
      </c>
      <c r="EN27" s="116">
        <v>8694</v>
      </c>
      <c r="EO27" s="110">
        <v>0</v>
      </c>
      <c r="EP27" s="114">
        <v>0</v>
      </c>
      <c r="EQ27" s="112">
        <v>0</v>
      </c>
      <c r="ER27" s="111">
        <v>0</v>
      </c>
      <c r="ES27" s="114">
        <v>0</v>
      </c>
      <c r="ET27" s="114">
        <v>0</v>
      </c>
      <c r="EU27" s="114">
        <v>0</v>
      </c>
      <c r="EV27" s="114">
        <v>0</v>
      </c>
      <c r="EW27" s="114">
        <v>0</v>
      </c>
      <c r="EX27" s="113">
        <v>0</v>
      </c>
      <c r="EY27" s="116">
        <v>0</v>
      </c>
      <c r="EZ27" s="110">
        <v>0</v>
      </c>
      <c r="FA27" s="114">
        <v>0</v>
      </c>
      <c r="FB27" s="112">
        <v>0</v>
      </c>
      <c r="FC27" s="348"/>
      <c r="FD27" s="114">
        <v>0</v>
      </c>
      <c r="FE27" s="114">
        <v>0</v>
      </c>
      <c r="FF27" s="114">
        <v>0</v>
      </c>
      <c r="FG27" s="114">
        <v>0</v>
      </c>
      <c r="FH27" s="114">
        <v>0</v>
      </c>
      <c r="FI27" s="113">
        <v>0</v>
      </c>
      <c r="FJ27" s="116">
        <v>0</v>
      </c>
      <c r="FK27" s="110">
        <v>3200</v>
      </c>
      <c r="FL27" s="114">
        <v>26480</v>
      </c>
      <c r="FM27" s="113">
        <v>29680</v>
      </c>
      <c r="FN27" s="110">
        <v>0</v>
      </c>
      <c r="FO27" s="114">
        <v>77752</v>
      </c>
      <c r="FP27" s="114">
        <v>196525</v>
      </c>
      <c r="FQ27" s="114">
        <v>122544</v>
      </c>
      <c r="FR27" s="114">
        <v>163568</v>
      </c>
      <c r="FS27" s="114">
        <v>131664</v>
      </c>
      <c r="FT27" s="113">
        <v>692053</v>
      </c>
      <c r="FU27" s="116">
        <v>721733</v>
      </c>
      <c r="FV27" s="115">
        <v>3200</v>
      </c>
      <c r="FW27" s="114">
        <v>26480</v>
      </c>
      <c r="FX27" s="112">
        <v>29680</v>
      </c>
      <c r="FY27" s="111">
        <v>0</v>
      </c>
      <c r="FZ27" s="114">
        <v>59120</v>
      </c>
      <c r="GA27" s="114">
        <v>175016</v>
      </c>
      <c r="GB27" s="114">
        <v>122544</v>
      </c>
      <c r="GC27" s="114">
        <v>163568</v>
      </c>
      <c r="GD27" s="114">
        <v>131664</v>
      </c>
      <c r="GE27" s="113">
        <v>651912</v>
      </c>
      <c r="GF27" s="319">
        <v>681592</v>
      </c>
      <c r="GG27" s="115">
        <v>0</v>
      </c>
      <c r="GH27" s="114">
        <v>0</v>
      </c>
      <c r="GI27" s="112">
        <v>0</v>
      </c>
      <c r="GJ27" s="111">
        <v>0</v>
      </c>
      <c r="GK27" s="114">
        <v>0</v>
      </c>
      <c r="GL27" s="114">
        <v>0</v>
      </c>
      <c r="GM27" s="114">
        <v>0</v>
      </c>
      <c r="GN27" s="114">
        <v>0</v>
      </c>
      <c r="GO27" s="114">
        <v>0</v>
      </c>
      <c r="GP27" s="113">
        <v>0</v>
      </c>
      <c r="GQ27" s="116">
        <v>0</v>
      </c>
      <c r="GR27" s="110">
        <v>0</v>
      </c>
      <c r="GS27" s="114">
        <v>0</v>
      </c>
      <c r="GT27" s="113">
        <v>0</v>
      </c>
      <c r="GU27" s="110">
        <v>0</v>
      </c>
      <c r="GV27" s="114">
        <v>18632</v>
      </c>
      <c r="GW27" s="114">
        <v>21509</v>
      </c>
      <c r="GX27" s="114">
        <v>0</v>
      </c>
      <c r="GY27" s="114">
        <v>0</v>
      </c>
      <c r="GZ27" s="114">
        <v>0</v>
      </c>
      <c r="HA27" s="112">
        <v>40141</v>
      </c>
      <c r="HB27" s="116">
        <v>40141</v>
      </c>
      <c r="HC27" s="110">
        <v>0</v>
      </c>
      <c r="HD27" s="114">
        <v>86704</v>
      </c>
      <c r="HE27" s="112">
        <v>86704</v>
      </c>
      <c r="HF27" s="111">
        <v>0</v>
      </c>
      <c r="HG27" s="114">
        <v>294029</v>
      </c>
      <c r="HH27" s="114">
        <v>397160</v>
      </c>
      <c r="HI27" s="114">
        <v>192480</v>
      </c>
      <c r="HJ27" s="114">
        <v>415192</v>
      </c>
      <c r="HK27" s="114">
        <v>228760</v>
      </c>
      <c r="HL27" s="113">
        <v>1527621</v>
      </c>
      <c r="HM27" s="109">
        <v>1614325</v>
      </c>
      <c r="HN27" s="329"/>
      <c r="HO27" s="330"/>
      <c r="HP27" s="331"/>
      <c r="HQ27" s="332"/>
      <c r="HR27" s="330"/>
      <c r="HS27" s="330"/>
      <c r="HT27" s="330"/>
      <c r="HU27" s="330"/>
      <c r="HV27" s="330"/>
      <c r="HW27" s="333"/>
      <c r="HX27" s="334"/>
      <c r="HY27" s="131">
        <v>0</v>
      </c>
      <c r="HZ27" s="132">
        <v>0</v>
      </c>
      <c r="IA27" s="133">
        <v>0</v>
      </c>
      <c r="IB27" s="146">
        <v>0</v>
      </c>
      <c r="IC27" s="132">
        <v>843295</v>
      </c>
      <c r="ID27" s="147">
        <v>792792</v>
      </c>
      <c r="IE27" s="133">
        <v>332464</v>
      </c>
      <c r="IF27" s="132">
        <v>1075944</v>
      </c>
      <c r="IG27" s="133">
        <v>-98680</v>
      </c>
      <c r="IH27" s="148">
        <v>2945815</v>
      </c>
      <c r="II27" s="139">
        <v>2945815</v>
      </c>
      <c r="IJ27" s="232">
        <v>0</v>
      </c>
      <c r="IK27" s="236">
        <v>0</v>
      </c>
      <c r="IL27" s="237">
        <v>0</v>
      </c>
      <c r="IM27" s="140"/>
      <c r="IN27" s="119">
        <v>0</v>
      </c>
      <c r="IO27" s="119">
        <v>0</v>
      </c>
      <c r="IP27" s="119">
        <v>156168</v>
      </c>
      <c r="IQ27" s="119">
        <v>0</v>
      </c>
      <c r="IR27" s="119">
        <v>0</v>
      </c>
      <c r="IS27" s="141">
        <v>156168</v>
      </c>
      <c r="IT27" s="321">
        <v>156168</v>
      </c>
      <c r="IU27" s="142">
        <v>0</v>
      </c>
      <c r="IV27" s="119">
        <v>0</v>
      </c>
      <c r="IW27" s="120">
        <v>0</v>
      </c>
      <c r="IX27" s="144"/>
      <c r="IY27" s="119">
        <v>0</v>
      </c>
      <c r="IZ27" s="119">
        <v>0</v>
      </c>
      <c r="JA27" s="119">
        <v>0</v>
      </c>
      <c r="JB27" s="119">
        <v>0</v>
      </c>
      <c r="JC27" s="119">
        <v>0</v>
      </c>
      <c r="JD27" s="120">
        <v>0</v>
      </c>
      <c r="JE27" s="121">
        <v>0</v>
      </c>
      <c r="JF27" s="142">
        <v>0</v>
      </c>
      <c r="JG27" s="119">
        <v>0</v>
      </c>
      <c r="JH27" s="141">
        <v>0</v>
      </c>
      <c r="JI27" s="118">
        <v>0</v>
      </c>
      <c r="JJ27" s="119">
        <v>119520</v>
      </c>
      <c r="JK27" s="119">
        <v>177976</v>
      </c>
      <c r="JL27" s="119">
        <v>93188</v>
      </c>
      <c r="JM27" s="119">
        <v>147472</v>
      </c>
      <c r="JN27" s="119">
        <v>0</v>
      </c>
      <c r="JO27" s="120">
        <v>538156</v>
      </c>
      <c r="JP27" s="321">
        <v>538156</v>
      </c>
      <c r="JQ27" s="142">
        <v>0</v>
      </c>
      <c r="JR27" s="119">
        <v>0</v>
      </c>
      <c r="JS27" s="141">
        <v>0</v>
      </c>
      <c r="JT27" s="118">
        <v>0</v>
      </c>
      <c r="JU27" s="119">
        <v>100808</v>
      </c>
      <c r="JV27" s="119">
        <v>0</v>
      </c>
      <c r="JW27" s="119">
        <v>83108</v>
      </c>
      <c r="JX27" s="119">
        <v>148256</v>
      </c>
      <c r="JY27" s="119">
        <v>0</v>
      </c>
      <c r="JZ27" s="120">
        <v>332172</v>
      </c>
      <c r="KA27" s="321">
        <v>332172</v>
      </c>
      <c r="KB27" s="234">
        <v>0</v>
      </c>
      <c r="KC27" s="230">
        <v>0</v>
      </c>
      <c r="KD27" s="120">
        <v>0</v>
      </c>
      <c r="KE27" s="118">
        <v>0</v>
      </c>
      <c r="KF27" s="119">
        <v>397032</v>
      </c>
      <c r="KG27" s="119">
        <v>145784</v>
      </c>
      <c r="KH27" s="119">
        <v>0</v>
      </c>
      <c r="KI27" s="119">
        <v>0</v>
      </c>
      <c r="KJ27" s="119">
        <v>-98680</v>
      </c>
      <c r="KK27" s="120">
        <v>444136</v>
      </c>
      <c r="KL27" s="143">
        <v>444136</v>
      </c>
      <c r="KM27" s="232">
        <v>0</v>
      </c>
      <c r="KN27" s="236">
        <v>0</v>
      </c>
      <c r="KO27" s="237">
        <v>0</v>
      </c>
      <c r="KP27" s="140"/>
      <c r="KQ27" s="119">
        <v>225935</v>
      </c>
      <c r="KR27" s="119">
        <v>469032</v>
      </c>
      <c r="KS27" s="119">
        <v>0</v>
      </c>
      <c r="KT27" s="119">
        <v>0</v>
      </c>
      <c r="KU27" s="119">
        <v>0</v>
      </c>
      <c r="KV27" s="120">
        <v>694967</v>
      </c>
      <c r="KW27" s="321">
        <v>694967</v>
      </c>
      <c r="KX27" s="142">
        <v>0</v>
      </c>
      <c r="KY27" s="119">
        <v>0</v>
      </c>
      <c r="KZ27" s="120">
        <v>0</v>
      </c>
      <c r="LA27" s="145"/>
      <c r="LB27" s="119">
        <v>0</v>
      </c>
      <c r="LC27" s="119">
        <v>0</v>
      </c>
      <c r="LD27" s="119">
        <v>0</v>
      </c>
      <c r="LE27" s="119">
        <v>0</v>
      </c>
      <c r="LF27" s="119">
        <v>0</v>
      </c>
      <c r="LG27" s="120">
        <v>0</v>
      </c>
      <c r="LH27" s="121">
        <v>0</v>
      </c>
      <c r="LI27" s="142">
        <v>0</v>
      </c>
      <c r="LJ27" s="119">
        <v>0</v>
      </c>
      <c r="LK27" s="120">
        <v>0</v>
      </c>
      <c r="LL27" s="145"/>
      <c r="LM27" s="119">
        <v>0</v>
      </c>
      <c r="LN27" s="119">
        <v>0</v>
      </c>
      <c r="LO27" s="119">
        <v>0</v>
      </c>
      <c r="LP27" s="119">
        <v>780216</v>
      </c>
      <c r="LQ27" s="119">
        <v>0</v>
      </c>
      <c r="LR27" s="120">
        <v>780216</v>
      </c>
      <c r="LS27" s="321">
        <v>780216</v>
      </c>
      <c r="LT27" s="142">
        <v>0</v>
      </c>
      <c r="LU27" s="119">
        <v>0</v>
      </c>
      <c r="LV27" s="120">
        <v>0</v>
      </c>
      <c r="LW27" s="145"/>
      <c r="LX27" s="119">
        <v>0</v>
      </c>
      <c r="LY27" s="119">
        <v>0</v>
      </c>
      <c r="LZ27" s="119">
        <v>0</v>
      </c>
      <c r="MA27" s="119">
        <v>0</v>
      </c>
      <c r="MB27" s="119">
        <v>0</v>
      </c>
      <c r="MC27" s="120">
        <v>0</v>
      </c>
      <c r="MD27" s="121">
        <v>0</v>
      </c>
      <c r="ME27" s="142">
        <v>0</v>
      </c>
      <c r="MF27" s="119">
        <v>0</v>
      </c>
      <c r="MG27" s="120">
        <v>0</v>
      </c>
      <c r="MH27" s="145"/>
      <c r="MI27" s="119">
        <v>0</v>
      </c>
      <c r="MJ27" s="119">
        <v>312496</v>
      </c>
      <c r="MK27" s="119">
        <v>1038621</v>
      </c>
      <c r="ML27" s="119">
        <v>1048566</v>
      </c>
      <c r="MM27" s="119">
        <v>0</v>
      </c>
      <c r="MN27" s="120">
        <v>2399683</v>
      </c>
      <c r="MO27" s="143">
        <v>2399683</v>
      </c>
      <c r="MP27" s="142">
        <v>0</v>
      </c>
      <c r="MQ27" s="119">
        <v>0</v>
      </c>
      <c r="MR27" s="120">
        <v>0</v>
      </c>
      <c r="MS27" s="145"/>
      <c r="MT27" s="119">
        <v>0</v>
      </c>
      <c r="MU27" s="119">
        <v>0</v>
      </c>
      <c r="MV27" s="119">
        <v>738352</v>
      </c>
      <c r="MW27" s="119">
        <v>452286</v>
      </c>
      <c r="MX27" s="119">
        <v>0</v>
      </c>
      <c r="MY27" s="120">
        <v>1190638</v>
      </c>
      <c r="MZ27" s="143">
        <v>1190638</v>
      </c>
      <c r="NA27" s="142">
        <v>0</v>
      </c>
      <c r="NB27" s="119">
        <v>0</v>
      </c>
      <c r="NC27" s="120">
        <v>0</v>
      </c>
      <c r="ND27" s="145"/>
      <c r="NE27" s="119">
        <v>0</v>
      </c>
      <c r="NF27" s="119">
        <v>312496</v>
      </c>
      <c r="NG27" s="119">
        <v>300269</v>
      </c>
      <c r="NH27" s="119">
        <v>596280</v>
      </c>
      <c r="NI27" s="119">
        <v>0</v>
      </c>
      <c r="NJ27" s="120">
        <v>1209045</v>
      </c>
      <c r="NK27" s="321">
        <v>1209045</v>
      </c>
      <c r="NL27" s="142">
        <v>0</v>
      </c>
      <c r="NM27" s="119">
        <v>0</v>
      </c>
      <c r="NN27" s="120">
        <v>0</v>
      </c>
      <c r="NO27" s="145"/>
      <c r="NP27" s="119">
        <v>0</v>
      </c>
      <c r="NQ27" s="119">
        <v>0</v>
      </c>
      <c r="NR27" s="119">
        <v>0</v>
      </c>
      <c r="NS27" s="119">
        <v>0</v>
      </c>
      <c r="NT27" s="119">
        <v>0</v>
      </c>
      <c r="NU27" s="120">
        <v>0</v>
      </c>
      <c r="NV27" s="121">
        <v>0</v>
      </c>
      <c r="NW27" s="142">
        <v>0</v>
      </c>
      <c r="NX27" s="119">
        <v>0</v>
      </c>
      <c r="NY27" s="120">
        <v>0</v>
      </c>
      <c r="NZ27" s="145"/>
      <c r="OA27" s="119">
        <v>0</v>
      </c>
      <c r="OB27" s="119">
        <v>0</v>
      </c>
      <c r="OC27" s="119">
        <v>0</v>
      </c>
      <c r="OD27" s="119">
        <v>0</v>
      </c>
      <c r="OE27" s="119">
        <v>0</v>
      </c>
      <c r="OF27" s="120">
        <v>0</v>
      </c>
      <c r="OG27" s="121">
        <v>0</v>
      </c>
      <c r="OH27" s="142">
        <v>21586</v>
      </c>
      <c r="OI27" s="119">
        <v>113184</v>
      </c>
      <c r="OJ27" s="141">
        <v>134770</v>
      </c>
      <c r="OK27" s="118">
        <v>0</v>
      </c>
      <c r="OL27" s="119">
        <v>2047922</v>
      </c>
      <c r="OM27" s="119">
        <v>3072182</v>
      </c>
      <c r="ON27" s="119">
        <v>2557934</v>
      </c>
      <c r="OO27" s="119">
        <v>4311409</v>
      </c>
      <c r="OP27" s="119">
        <v>1462522</v>
      </c>
      <c r="OQ27" s="120">
        <v>13451969</v>
      </c>
      <c r="OR27" s="143">
        <v>13586739</v>
      </c>
    </row>
    <row r="28" spans="1:408" ht="20.25" customHeight="1" x14ac:dyDescent="0.2">
      <c r="A28" s="126" t="s">
        <v>23</v>
      </c>
      <c r="B28" s="110">
        <v>254173</v>
      </c>
      <c r="C28" s="114">
        <v>236534</v>
      </c>
      <c r="D28" s="113">
        <v>490707</v>
      </c>
      <c r="E28" s="109">
        <v>0</v>
      </c>
      <c r="F28" s="114">
        <v>2514897</v>
      </c>
      <c r="G28" s="114">
        <v>2654847</v>
      </c>
      <c r="H28" s="114">
        <v>2084296</v>
      </c>
      <c r="I28" s="114">
        <v>2097413</v>
      </c>
      <c r="J28" s="114">
        <v>741524</v>
      </c>
      <c r="K28" s="173">
        <v>10092977</v>
      </c>
      <c r="L28" s="116">
        <v>10583684</v>
      </c>
      <c r="M28" s="110">
        <v>94619</v>
      </c>
      <c r="N28" s="114">
        <v>37884</v>
      </c>
      <c r="O28" s="113">
        <v>132503</v>
      </c>
      <c r="P28" s="110">
        <v>0</v>
      </c>
      <c r="Q28" s="114">
        <v>692592</v>
      </c>
      <c r="R28" s="114">
        <v>1154327</v>
      </c>
      <c r="S28" s="114">
        <v>542103</v>
      </c>
      <c r="T28" s="114">
        <v>634738</v>
      </c>
      <c r="U28" s="114">
        <v>39807</v>
      </c>
      <c r="V28" s="113">
        <v>3063567</v>
      </c>
      <c r="W28" s="116">
        <v>3196070</v>
      </c>
      <c r="X28" s="110">
        <v>0</v>
      </c>
      <c r="Y28" s="114">
        <v>0</v>
      </c>
      <c r="Z28" s="113">
        <v>0</v>
      </c>
      <c r="AA28" s="110">
        <v>0</v>
      </c>
      <c r="AB28" s="114">
        <v>159719</v>
      </c>
      <c r="AC28" s="114">
        <v>388843</v>
      </c>
      <c r="AD28" s="114">
        <v>305985</v>
      </c>
      <c r="AE28" s="114">
        <v>443614</v>
      </c>
      <c r="AF28" s="114">
        <v>17359</v>
      </c>
      <c r="AG28" s="113">
        <v>1315520</v>
      </c>
      <c r="AH28" s="116">
        <v>1315520</v>
      </c>
      <c r="AI28" s="110">
        <v>0</v>
      </c>
      <c r="AJ28" s="114">
        <v>0</v>
      </c>
      <c r="AK28" s="113">
        <v>0</v>
      </c>
      <c r="AL28" s="110">
        <v>0</v>
      </c>
      <c r="AM28" s="114">
        <v>11572</v>
      </c>
      <c r="AN28" s="114">
        <v>0</v>
      </c>
      <c r="AO28" s="114">
        <v>0</v>
      </c>
      <c r="AP28" s="114">
        <v>46292</v>
      </c>
      <c r="AQ28" s="114">
        <v>0</v>
      </c>
      <c r="AR28" s="113">
        <v>57864</v>
      </c>
      <c r="AS28" s="116">
        <v>57864</v>
      </c>
      <c r="AT28" s="110">
        <v>64091</v>
      </c>
      <c r="AU28" s="114">
        <v>28284</v>
      </c>
      <c r="AV28" s="113">
        <v>92375</v>
      </c>
      <c r="AW28" s="110">
        <v>0</v>
      </c>
      <c r="AX28" s="114">
        <v>376821</v>
      </c>
      <c r="AY28" s="114">
        <v>489866</v>
      </c>
      <c r="AZ28" s="114">
        <v>151030</v>
      </c>
      <c r="BA28" s="114">
        <v>75872</v>
      </c>
      <c r="BB28" s="114">
        <v>0</v>
      </c>
      <c r="BC28" s="113">
        <v>1093589</v>
      </c>
      <c r="BD28" s="116">
        <v>1185964</v>
      </c>
      <c r="BE28" s="110">
        <v>0</v>
      </c>
      <c r="BF28" s="114">
        <v>0</v>
      </c>
      <c r="BG28" s="112">
        <v>0</v>
      </c>
      <c r="BH28" s="111">
        <v>0</v>
      </c>
      <c r="BI28" s="114">
        <v>0</v>
      </c>
      <c r="BJ28" s="114">
        <v>149474</v>
      </c>
      <c r="BK28" s="114">
        <v>0</v>
      </c>
      <c r="BL28" s="114">
        <v>0</v>
      </c>
      <c r="BM28" s="114">
        <v>0</v>
      </c>
      <c r="BN28" s="113">
        <v>149474</v>
      </c>
      <c r="BO28" s="116">
        <v>149474</v>
      </c>
      <c r="BP28" s="110">
        <v>30528</v>
      </c>
      <c r="BQ28" s="114">
        <v>9600</v>
      </c>
      <c r="BR28" s="113">
        <v>40128</v>
      </c>
      <c r="BS28" s="110">
        <v>0</v>
      </c>
      <c r="BT28" s="114">
        <v>144480</v>
      </c>
      <c r="BU28" s="114">
        <v>126144</v>
      </c>
      <c r="BV28" s="114">
        <v>85088</v>
      </c>
      <c r="BW28" s="114">
        <v>68960</v>
      </c>
      <c r="BX28" s="114">
        <v>22448</v>
      </c>
      <c r="BY28" s="113">
        <v>447120</v>
      </c>
      <c r="BZ28" s="116">
        <v>487248</v>
      </c>
      <c r="CA28" s="110">
        <v>0</v>
      </c>
      <c r="CB28" s="114">
        <v>0</v>
      </c>
      <c r="CC28" s="113">
        <v>0</v>
      </c>
      <c r="CD28" s="110">
        <v>0</v>
      </c>
      <c r="CE28" s="114">
        <v>859139</v>
      </c>
      <c r="CF28" s="114">
        <v>674759</v>
      </c>
      <c r="CG28" s="114">
        <v>1026980</v>
      </c>
      <c r="CH28" s="114">
        <v>957152</v>
      </c>
      <c r="CI28" s="114">
        <v>126993</v>
      </c>
      <c r="CJ28" s="113">
        <v>3645023</v>
      </c>
      <c r="CK28" s="116">
        <v>3645023</v>
      </c>
      <c r="CL28" s="110">
        <v>0</v>
      </c>
      <c r="CM28" s="114">
        <v>0</v>
      </c>
      <c r="CN28" s="113">
        <v>0</v>
      </c>
      <c r="CO28" s="111">
        <v>0</v>
      </c>
      <c r="CP28" s="114">
        <v>761111</v>
      </c>
      <c r="CQ28" s="114">
        <v>491707</v>
      </c>
      <c r="CR28" s="114">
        <v>789571</v>
      </c>
      <c r="CS28" s="114">
        <v>441138</v>
      </c>
      <c r="CT28" s="114">
        <v>83967</v>
      </c>
      <c r="CU28" s="113">
        <v>2567494</v>
      </c>
      <c r="CV28" s="116">
        <v>2567494</v>
      </c>
      <c r="CW28" s="110">
        <v>0</v>
      </c>
      <c r="CX28" s="114">
        <v>0</v>
      </c>
      <c r="CY28" s="113">
        <v>0</v>
      </c>
      <c r="CZ28" s="110">
        <v>0</v>
      </c>
      <c r="DA28" s="114">
        <v>98028</v>
      </c>
      <c r="DB28" s="114">
        <v>183052</v>
      </c>
      <c r="DC28" s="114">
        <v>237409</v>
      </c>
      <c r="DD28" s="114">
        <v>516014</v>
      </c>
      <c r="DE28" s="114">
        <v>43026</v>
      </c>
      <c r="DF28" s="113">
        <v>1077529</v>
      </c>
      <c r="DG28" s="116">
        <v>1077529</v>
      </c>
      <c r="DH28" s="110">
        <v>0</v>
      </c>
      <c r="DI28" s="114">
        <v>0</v>
      </c>
      <c r="DJ28" s="112">
        <v>0</v>
      </c>
      <c r="DK28" s="111">
        <v>0</v>
      </c>
      <c r="DL28" s="114">
        <v>36683</v>
      </c>
      <c r="DM28" s="114">
        <v>58084</v>
      </c>
      <c r="DN28" s="114">
        <v>32628</v>
      </c>
      <c r="DO28" s="114">
        <v>126994</v>
      </c>
      <c r="DP28" s="114">
        <v>116951</v>
      </c>
      <c r="DQ28" s="113">
        <v>371340</v>
      </c>
      <c r="DR28" s="116">
        <v>371340</v>
      </c>
      <c r="DS28" s="110">
        <v>0</v>
      </c>
      <c r="DT28" s="114">
        <v>0</v>
      </c>
      <c r="DU28" s="113">
        <v>0</v>
      </c>
      <c r="DV28" s="110">
        <v>0</v>
      </c>
      <c r="DW28" s="114">
        <v>0</v>
      </c>
      <c r="DX28" s="114">
        <v>58084</v>
      </c>
      <c r="DY28" s="114">
        <v>32628</v>
      </c>
      <c r="DZ28" s="114">
        <v>126994</v>
      </c>
      <c r="EA28" s="114">
        <v>116951</v>
      </c>
      <c r="EB28" s="113">
        <v>334657</v>
      </c>
      <c r="EC28" s="116">
        <v>334657</v>
      </c>
      <c r="ED28" s="110">
        <v>0</v>
      </c>
      <c r="EE28" s="112">
        <v>0</v>
      </c>
      <c r="EF28" s="113">
        <v>0</v>
      </c>
      <c r="EG28" s="110">
        <v>0</v>
      </c>
      <c r="EH28" s="114">
        <v>36683</v>
      </c>
      <c r="EI28" s="114">
        <v>0</v>
      </c>
      <c r="EJ28" s="114">
        <v>0</v>
      </c>
      <c r="EK28" s="114">
        <v>0</v>
      </c>
      <c r="EL28" s="114">
        <v>0</v>
      </c>
      <c r="EM28" s="112">
        <v>36683</v>
      </c>
      <c r="EN28" s="116">
        <v>36683</v>
      </c>
      <c r="EO28" s="110">
        <v>0</v>
      </c>
      <c r="EP28" s="114">
        <v>0</v>
      </c>
      <c r="EQ28" s="112">
        <v>0</v>
      </c>
      <c r="ER28" s="111">
        <v>0</v>
      </c>
      <c r="ES28" s="114">
        <v>0</v>
      </c>
      <c r="ET28" s="114">
        <v>0</v>
      </c>
      <c r="EU28" s="114">
        <v>0</v>
      </c>
      <c r="EV28" s="114">
        <v>0</v>
      </c>
      <c r="EW28" s="114">
        <v>0</v>
      </c>
      <c r="EX28" s="113">
        <v>0</v>
      </c>
      <c r="EY28" s="116">
        <v>0</v>
      </c>
      <c r="EZ28" s="110">
        <v>0</v>
      </c>
      <c r="FA28" s="114">
        <v>0</v>
      </c>
      <c r="FB28" s="112">
        <v>0</v>
      </c>
      <c r="FC28" s="348"/>
      <c r="FD28" s="114">
        <v>0</v>
      </c>
      <c r="FE28" s="114">
        <v>0</v>
      </c>
      <c r="FF28" s="114">
        <v>0</v>
      </c>
      <c r="FG28" s="114">
        <v>0</v>
      </c>
      <c r="FH28" s="114">
        <v>0</v>
      </c>
      <c r="FI28" s="113">
        <v>0</v>
      </c>
      <c r="FJ28" s="116">
        <v>0</v>
      </c>
      <c r="FK28" s="110">
        <v>104880</v>
      </c>
      <c r="FL28" s="114">
        <v>15424</v>
      </c>
      <c r="FM28" s="113">
        <v>120304</v>
      </c>
      <c r="FN28" s="110">
        <v>0</v>
      </c>
      <c r="FO28" s="114">
        <v>118064</v>
      </c>
      <c r="FP28" s="114">
        <v>414704</v>
      </c>
      <c r="FQ28" s="114">
        <v>79384</v>
      </c>
      <c r="FR28" s="114">
        <v>161864</v>
      </c>
      <c r="FS28" s="114">
        <v>64312</v>
      </c>
      <c r="FT28" s="113">
        <v>838328</v>
      </c>
      <c r="FU28" s="116">
        <v>958632</v>
      </c>
      <c r="FV28" s="115">
        <v>8880</v>
      </c>
      <c r="FW28" s="114">
        <v>15424</v>
      </c>
      <c r="FX28" s="112">
        <v>24304</v>
      </c>
      <c r="FY28" s="111">
        <v>0</v>
      </c>
      <c r="FZ28" s="114">
        <v>69048</v>
      </c>
      <c r="GA28" s="114">
        <v>346944</v>
      </c>
      <c r="GB28" s="114">
        <v>79384</v>
      </c>
      <c r="GC28" s="114">
        <v>161864</v>
      </c>
      <c r="GD28" s="114">
        <v>64312</v>
      </c>
      <c r="GE28" s="113">
        <v>721552</v>
      </c>
      <c r="GF28" s="319">
        <v>745856</v>
      </c>
      <c r="GG28" s="115">
        <v>0</v>
      </c>
      <c r="GH28" s="114">
        <v>0</v>
      </c>
      <c r="GI28" s="112">
        <v>0</v>
      </c>
      <c r="GJ28" s="111">
        <v>0</v>
      </c>
      <c r="GK28" s="114">
        <v>0</v>
      </c>
      <c r="GL28" s="114">
        <v>21360</v>
      </c>
      <c r="GM28" s="114">
        <v>0</v>
      </c>
      <c r="GN28" s="114">
        <v>0</v>
      </c>
      <c r="GO28" s="114">
        <v>0</v>
      </c>
      <c r="GP28" s="113">
        <v>21360</v>
      </c>
      <c r="GQ28" s="116">
        <v>21360</v>
      </c>
      <c r="GR28" s="110">
        <v>96000</v>
      </c>
      <c r="GS28" s="114">
        <v>0</v>
      </c>
      <c r="GT28" s="113">
        <v>96000</v>
      </c>
      <c r="GU28" s="110">
        <v>0</v>
      </c>
      <c r="GV28" s="114">
        <v>49016</v>
      </c>
      <c r="GW28" s="114">
        <v>46400</v>
      </c>
      <c r="GX28" s="114">
        <v>0</v>
      </c>
      <c r="GY28" s="114">
        <v>0</v>
      </c>
      <c r="GZ28" s="114">
        <v>0</v>
      </c>
      <c r="HA28" s="112">
        <v>95416</v>
      </c>
      <c r="HB28" s="116">
        <v>191416</v>
      </c>
      <c r="HC28" s="110">
        <v>54674</v>
      </c>
      <c r="HD28" s="114">
        <v>183226</v>
      </c>
      <c r="HE28" s="112">
        <v>237900</v>
      </c>
      <c r="HF28" s="111">
        <v>0</v>
      </c>
      <c r="HG28" s="114">
        <v>808419</v>
      </c>
      <c r="HH28" s="114">
        <v>352973</v>
      </c>
      <c r="HI28" s="114">
        <v>403201</v>
      </c>
      <c r="HJ28" s="114">
        <v>216665</v>
      </c>
      <c r="HK28" s="114">
        <v>393461</v>
      </c>
      <c r="HL28" s="113">
        <v>2174719</v>
      </c>
      <c r="HM28" s="109">
        <v>2412619</v>
      </c>
      <c r="HN28" s="329"/>
      <c r="HO28" s="330"/>
      <c r="HP28" s="331"/>
      <c r="HQ28" s="332"/>
      <c r="HR28" s="330"/>
      <c r="HS28" s="330"/>
      <c r="HT28" s="330"/>
      <c r="HU28" s="330"/>
      <c r="HV28" s="330"/>
      <c r="HW28" s="333"/>
      <c r="HX28" s="334"/>
      <c r="HY28" s="150">
        <v>0</v>
      </c>
      <c r="HZ28" s="135">
        <v>0</v>
      </c>
      <c r="IA28" s="150">
        <v>0</v>
      </c>
      <c r="IB28" s="134">
        <v>0</v>
      </c>
      <c r="IC28" s="135">
        <v>948304</v>
      </c>
      <c r="ID28" s="136">
        <v>545353</v>
      </c>
      <c r="IE28" s="137">
        <v>249804</v>
      </c>
      <c r="IF28" s="135">
        <v>664340</v>
      </c>
      <c r="IG28" s="137">
        <v>0</v>
      </c>
      <c r="IH28" s="138">
        <v>2407801</v>
      </c>
      <c r="II28" s="150">
        <v>2407801</v>
      </c>
      <c r="IJ28" s="232">
        <v>0</v>
      </c>
      <c r="IK28" s="236">
        <v>0</v>
      </c>
      <c r="IL28" s="237">
        <v>0</v>
      </c>
      <c r="IM28" s="140"/>
      <c r="IN28" s="119">
        <v>0</v>
      </c>
      <c r="IO28" s="119">
        <v>0</v>
      </c>
      <c r="IP28" s="119">
        <v>0</v>
      </c>
      <c r="IQ28" s="119">
        <v>0</v>
      </c>
      <c r="IR28" s="119">
        <v>0</v>
      </c>
      <c r="IS28" s="141">
        <v>0</v>
      </c>
      <c r="IT28" s="321">
        <v>0</v>
      </c>
      <c r="IU28" s="142">
        <v>0</v>
      </c>
      <c r="IV28" s="119">
        <v>0</v>
      </c>
      <c r="IW28" s="120">
        <v>0</v>
      </c>
      <c r="IX28" s="144"/>
      <c r="IY28" s="119">
        <v>0</v>
      </c>
      <c r="IZ28" s="119">
        <v>0</v>
      </c>
      <c r="JA28" s="119">
        <v>0</v>
      </c>
      <c r="JB28" s="119">
        <v>0</v>
      </c>
      <c r="JC28" s="119">
        <v>0</v>
      </c>
      <c r="JD28" s="120">
        <v>0</v>
      </c>
      <c r="JE28" s="121">
        <v>0</v>
      </c>
      <c r="JF28" s="142">
        <v>0</v>
      </c>
      <c r="JG28" s="119">
        <v>0</v>
      </c>
      <c r="JH28" s="141">
        <v>0</v>
      </c>
      <c r="JI28" s="118">
        <v>0</v>
      </c>
      <c r="JJ28" s="119">
        <v>239654</v>
      </c>
      <c r="JK28" s="119">
        <v>58970</v>
      </c>
      <c r="JL28" s="119">
        <v>0</v>
      </c>
      <c r="JM28" s="119">
        <v>405800</v>
      </c>
      <c r="JN28" s="119">
        <v>0</v>
      </c>
      <c r="JO28" s="120">
        <v>704424</v>
      </c>
      <c r="JP28" s="321">
        <v>704424</v>
      </c>
      <c r="JQ28" s="142">
        <v>0</v>
      </c>
      <c r="JR28" s="119">
        <v>0</v>
      </c>
      <c r="JS28" s="141">
        <v>0</v>
      </c>
      <c r="JT28" s="118">
        <v>0</v>
      </c>
      <c r="JU28" s="119">
        <v>0</v>
      </c>
      <c r="JV28" s="119">
        <v>0</v>
      </c>
      <c r="JW28" s="119">
        <v>0</v>
      </c>
      <c r="JX28" s="119">
        <v>0</v>
      </c>
      <c r="JY28" s="119">
        <v>0</v>
      </c>
      <c r="JZ28" s="120">
        <v>0</v>
      </c>
      <c r="KA28" s="321">
        <v>0</v>
      </c>
      <c r="KB28" s="234">
        <v>0</v>
      </c>
      <c r="KC28" s="230">
        <v>0</v>
      </c>
      <c r="KD28" s="120">
        <v>0</v>
      </c>
      <c r="KE28" s="118">
        <v>0</v>
      </c>
      <c r="KF28" s="119">
        <v>0</v>
      </c>
      <c r="KG28" s="119">
        <v>0</v>
      </c>
      <c r="KH28" s="119">
        <v>0</v>
      </c>
      <c r="KI28" s="119">
        <v>0</v>
      </c>
      <c r="KJ28" s="119">
        <v>0</v>
      </c>
      <c r="KK28" s="120">
        <v>0</v>
      </c>
      <c r="KL28" s="143">
        <v>0</v>
      </c>
      <c r="KM28" s="232">
        <v>0</v>
      </c>
      <c r="KN28" s="236">
        <v>0</v>
      </c>
      <c r="KO28" s="237">
        <v>0</v>
      </c>
      <c r="KP28" s="140"/>
      <c r="KQ28" s="119">
        <v>708650</v>
      </c>
      <c r="KR28" s="119">
        <v>486383</v>
      </c>
      <c r="KS28" s="119">
        <v>249804</v>
      </c>
      <c r="KT28" s="119">
        <v>258540</v>
      </c>
      <c r="KU28" s="119">
        <v>0</v>
      </c>
      <c r="KV28" s="120">
        <v>1703377</v>
      </c>
      <c r="KW28" s="321">
        <v>1703377</v>
      </c>
      <c r="KX28" s="142">
        <v>0</v>
      </c>
      <c r="KY28" s="119">
        <v>0</v>
      </c>
      <c r="KZ28" s="120">
        <v>0</v>
      </c>
      <c r="LA28" s="145"/>
      <c r="LB28" s="119">
        <v>0</v>
      </c>
      <c r="LC28" s="119">
        <v>0</v>
      </c>
      <c r="LD28" s="119">
        <v>0</v>
      </c>
      <c r="LE28" s="119">
        <v>0</v>
      </c>
      <c r="LF28" s="119">
        <v>0</v>
      </c>
      <c r="LG28" s="120">
        <v>0</v>
      </c>
      <c r="LH28" s="121">
        <v>0</v>
      </c>
      <c r="LI28" s="142">
        <v>0</v>
      </c>
      <c r="LJ28" s="119">
        <v>0</v>
      </c>
      <c r="LK28" s="120">
        <v>0</v>
      </c>
      <c r="LL28" s="145"/>
      <c r="LM28" s="119">
        <v>0</v>
      </c>
      <c r="LN28" s="119">
        <v>0</v>
      </c>
      <c r="LO28" s="119">
        <v>0</v>
      </c>
      <c r="LP28" s="119">
        <v>0</v>
      </c>
      <c r="LQ28" s="119">
        <v>0</v>
      </c>
      <c r="LR28" s="120">
        <v>0</v>
      </c>
      <c r="LS28" s="321">
        <v>0</v>
      </c>
      <c r="LT28" s="142">
        <v>0</v>
      </c>
      <c r="LU28" s="119">
        <v>0</v>
      </c>
      <c r="LV28" s="120">
        <v>0</v>
      </c>
      <c r="LW28" s="145"/>
      <c r="LX28" s="119">
        <v>0</v>
      </c>
      <c r="LY28" s="119">
        <v>0</v>
      </c>
      <c r="LZ28" s="119">
        <v>0</v>
      </c>
      <c r="MA28" s="119">
        <v>0</v>
      </c>
      <c r="MB28" s="119">
        <v>0</v>
      </c>
      <c r="MC28" s="120">
        <v>0</v>
      </c>
      <c r="MD28" s="121">
        <v>0</v>
      </c>
      <c r="ME28" s="142">
        <v>0</v>
      </c>
      <c r="MF28" s="119">
        <v>0</v>
      </c>
      <c r="MG28" s="120">
        <v>0</v>
      </c>
      <c r="MH28" s="145"/>
      <c r="MI28" s="119">
        <v>214386</v>
      </c>
      <c r="MJ28" s="119">
        <v>258954</v>
      </c>
      <c r="MK28" s="119">
        <v>843436</v>
      </c>
      <c r="ML28" s="119">
        <v>1748049</v>
      </c>
      <c r="MM28" s="119">
        <v>173749</v>
      </c>
      <c r="MN28" s="120">
        <v>3238574</v>
      </c>
      <c r="MO28" s="143">
        <v>3238574</v>
      </c>
      <c r="MP28" s="142">
        <v>0</v>
      </c>
      <c r="MQ28" s="119">
        <v>0</v>
      </c>
      <c r="MR28" s="120">
        <v>0</v>
      </c>
      <c r="MS28" s="145"/>
      <c r="MT28" s="119">
        <v>214386</v>
      </c>
      <c r="MU28" s="119">
        <v>0</v>
      </c>
      <c r="MV28" s="119">
        <v>760597</v>
      </c>
      <c r="MW28" s="119">
        <v>796771</v>
      </c>
      <c r="MX28" s="119">
        <v>173749</v>
      </c>
      <c r="MY28" s="120">
        <v>1945503</v>
      </c>
      <c r="MZ28" s="143">
        <v>1945503</v>
      </c>
      <c r="NA28" s="142">
        <v>0</v>
      </c>
      <c r="NB28" s="119">
        <v>0</v>
      </c>
      <c r="NC28" s="120">
        <v>0</v>
      </c>
      <c r="ND28" s="145"/>
      <c r="NE28" s="119">
        <v>0</v>
      </c>
      <c r="NF28" s="119">
        <v>258954</v>
      </c>
      <c r="NG28" s="119">
        <v>82839</v>
      </c>
      <c r="NH28" s="119">
        <v>951278</v>
      </c>
      <c r="NI28" s="119">
        <v>0</v>
      </c>
      <c r="NJ28" s="120">
        <v>1293071</v>
      </c>
      <c r="NK28" s="321">
        <v>1293071</v>
      </c>
      <c r="NL28" s="142">
        <v>0</v>
      </c>
      <c r="NM28" s="119">
        <v>0</v>
      </c>
      <c r="NN28" s="120">
        <v>0</v>
      </c>
      <c r="NO28" s="145"/>
      <c r="NP28" s="119">
        <v>0</v>
      </c>
      <c r="NQ28" s="119">
        <v>0</v>
      </c>
      <c r="NR28" s="119">
        <v>0</v>
      </c>
      <c r="NS28" s="119">
        <v>0</v>
      </c>
      <c r="NT28" s="119">
        <v>0</v>
      </c>
      <c r="NU28" s="120">
        <v>0</v>
      </c>
      <c r="NV28" s="121">
        <v>0</v>
      </c>
      <c r="NW28" s="142">
        <v>0</v>
      </c>
      <c r="NX28" s="119">
        <v>0</v>
      </c>
      <c r="NY28" s="120">
        <v>0</v>
      </c>
      <c r="NZ28" s="145"/>
      <c r="OA28" s="119">
        <v>0</v>
      </c>
      <c r="OB28" s="119">
        <v>0</v>
      </c>
      <c r="OC28" s="119">
        <v>0</v>
      </c>
      <c r="OD28" s="119">
        <v>0</v>
      </c>
      <c r="OE28" s="119">
        <v>0</v>
      </c>
      <c r="OF28" s="120">
        <v>0</v>
      </c>
      <c r="OG28" s="121">
        <v>0</v>
      </c>
      <c r="OH28" s="142">
        <v>254173</v>
      </c>
      <c r="OI28" s="119">
        <v>236534</v>
      </c>
      <c r="OJ28" s="141">
        <v>490707</v>
      </c>
      <c r="OK28" s="118">
        <v>0</v>
      </c>
      <c r="OL28" s="119">
        <v>3677587</v>
      </c>
      <c r="OM28" s="119">
        <v>3459154</v>
      </c>
      <c r="ON28" s="119">
        <v>3177536</v>
      </c>
      <c r="OO28" s="119">
        <v>4509802</v>
      </c>
      <c r="OP28" s="119">
        <v>915273</v>
      </c>
      <c r="OQ28" s="120">
        <v>15739352</v>
      </c>
      <c r="OR28" s="143">
        <v>16230059</v>
      </c>
    </row>
    <row r="29" spans="1:408" ht="20.25" customHeight="1" x14ac:dyDescent="0.2">
      <c r="A29" s="126" t="s">
        <v>24</v>
      </c>
      <c r="B29" s="110">
        <v>410313</v>
      </c>
      <c r="C29" s="114">
        <v>340421</v>
      </c>
      <c r="D29" s="113">
        <v>750734</v>
      </c>
      <c r="E29" s="109">
        <v>0</v>
      </c>
      <c r="F29" s="114">
        <v>3054011</v>
      </c>
      <c r="G29" s="114">
        <v>2079418</v>
      </c>
      <c r="H29" s="114">
        <v>2003220</v>
      </c>
      <c r="I29" s="114">
        <v>1847357</v>
      </c>
      <c r="J29" s="114">
        <v>727848</v>
      </c>
      <c r="K29" s="173">
        <v>9711854</v>
      </c>
      <c r="L29" s="116">
        <v>10462588</v>
      </c>
      <c r="M29" s="110">
        <v>190929</v>
      </c>
      <c r="N29" s="114">
        <v>117347</v>
      </c>
      <c r="O29" s="113">
        <v>308276</v>
      </c>
      <c r="P29" s="110">
        <v>0</v>
      </c>
      <c r="Q29" s="114">
        <v>1344351</v>
      </c>
      <c r="R29" s="114">
        <v>681701</v>
      </c>
      <c r="S29" s="114">
        <v>380999</v>
      </c>
      <c r="T29" s="114">
        <v>948999</v>
      </c>
      <c r="U29" s="114">
        <v>367720</v>
      </c>
      <c r="V29" s="113">
        <v>3723770</v>
      </c>
      <c r="W29" s="116">
        <v>4032046</v>
      </c>
      <c r="X29" s="110">
        <v>0</v>
      </c>
      <c r="Y29" s="114">
        <v>0</v>
      </c>
      <c r="Z29" s="113">
        <v>0</v>
      </c>
      <c r="AA29" s="110">
        <v>0</v>
      </c>
      <c r="AB29" s="114">
        <v>428272</v>
      </c>
      <c r="AC29" s="114">
        <v>341186</v>
      </c>
      <c r="AD29" s="114">
        <v>25264</v>
      </c>
      <c r="AE29" s="114">
        <v>619048</v>
      </c>
      <c r="AF29" s="114">
        <v>47240</v>
      </c>
      <c r="AG29" s="113">
        <v>1461010</v>
      </c>
      <c r="AH29" s="116">
        <v>1461010</v>
      </c>
      <c r="AI29" s="110">
        <v>0</v>
      </c>
      <c r="AJ29" s="114">
        <v>0</v>
      </c>
      <c r="AK29" s="113">
        <v>0</v>
      </c>
      <c r="AL29" s="110">
        <v>0</v>
      </c>
      <c r="AM29" s="114">
        <v>0</v>
      </c>
      <c r="AN29" s="114">
        <v>0</v>
      </c>
      <c r="AO29" s="114">
        <v>0</v>
      </c>
      <c r="AP29" s="114">
        <v>59758</v>
      </c>
      <c r="AQ29" s="114">
        <v>118666</v>
      </c>
      <c r="AR29" s="113">
        <v>178424</v>
      </c>
      <c r="AS29" s="116">
        <v>178424</v>
      </c>
      <c r="AT29" s="110">
        <v>116834</v>
      </c>
      <c r="AU29" s="114">
        <v>29472</v>
      </c>
      <c r="AV29" s="113">
        <v>146306</v>
      </c>
      <c r="AW29" s="110">
        <v>0</v>
      </c>
      <c r="AX29" s="114">
        <v>614609</v>
      </c>
      <c r="AY29" s="114">
        <v>219451</v>
      </c>
      <c r="AZ29" s="114">
        <v>215159</v>
      </c>
      <c r="BA29" s="114">
        <v>151957</v>
      </c>
      <c r="BB29" s="114">
        <v>132198</v>
      </c>
      <c r="BC29" s="113">
        <v>1333374</v>
      </c>
      <c r="BD29" s="116">
        <v>1479680</v>
      </c>
      <c r="BE29" s="110">
        <v>39271</v>
      </c>
      <c r="BF29" s="114">
        <v>48563</v>
      </c>
      <c r="BG29" s="112">
        <v>87834</v>
      </c>
      <c r="BH29" s="111">
        <v>0</v>
      </c>
      <c r="BI29" s="114">
        <v>67438</v>
      </c>
      <c r="BJ29" s="114">
        <v>0</v>
      </c>
      <c r="BK29" s="114">
        <v>0</v>
      </c>
      <c r="BL29" s="114">
        <v>61332</v>
      </c>
      <c r="BM29" s="114">
        <v>0</v>
      </c>
      <c r="BN29" s="113">
        <v>128770</v>
      </c>
      <c r="BO29" s="116">
        <v>216604</v>
      </c>
      <c r="BP29" s="110">
        <v>34824</v>
      </c>
      <c r="BQ29" s="114">
        <v>39312</v>
      </c>
      <c r="BR29" s="113">
        <v>74136</v>
      </c>
      <c r="BS29" s="110">
        <v>0</v>
      </c>
      <c r="BT29" s="114">
        <v>234032</v>
      </c>
      <c r="BU29" s="114">
        <v>121064</v>
      </c>
      <c r="BV29" s="114">
        <v>140576</v>
      </c>
      <c r="BW29" s="114">
        <v>56904</v>
      </c>
      <c r="BX29" s="114">
        <v>69616</v>
      </c>
      <c r="BY29" s="113">
        <v>622192</v>
      </c>
      <c r="BZ29" s="116">
        <v>696328</v>
      </c>
      <c r="CA29" s="110">
        <v>41271</v>
      </c>
      <c r="CB29" s="114">
        <v>112517</v>
      </c>
      <c r="CC29" s="113">
        <v>153788</v>
      </c>
      <c r="CD29" s="110">
        <v>0</v>
      </c>
      <c r="CE29" s="114">
        <v>563592</v>
      </c>
      <c r="CF29" s="114">
        <v>760378</v>
      </c>
      <c r="CG29" s="114">
        <v>686271</v>
      </c>
      <c r="CH29" s="114">
        <v>101381</v>
      </c>
      <c r="CI29" s="114">
        <v>0</v>
      </c>
      <c r="CJ29" s="113">
        <v>2111622</v>
      </c>
      <c r="CK29" s="116">
        <v>2265410</v>
      </c>
      <c r="CL29" s="110">
        <v>0</v>
      </c>
      <c r="CM29" s="114">
        <v>0</v>
      </c>
      <c r="CN29" s="113">
        <v>0</v>
      </c>
      <c r="CO29" s="111">
        <v>0</v>
      </c>
      <c r="CP29" s="114">
        <v>395405</v>
      </c>
      <c r="CQ29" s="114">
        <v>423411</v>
      </c>
      <c r="CR29" s="114">
        <v>524663</v>
      </c>
      <c r="CS29" s="114">
        <v>101381</v>
      </c>
      <c r="CT29" s="114">
        <v>0</v>
      </c>
      <c r="CU29" s="113">
        <v>1444860</v>
      </c>
      <c r="CV29" s="116">
        <v>1444860</v>
      </c>
      <c r="CW29" s="110">
        <v>41271</v>
      </c>
      <c r="CX29" s="114">
        <v>112517</v>
      </c>
      <c r="CY29" s="113">
        <v>153788</v>
      </c>
      <c r="CZ29" s="110">
        <v>0</v>
      </c>
      <c r="DA29" s="114">
        <v>168187</v>
      </c>
      <c r="DB29" s="114">
        <v>336967</v>
      </c>
      <c r="DC29" s="114">
        <v>161608</v>
      </c>
      <c r="DD29" s="114">
        <v>0</v>
      </c>
      <c r="DE29" s="114">
        <v>0</v>
      </c>
      <c r="DF29" s="113">
        <v>666762</v>
      </c>
      <c r="DG29" s="116">
        <v>820550</v>
      </c>
      <c r="DH29" s="110">
        <v>0</v>
      </c>
      <c r="DI29" s="114">
        <v>0</v>
      </c>
      <c r="DJ29" s="112">
        <v>0</v>
      </c>
      <c r="DK29" s="111">
        <v>0</v>
      </c>
      <c r="DL29" s="114">
        <v>54476</v>
      </c>
      <c r="DM29" s="114">
        <v>0</v>
      </c>
      <c r="DN29" s="114">
        <v>266914</v>
      </c>
      <c r="DO29" s="114">
        <v>436718</v>
      </c>
      <c r="DP29" s="114">
        <v>81474</v>
      </c>
      <c r="DQ29" s="113">
        <v>839582</v>
      </c>
      <c r="DR29" s="116">
        <v>839582</v>
      </c>
      <c r="DS29" s="110">
        <v>0</v>
      </c>
      <c r="DT29" s="114">
        <v>0</v>
      </c>
      <c r="DU29" s="113">
        <v>0</v>
      </c>
      <c r="DV29" s="110">
        <v>0</v>
      </c>
      <c r="DW29" s="114">
        <v>54476</v>
      </c>
      <c r="DX29" s="114">
        <v>0</v>
      </c>
      <c r="DY29" s="114">
        <v>266914</v>
      </c>
      <c r="DZ29" s="114">
        <v>436718</v>
      </c>
      <c r="EA29" s="114">
        <v>81474</v>
      </c>
      <c r="EB29" s="113">
        <v>839582</v>
      </c>
      <c r="EC29" s="116">
        <v>839582</v>
      </c>
      <c r="ED29" s="110">
        <v>0</v>
      </c>
      <c r="EE29" s="112">
        <v>0</v>
      </c>
      <c r="EF29" s="113">
        <v>0</v>
      </c>
      <c r="EG29" s="110">
        <v>0</v>
      </c>
      <c r="EH29" s="114">
        <v>0</v>
      </c>
      <c r="EI29" s="114">
        <v>0</v>
      </c>
      <c r="EJ29" s="114">
        <v>0</v>
      </c>
      <c r="EK29" s="114">
        <v>0</v>
      </c>
      <c r="EL29" s="114">
        <v>0</v>
      </c>
      <c r="EM29" s="112">
        <v>0</v>
      </c>
      <c r="EN29" s="116">
        <v>0</v>
      </c>
      <c r="EO29" s="110">
        <v>0</v>
      </c>
      <c r="EP29" s="114">
        <v>0</v>
      </c>
      <c r="EQ29" s="112">
        <v>0</v>
      </c>
      <c r="ER29" s="111">
        <v>0</v>
      </c>
      <c r="ES29" s="114">
        <v>0</v>
      </c>
      <c r="ET29" s="114">
        <v>0</v>
      </c>
      <c r="EU29" s="114">
        <v>0</v>
      </c>
      <c r="EV29" s="114">
        <v>0</v>
      </c>
      <c r="EW29" s="114">
        <v>0</v>
      </c>
      <c r="EX29" s="113">
        <v>0</v>
      </c>
      <c r="EY29" s="116">
        <v>0</v>
      </c>
      <c r="EZ29" s="110">
        <v>0</v>
      </c>
      <c r="FA29" s="114">
        <v>0</v>
      </c>
      <c r="FB29" s="112">
        <v>0</v>
      </c>
      <c r="FC29" s="348"/>
      <c r="FD29" s="114">
        <v>0</v>
      </c>
      <c r="FE29" s="114">
        <v>0</v>
      </c>
      <c r="FF29" s="114">
        <v>0</v>
      </c>
      <c r="FG29" s="114">
        <v>0</v>
      </c>
      <c r="FH29" s="114">
        <v>0</v>
      </c>
      <c r="FI29" s="113">
        <v>0</v>
      </c>
      <c r="FJ29" s="116">
        <v>0</v>
      </c>
      <c r="FK29" s="110">
        <v>73040</v>
      </c>
      <c r="FL29" s="114">
        <v>20880</v>
      </c>
      <c r="FM29" s="113">
        <v>93920</v>
      </c>
      <c r="FN29" s="110">
        <v>0</v>
      </c>
      <c r="FO29" s="114">
        <v>294816</v>
      </c>
      <c r="FP29" s="114">
        <v>114672</v>
      </c>
      <c r="FQ29" s="114">
        <v>75496</v>
      </c>
      <c r="FR29" s="114">
        <v>146152</v>
      </c>
      <c r="FS29" s="114">
        <v>50776</v>
      </c>
      <c r="FT29" s="113">
        <v>681912</v>
      </c>
      <c r="FU29" s="116">
        <v>775832</v>
      </c>
      <c r="FV29" s="115">
        <v>33440</v>
      </c>
      <c r="FW29" s="114">
        <v>20880</v>
      </c>
      <c r="FX29" s="112">
        <v>54320</v>
      </c>
      <c r="FY29" s="111">
        <v>0</v>
      </c>
      <c r="FZ29" s="114">
        <v>134816</v>
      </c>
      <c r="GA29" s="114">
        <v>114672</v>
      </c>
      <c r="GB29" s="114">
        <v>75496</v>
      </c>
      <c r="GC29" s="114">
        <v>146152</v>
      </c>
      <c r="GD29" s="114">
        <v>50776</v>
      </c>
      <c r="GE29" s="113">
        <v>521912</v>
      </c>
      <c r="GF29" s="319">
        <v>576232</v>
      </c>
      <c r="GG29" s="115">
        <v>0</v>
      </c>
      <c r="GH29" s="114">
        <v>0</v>
      </c>
      <c r="GI29" s="112">
        <v>0</v>
      </c>
      <c r="GJ29" s="111">
        <v>0</v>
      </c>
      <c r="GK29" s="114">
        <v>0</v>
      </c>
      <c r="GL29" s="114">
        <v>0</v>
      </c>
      <c r="GM29" s="114">
        <v>0</v>
      </c>
      <c r="GN29" s="114">
        <v>0</v>
      </c>
      <c r="GO29" s="114">
        <v>0</v>
      </c>
      <c r="GP29" s="113">
        <v>0</v>
      </c>
      <c r="GQ29" s="116">
        <v>0</v>
      </c>
      <c r="GR29" s="110">
        <v>39600</v>
      </c>
      <c r="GS29" s="114">
        <v>0</v>
      </c>
      <c r="GT29" s="113">
        <v>39600</v>
      </c>
      <c r="GU29" s="110">
        <v>0</v>
      </c>
      <c r="GV29" s="114">
        <v>160000</v>
      </c>
      <c r="GW29" s="114">
        <v>0</v>
      </c>
      <c r="GX29" s="114">
        <v>0</v>
      </c>
      <c r="GY29" s="114">
        <v>0</v>
      </c>
      <c r="GZ29" s="114">
        <v>0</v>
      </c>
      <c r="HA29" s="112">
        <v>160000</v>
      </c>
      <c r="HB29" s="116">
        <v>199600</v>
      </c>
      <c r="HC29" s="110">
        <v>105073</v>
      </c>
      <c r="HD29" s="114">
        <v>89677</v>
      </c>
      <c r="HE29" s="112">
        <v>194750</v>
      </c>
      <c r="HF29" s="111">
        <v>0</v>
      </c>
      <c r="HG29" s="114">
        <v>796776</v>
      </c>
      <c r="HH29" s="114">
        <v>522667</v>
      </c>
      <c r="HI29" s="114">
        <v>593540</v>
      </c>
      <c r="HJ29" s="114">
        <v>214107</v>
      </c>
      <c r="HK29" s="114">
        <v>227878</v>
      </c>
      <c r="HL29" s="113">
        <v>2354968</v>
      </c>
      <c r="HM29" s="109">
        <v>2549718</v>
      </c>
      <c r="HN29" s="329"/>
      <c r="HO29" s="330"/>
      <c r="HP29" s="331"/>
      <c r="HQ29" s="332"/>
      <c r="HR29" s="330"/>
      <c r="HS29" s="330"/>
      <c r="HT29" s="330"/>
      <c r="HU29" s="330"/>
      <c r="HV29" s="330"/>
      <c r="HW29" s="333"/>
      <c r="HX29" s="334"/>
      <c r="HY29" s="131">
        <v>0</v>
      </c>
      <c r="HZ29" s="132">
        <v>0</v>
      </c>
      <c r="IA29" s="133">
        <v>0</v>
      </c>
      <c r="IB29" s="146">
        <v>0</v>
      </c>
      <c r="IC29" s="132">
        <v>375314</v>
      </c>
      <c r="ID29" s="147">
        <v>157585</v>
      </c>
      <c r="IE29" s="133">
        <v>1016972</v>
      </c>
      <c r="IF29" s="132">
        <v>420411</v>
      </c>
      <c r="IG29" s="133">
        <v>0</v>
      </c>
      <c r="IH29" s="148">
        <v>1970282</v>
      </c>
      <c r="II29" s="139">
        <v>1970282</v>
      </c>
      <c r="IJ29" s="232">
        <v>0</v>
      </c>
      <c r="IK29" s="236">
        <v>0</v>
      </c>
      <c r="IL29" s="237">
        <v>0</v>
      </c>
      <c r="IM29" s="140"/>
      <c r="IN29" s="119">
        <v>0</v>
      </c>
      <c r="IO29" s="119">
        <v>0</v>
      </c>
      <c r="IP29" s="119">
        <v>0</v>
      </c>
      <c r="IQ29" s="119">
        <v>0</v>
      </c>
      <c r="IR29" s="119">
        <v>0</v>
      </c>
      <c r="IS29" s="141">
        <v>0</v>
      </c>
      <c r="IT29" s="321">
        <v>0</v>
      </c>
      <c r="IU29" s="142">
        <v>0</v>
      </c>
      <c r="IV29" s="119">
        <v>0</v>
      </c>
      <c r="IW29" s="120">
        <v>0</v>
      </c>
      <c r="IX29" s="144"/>
      <c r="IY29" s="119">
        <v>0</v>
      </c>
      <c r="IZ29" s="119">
        <v>0</v>
      </c>
      <c r="JA29" s="119">
        <v>0</v>
      </c>
      <c r="JB29" s="119">
        <v>0</v>
      </c>
      <c r="JC29" s="119">
        <v>0</v>
      </c>
      <c r="JD29" s="120">
        <v>0</v>
      </c>
      <c r="JE29" s="121">
        <v>0</v>
      </c>
      <c r="JF29" s="142">
        <v>0</v>
      </c>
      <c r="JG29" s="119">
        <v>0</v>
      </c>
      <c r="JH29" s="141">
        <v>0</v>
      </c>
      <c r="JI29" s="118">
        <v>0</v>
      </c>
      <c r="JJ29" s="119">
        <v>258644</v>
      </c>
      <c r="JK29" s="119">
        <v>0</v>
      </c>
      <c r="JL29" s="119">
        <v>385169</v>
      </c>
      <c r="JM29" s="119">
        <v>178672</v>
      </c>
      <c r="JN29" s="119">
        <v>0</v>
      </c>
      <c r="JO29" s="120">
        <v>822485</v>
      </c>
      <c r="JP29" s="321">
        <v>822485</v>
      </c>
      <c r="JQ29" s="142">
        <v>0</v>
      </c>
      <c r="JR29" s="119">
        <v>0</v>
      </c>
      <c r="JS29" s="141">
        <v>0</v>
      </c>
      <c r="JT29" s="118">
        <v>0</v>
      </c>
      <c r="JU29" s="119">
        <v>0</v>
      </c>
      <c r="JV29" s="119">
        <v>0</v>
      </c>
      <c r="JW29" s="119">
        <v>157577</v>
      </c>
      <c r="JX29" s="119">
        <v>0</v>
      </c>
      <c r="JY29" s="119">
        <v>0</v>
      </c>
      <c r="JZ29" s="120">
        <v>157577</v>
      </c>
      <c r="KA29" s="321">
        <v>157577</v>
      </c>
      <c r="KB29" s="234">
        <v>0</v>
      </c>
      <c r="KC29" s="230">
        <v>0</v>
      </c>
      <c r="KD29" s="120">
        <v>0</v>
      </c>
      <c r="KE29" s="118">
        <v>0</v>
      </c>
      <c r="KF29" s="119">
        <v>116670</v>
      </c>
      <c r="KG29" s="119">
        <v>157585</v>
      </c>
      <c r="KH29" s="119">
        <v>0</v>
      </c>
      <c r="KI29" s="119">
        <v>0</v>
      </c>
      <c r="KJ29" s="119">
        <v>0</v>
      </c>
      <c r="KK29" s="120">
        <v>274255</v>
      </c>
      <c r="KL29" s="143">
        <v>274255</v>
      </c>
      <c r="KM29" s="232">
        <v>0</v>
      </c>
      <c r="KN29" s="236">
        <v>0</v>
      </c>
      <c r="KO29" s="237">
        <v>0</v>
      </c>
      <c r="KP29" s="140"/>
      <c r="KQ29" s="119">
        <v>0</v>
      </c>
      <c r="KR29" s="119">
        <v>0</v>
      </c>
      <c r="KS29" s="119">
        <v>474226</v>
      </c>
      <c r="KT29" s="119">
        <v>241739</v>
      </c>
      <c r="KU29" s="119">
        <v>0</v>
      </c>
      <c r="KV29" s="120">
        <v>715965</v>
      </c>
      <c r="KW29" s="321">
        <v>715965</v>
      </c>
      <c r="KX29" s="142">
        <v>0</v>
      </c>
      <c r="KY29" s="119">
        <v>0</v>
      </c>
      <c r="KZ29" s="120">
        <v>0</v>
      </c>
      <c r="LA29" s="145"/>
      <c r="LB29" s="119">
        <v>0</v>
      </c>
      <c r="LC29" s="119">
        <v>0</v>
      </c>
      <c r="LD29" s="119">
        <v>0</v>
      </c>
      <c r="LE29" s="119">
        <v>0</v>
      </c>
      <c r="LF29" s="119">
        <v>0</v>
      </c>
      <c r="LG29" s="120">
        <v>0</v>
      </c>
      <c r="LH29" s="121">
        <v>0</v>
      </c>
      <c r="LI29" s="142">
        <v>0</v>
      </c>
      <c r="LJ29" s="119">
        <v>0</v>
      </c>
      <c r="LK29" s="120">
        <v>0</v>
      </c>
      <c r="LL29" s="145"/>
      <c r="LM29" s="119">
        <v>0</v>
      </c>
      <c r="LN29" s="119">
        <v>0</v>
      </c>
      <c r="LO29" s="119">
        <v>0</v>
      </c>
      <c r="LP29" s="119">
        <v>0</v>
      </c>
      <c r="LQ29" s="119">
        <v>0</v>
      </c>
      <c r="LR29" s="120">
        <v>0</v>
      </c>
      <c r="LS29" s="321">
        <v>0</v>
      </c>
      <c r="LT29" s="142">
        <v>0</v>
      </c>
      <c r="LU29" s="119">
        <v>0</v>
      </c>
      <c r="LV29" s="120">
        <v>0</v>
      </c>
      <c r="LW29" s="145"/>
      <c r="LX29" s="119">
        <v>0</v>
      </c>
      <c r="LY29" s="119">
        <v>0</v>
      </c>
      <c r="LZ29" s="119">
        <v>0</v>
      </c>
      <c r="MA29" s="119">
        <v>0</v>
      </c>
      <c r="MB29" s="119">
        <v>0</v>
      </c>
      <c r="MC29" s="120">
        <v>0</v>
      </c>
      <c r="MD29" s="121">
        <v>0</v>
      </c>
      <c r="ME29" s="142">
        <v>0</v>
      </c>
      <c r="MF29" s="119">
        <v>0</v>
      </c>
      <c r="MG29" s="120">
        <v>0</v>
      </c>
      <c r="MH29" s="145"/>
      <c r="MI29" s="119">
        <v>243341</v>
      </c>
      <c r="MJ29" s="119">
        <v>717822</v>
      </c>
      <c r="MK29" s="119">
        <v>600153</v>
      </c>
      <c r="ML29" s="119">
        <v>856206</v>
      </c>
      <c r="MM29" s="119">
        <v>1162087</v>
      </c>
      <c r="MN29" s="120">
        <v>3579609</v>
      </c>
      <c r="MO29" s="143">
        <v>3579609</v>
      </c>
      <c r="MP29" s="142">
        <v>0</v>
      </c>
      <c r="MQ29" s="119">
        <v>0</v>
      </c>
      <c r="MR29" s="120">
        <v>0</v>
      </c>
      <c r="MS29" s="145"/>
      <c r="MT29" s="119">
        <v>0</v>
      </c>
      <c r="MU29" s="119">
        <v>0</v>
      </c>
      <c r="MV29" s="119">
        <v>0</v>
      </c>
      <c r="MW29" s="119">
        <v>292253</v>
      </c>
      <c r="MX29" s="119">
        <v>1162087</v>
      </c>
      <c r="MY29" s="120">
        <v>1454340</v>
      </c>
      <c r="MZ29" s="143">
        <v>1454340</v>
      </c>
      <c r="NA29" s="142">
        <v>0</v>
      </c>
      <c r="NB29" s="119">
        <v>0</v>
      </c>
      <c r="NC29" s="120">
        <v>0</v>
      </c>
      <c r="ND29" s="145"/>
      <c r="NE29" s="119">
        <v>243341</v>
      </c>
      <c r="NF29" s="119">
        <v>717822</v>
      </c>
      <c r="NG29" s="119">
        <v>600153</v>
      </c>
      <c r="NH29" s="119">
        <v>563953</v>
      </c>
      <c r="NI29" s="119">
        <v>0</v>
      </c>
      <c r="NJ29" s="120">
        <v>2125269</v>
      </c>
      <c r="NK29" s="321">
        <v>2125269</v>
      </c>
      <c r="NL29" s="142">
        <v>0</v>
      </c>
      <c r="NM29" s="119">
        <v>0</v>
      </c>
      <c r="NN29" s="120">
        <v>0</v>
      </c>
      <c r="NO29" s="145"/>
      <c r="NP29" s="119">
        <v>0</v>
      </c>
      <c r="NQ29" s="119">
        <v>0</v>
      </c>
      <c r="NR29" s="119">
        <v>0</v>
      </c>
      <c r="NS29" s="119">
        <v>0</v>
      </c>
      <c r="NT29" s="119">
        <v>0</v>
      </c>
      <c r="NU29" s="120">
        <v>0</v>
      </c>
      <c r="NV29" s="121">
        <v>0</v>
      </c>
      <c r="NW29" s="142">
        <v>0</v>
      </c>
      <c r="NX29" s="119">
        <v>0</v>
      </c>
      <c r="NY29" s="120">
        <v>0</v>
      </c>
      <c r="NZ29" s="145"/>
      <c r="OA29" s="119">
        <v>0</v>
      </c>
      <c r="OB29" s="119">
        <v>0</v>
      </c>
      <c r="OC29" s="119">
        <v>0</v>
      </c>
      <c r="OD29" s="119">
        <v>0</v>
      </c>
      <c r="OE29" s="119">
        <v>0</v>
      </c>
      <c r="OF29" s="120">
        <v>0</v>
      </c>
      <c r="OG29" s="121">
        <v>0</v>
      </c>
      <c r="OH29" s="142">
        <v>410313</v>
      </c>
      <c r="OI29" s="119">
        <v>340421</v>
      </c>
      <c r="OJ29" s="141">
        <v>750734</v>
      </c>
      <c r="OK29" s="118">
        <v>0</v>
      </c>
      <c r="OL29" s="119">
        <v>3672666</v>
      </c>
      <c r="OM29" s="119">
        <v>2954825</v>
      </c>
      <c r="ON29" s="119">
        <v>3620345</v>
      </c>
      <c r="OO29" s="119">
        <v>3123974</v>
      </c>
      <c r="OP29" s="119">
        <v>1889935</v>
      </c>
      <c r="OQ29" s="120">
        <v>15261745</v>
      </c>
      <c r="OR29" s="143">
        <v>16012479</v>
      </c>
    </row>
    <row r="30" spans="1:408" ht="20.25" customHeight="1" x14ac:dyDescent="0.2">
      <c r="A30" s="126" t="s">
        <v>25</v>
      </c>
      <c r="B30" s="110">
        <v>3872</v>
      </c>
      <c r="C30" s="114">
        <v>204510</v>
      </c>
      <c r="D30" s="113">
        <v>208382</v>
      </c>
      <c r="E30" s="109">
        <v>0</v>
      </c>
      <c r="F30" s="114">
        <v>2132528</v>
      </c>
      <c r="G30" s="114">
        <v>950967</v>
      </c>
      <c r="H30" s="114">
        <v>922392</v>
      </c>
      <c r="I30" s="114">
        <v>1669960</v>
      </c>
      <c r="J30" s="114">
        <v>666193</v>
      </c>
      <c r="K30" s="173">
        <v>6342040</v>
      </c>
      <c r="L30" s="116">
        <v>6550422</v>
      </c>
      <c r="M30" s="110">
        <v>0</v>
      </c>
      <c r="N30" s="114">
        <v>99025</v>
      </c>
      <c r="O30" s="113">
        <v>99025</v>
      </c>
      <c r="P30" s="110">
        <v>0</v>
      </c>
      <c r="Q30" s="114">
        <v>429337</v>
      </c>
      <c r="R30" s="114">
        <v>393938</v>
      </c>
      <c r="S30" s="114">
        <v>349224</v>
      </c>
      <c r="T30" s="114">
        <v>593986</v>
      </c>
      <c r="U30" s="114">
        <v>310638</v>
      </c>
      <c r="V30" s="113">
        <v>2077123</v>
      </c>
      <c r="W30" s="116">
        <v>2176148</v>
      </c>
      <c r="X30" s="110">
        <v>0</v>
      </c>
      <c r="Y30" s="114">
        <v>0</v>
      </c>
      <c r="Z30" s="113">
        <v>0</v>
      </c>
      <c r="AA30" s="110">
        <v>0</v>
      </c>
      <c r="AB30" s="114">
        <v>119334</v>
      </c>
      <c r="AC30" s="114">
        <v>254820</v>
      </c>
      <c r="AD30" s="114">
        <v>222549</v>
      </c>
      <c r="AE30" s="114">
        <v>401079</v>
      </c>
      <c r="AF30" s="114">
        <v>39547</v>
      </c>
      <c r="AG30" s="113">
        <v>1037329</v>
      </c>
      <c r="AH30" s="116">
        <v>1037329</v>
      </c>
      <c r="AI30" s="110">
        <v>0</v>
      </c>
      <c r="AJ30" s="114">
        <v>0</v>
      </c>
      <c r="AK30" s="113">
        <v>0</v>
      </c>
      <c r="AL30" s="110">
        <v>0</v>
      </c>
      <c r="AM30" s="114">
        <v>0</v>
      </c>
      <c r="AN30" s="114">
        <v>0</v>
      </c>
      <c r="AO30" s="114">
        <v>45641</v>
      </c>
      <c r="AP30" s="114">
        <v>106753</v>
      </c>
      <c r="AQ30" s="114">
        <v>104516</v>
      </c>
      <c r="AR30" s="113">
        <v>256910</v>
      </c>
      <c r="AS30" s="116">
        <v>256910</v>
      </c>
      <c r="AT30" s="110">
        <v>0</v>
      </c>
      <c r="AU30" s="114">
        <v>49638</v>
      </c>
      <c r="AV30" s="113">
        <v>49638</v>
      </c>
      <c r="AW30" s="110">
        <v>0</v>
      </c>
      <c r="AX30" s="114">
        <v>187955</v>
      </c>
      <c r="AY30" s="114">
        <v>123054</v>
      </c>
      <c r="AZ30" s="114">
        <v>39623</v>
      </c>
      <c r="BA30" s="114">
        <v>63754</v>
      </c>
      <c r="BB30" s="114">
        <v>123819</v>
      </c>
      <c r="BC30" s="113">
        <v>538205</v>
      </c>
      <c r="BD30" s="116">
        <v>587843</v>
      </c>
      <c r="BE30" s="110">
        <v>0</v>
      </c>
      <c r="BF30" s="114">
        <v>42267</v>
      </c>
      <c r="BG30" s="112">
        <v>42267</v>
      </c>
      <c r="BH30" s="111">
        <v>0</v>
      </c>
      <c r="BI30" s="114">
        <v>0</v>
      </c>
      <c r="BJ30" s="114">
        <v>0</v>
      </c>
      <c r="BK30" s="114">
        <v>21707</v>
      </c>
      <c r="BL30" s="114">
        <v>0</v>
      </c>
      <c r="BM30" s="114">
        <v>37988</v>
      </c>
      <c r="BN30" s="113">
        <v>59695</v>
      </c>
      <c r="BO30" s="116">
        <v>101962</v>
      </c>
      <c r="BP30" s="110">
        <v>0</v>
      </c>
      <c r="BQ30" s="114">
        <v>7120</v>
      </c>
      <c r="BR30" s="113">
        <v>7120</v>
      </c>
      <c r="BS30" s="110">
        <v>0</v>
      </c>
      <c r="BT30" s="114">
        <v>122048</v>
      </c>
      <c r="BU30" s="114">
        <v>16064</v>
      </c>
      <c r="BV30" s="114">
        <v>19704</v>
      </c>
      <c r="BW30" s="114">
        <v>22400</v>
      </c>
      <c r="BX30" s="114">
        <v>4768</v>
      </c>
      <c r="BY30" s="113">
        <v>184984</v>
      </c>
      <c r="BZ30" s="116">
        <v>192104</v>
      </c>
      <c r="CA30" s="110">
        <v>0</v>
      </c>
      <c r="CB30" s="114">
        <v>0</v>
      </c>
      <c r="CC30" s="113">
        <v>0</v>
      </c>
      <c r="CD30" s="110">
        <v>0</v>
      </c>
      <c r="CE30" s="114">
        <v>732552</v>
      </c>
      <c r="CF30" s="114">
        <v>436765</v>
      </c>
      <c r="CG30" s="114">
        <v>204876</v>
      </c>
      <c r="CH30" s="114">
        <v>520077</v>
      </c>
      <c r="CI30" s="114">
        <v>180495</v>
      </c>
      <c r="CJ30" s="113">
        <v>2074765</v>
      </c>
      <c r="CK30" s="116">
        <v>2074765</v>
      </c>
      <c r="CL30" s="110">
        <v>0</v>
      </c>
      <c r="CM30" s="114">
        <v>0</v>
      </c>
      <c r="CN30" s="113">
        <v>0</v>
      </c>
      <c r="CO30" s="111">
        <v>0</v>
      </c>
      <c r="CP30" s="114">
        <v>615767</v>
      </c>
      <c r="CQ30" s="114">
        <v>245778</v>
      </c>
      <c r="CR30" s="114">
        <v>122798</v>
      </c>
      <c r="CS30" s="114">
        <v>384607</v>
      </c>
      <c r="CT30" s="114">
        <v>108519</v>
      </c>
      <c r="CU30" s="113">
        <v>1477469</v>
      </c>
      <c r="CV30" s="116">
        <v>1477469</v>
      </c>
      <c r="CW30" s="110">
        <v>0</v>
      </c>
      <c r="CX30" s="114">
        <v>0</v>
      </c>
      <c r="CY30" s="113">
        <v>0</v>
      </c>
      <c r="CZ30" s="110">
        <v>0</v>
      </c>
      <c r="DA30" s="114">
        <v>116785</v>
      </c>
      <c r="DB30" s="114">
        <v>190987</v>
      </c>
      <c r="DC30" s="114">
        <v>82078</v>
      </c>
      <c r="DD30" s="114">
        <v>135470</v>
      </c>
      <c r="DE30" s="114">
        <v>71976</v>
      </c>
      <c r="DF30" s="113">
        <v>597296</v>
      </c>
      <c r="DG30" s="116">
        <v>597296</v>
      </c>
      <c r="DH30" s="110">
        <v>0</v>
      </c>
      <c r="DI30" s="114">
        <v>0</v>
      </c>
      <c r="DJ30" s="112">
        <v>0</v>
      </c>
      <c r="DK30" s="111">
        <v>0</v>
      </c>
      <c r="DL30" s="114">
        <v>131273</v>
      </c>
      <c r="DM30" s="114">
        <v>0</v>
      </c>
      <c r="DN30" s="114">
        <v>102451</v>
      </c>
      <c r="DO30" s="114">
        <v>18947</v>
      </c>
      <c r="DP30" s="114">
        <v>106916</v>
      </c>
      <c r="DQ30" s="113">
        <v>359587</v>
      </c>
      <c r="DR30" s="116">
        <v>359587</v>
      </c>
      <c r="DS30" s="110">
        <v>0</v>
      </c>
      <c r="DT30" s="114">
        <v>0</v>
      </c>
      <c r="DU30" s="113">
        <v>0</v>
      </c>
      <c r="DV30" s="110">
        <v>0</v>
      </c>
      <c r="DW30" s="114">
        <v>85480</v>
      </c>
      <c r="DX30" s="114">
        <v>0</v>
      </c>
      <c r="DY30" s="114">
        <v>49508</v>
      </c>
      <c r="DZ30" s="114">
        <v>18947</v>
      </c>
      <c r="EA30" s="114">
        <v>0</v>
      </c>
      <c r="EB30" s="113">
        <v>153935</v>
      </c>
      <c r="EC30" s="116">
        <v>153935</v>
      </c>
      <c r="ED30" s="110">
        <v>0</v>
      </c>
      <c r="EE30" s="112">
        <v>0</v>
      </c>
      <c r="EF30" s="113">
        <v>0</v>
      </c>
      <c r="EG30" s="110">
        <v>0</v>
      </c>
      <c r="EH30" s="114">
        <v>45793</v>
      </c>
      <c r="EI30" s="114">
        <v>0</v>
      </c>
      <c r="EJ30" s="114">
        <v>52943</v>
      </c>
      <c r="EK30" s="114">
        <v>0</v>
      </c>
      <c r="EL30" s="114">
        <v>106916</v>
      </c>
      <c r="EM30" s="112">
        <v>205652</v>
      </c>
      <c r="EN30" s="116">
        <v>205652</v>
      </c>
      <c r="EO30" s="110">
        <v>0</v>
      </c>
      <c r="EP30" s="114">
        <v>0</v>
      </c>
      <c r="EQ30" s="112">
        <v>0</v>
      </c>
      <c r="ER30" s="111">
        <v>0</v>
      </c>
      <c r="ES30" s="114">
        <v>0</v>
      </c>
      <c r="ET30" s="114">
        <v>0</v>
      </c>
      <c r="EU30" s="114">
        <v>0</v>
      </c>
      <c r="EV30" s="114">
        <v>0</v>
      </c>
      <c r="EW30" s="114">
        <v>0</v>
      </c>
      <c r="EX30" s="113">
        <v>0</v>
      </c>
      <c r="EY30" s="116">
        <v>0</v>
      </c>
      <c r="EZ30" s="110">
        <v>0</v>
      </c>
      <c r="FA30" s="114">
        <v>0</v>
      </c>
      <c r="FB30" s="112">
        <v>0</v>
      </c>
      <c r="FC30" s="348"/>
      <c r="FD30" s="114">
        <v>0</v>
      </c>
      <c r="FE30" s="114">
        <v>0</v>
      </c>
      <c r="FF30" s="114">
        <v>0</v>
      </c>
      <c r="FG30" s="114">
        <v>0</v>
      </c>
      <c r="FH30" s="114">
        <v>0</v>
      </c>
      <c r="FI30" s="113">
        <v>0</v>
      </c>
      <c r="FJ30" s="116">
        <v>0</v>
      </c>
      <c r="FK30" s="110">
        <v>3872</v>
      </c>
      <c r="FL30" s="114">
        <v>14880</v>
      </c>
      <c r="FM30" s="113">
        <v>18752</v>
      </c>
      <c r="FN30" s="110">
        <v>0</v>
      </c>
      <c r="FO30" s="114">
        <v>65040</v>
      </c>
      <c r="FP30" s="114">
        <v>120264</v>
      </c>
      <c r="FQ30" s="114">
        <v>67384</v>
      </c>
      <c r="FR30" s="114">
        <v>113600</v>
      </c>
      <c r="FS30" s="114">
        <v>68144</v>
      </c>
      <c r="FT30" s="113">
        <v>434432</v>
      </c>
      <c r="FU30" s="116">
        <v>453184</v>
      </c>
      <c r="FV30" s="115">
        <v>3872</v>
      </c>
      <c r="FW30" s="114">
        <v>14880</v>
      </c>
      <c r="FX30" s="112">
        <v>18752</v>
      </c>
      <c r="FY30" s="111">
        <v>0</v>
      </c>
      <c r="FZ30" s="114">
        <v>65040</v>
      </c>
      <c r="GA30" s="114">
        <v>120264</v>
      </c>
      <c r="GB30" s="114">
        <v>67384</v>
      </c>
      <c r="GC30" s="114">
        <v>113600</v>
      </c>
      <c r="GD30" s="114">
        <v>68144</v>
      </c>
      <c r="GE30" s="113">
        <v>434432</v>
      </c>
      <c r="GF30" s="319">
        <v>453184</v>
      </c>
      <c r="GG30" s="115">
        <v>0</v>
      </c>
      <c r="GH30" s="114">
        <v>0</v>
      </c>
      <c r="GI30" s="112">
        <v>0</v>
      </c>
      <c r="GJ30" s="111">
        <v>0</v>
      </c>
      <c r="GK30" s="114">
        <v>0</v>
      </c>
      <c r="GL30" s="114">
        <v>0</v>
      </c>
      <c r="GM30" s="114">
        <v>0</v>
      </c>
      <c r="GN30" s="114">
        <v>0</v>
      </c>
      <c r="GO30" s="114">
        <v>0</v>
      </c>
      <c r="GP30" s="113">
        <v>0</v>
      </c>
      <c r="GQ30" s="116">
        <v>0</v>
      </c>
      <c r="GR30" s="110">
        <v>0</v>
      </c>
      <c r="GS30" s="114">
        <v>0</v>
      </c>
      <c r="GT30" s="113">
        <v>0</v>
      </c>
      <c r="GU30" s="110">
        <v>0</v>
      </c>
      <c r="GV30" s="114">
        <v>0</v>
      </c>
      <c r="GW30" s="114">
        <v>0</v>
      </c>
      <c r="GX30" s="114">
        <v>0</v>
      </c>
      <c r="GY30" s="114">
        <v>0</v>
      </c>
      <c r="GZ30" s="114">
        <v>0</v>
      </c>
      <c r="HA30" s="112">
        <v>0</v>
      </c>
      <c r="HB30" s="116">
        <v>0</v>
      </c>
      <c r="HC30" s="110">
        <v>0</v>
      </c>
      <c r="HD30" s="114">
        <v>90605</v>
      </c>
      <c r="HE30" s="112">
        <v>90605</v>
      </c>
      <c r="HF30" s="111">
        <v>0</v>
      </c>
      <c r="HG30" s="114">
        <v>774326</v>
      </c>
      <c r="HH30" s="114">
        <v>0</v>
      </c>
      <c r="HI30" s="114">
        <v>198457</v>
      </c>
      <c r="HJ30" s="114">
        <v>423350</v>
      </c>
      <c r="HK30" s="114">
        <v>0</v>
      </c>
      <c r="HL30" s="113">
        <v>1396133</v>
      </c>
      <c r="HM30" s="109">
        <v>1486738</v>
      </c>
      <c r="HN30" s="329"/>
      <c r="HO30" s="330"/>
      <c r="HP30" s="331"/>
      <c r="HQ30" s="332"/>
      <c r="HR30" s="330"/>
      <c r="HS30" s="330"/>
      <c r="HT30" s="330"/>
      <c r="HU30" s="330"/>
      <c r="HV30" s="330"/>
      <c r="HW30" s="333"/>
      <c r="HX30" s="334"/>
      <c r="HY30" s="150">
        <v>0</v>
      </c>
      <c r="HZ30" s="135">
        <v>0</v>
      </c>
      <c r="IA30" s="150">
        <v>0</v>
      </c>
      <c r="IB30" s="134">
        <v>0</v>
      </c>
      <c r="IC30" s="135">
        <v>251070</v>
      </c>
      <c r="ID30" s="136">
        <v>0</v>
      </c>
      <c r="IE30" s="137">
        <v>0</v>
      </c>
      <c r="IF30" s="135">
        <v>95321</v>
      </c>
      <c r="IG30" s="137">
        <v>0</v>
      </c>
      <c r="IH30" s="138">
        <v>346391</v>
      </c>
      <c r="II30" s="150">
        <v>346391</v>
      </c>
      <c r="IJ30" s="232">
        <v>0</v>
      </c>
      <c r="IK30" s="236">
        <v>0</v>
      </c>
      <c r="IL30" s="237">
        <v>0</v>
      </c>
      <c r="IM30" s="140"/>
      <c r="IN30" s="119">
        <v>0</v>
      </c>
      <c r="IO30" s="119">
        <v>0</v>
      </c>
      <c r="IP30" s="119">
        <v>0</v>
      </c>
      <c r="IQ30" s="119">
        <v>0</v>
      </c>
      <c r="IR30" s="119">
        <v>0</v>
      </c>
      <c r="IS30" s="141">
        <v>0</v>
      </c>
      <c r="IT30" s="321">
        <v>0</v>
      </c>
      <c r="IU30" s="142">
        <v>0</v>
      </c>
      <c r="IV30" s="119">
        <v>0</v>
      </c>
      <c r="IW30" s="120">
        <v>0</v>
      </c>
      <c r="IX30" s="144"/>
      <c r="IY30" s="119">
        <v>0</v>
      </c>
      <c r="IZ30" s="119">
        <v>0</v>
      </c>
      <c r="JA30" s="119">
        <v>0</v>
      </c>
      <c r="JB30" s="119">
        <v>0</v>
      </c>
      <c r="JC30" s="119">
        <v>0</v>
      </c>
      <c r="JD30" s="120">
        <v>0</v>
      </c>
      <c r="JE30" s="121">
        <v>0</v>
      </c>
      <c r="JF30" s="142">
        <v>0</v>
      </c>
      <c r="JG30" s="119">
        <v>0</v>
      </c>
      <c r="JH30" s="141">
        <v>0</v>
      </c>
      <c r="JI30" s="118">
        <v>0</v>
      </c>
      <c r="JJ30" s="119">
        <v>251070</v>
      </c>
      <c r="JK30" s="119">
        <v>0</v>
      </c>
      <c r="JL30" s="119">
        <v>0</v>
      </c>
      <c r="JM30" s="119">
        <v>95321</v>
      </c>
      <c r="JN30" s="119">
        <v>0</v>
      </c>
      <c r="JO30" s="120">
        <v>346391</v>
      </c>
      <c r="JP30" s="321">
        <v>346391</v>
      </c>
      <c r="JQ30" s="142">
        <v>0</v>
      </c>
      <c r="JR30" s="119">
        <v>0</v>
      </c>
      <c r="JS30" s="141">
        <v>0</v>
      </c>
      <c r="JT30" s="118">
        <v>0</v>
      </c>
      <c r="JU30" s="119">
        <v>0</v>
      </c>
      <c r="JV30" s="119">
        <v>0</v>
      </c>
      <c r="JW30" s="119">
        <v>0</v>
      </c>
      <c r="JX30" s="119">
        <v>0</v>
      </c>
      <c r="JY30" s="119">
        <v>0</v>
      </c>
      <c r="JZ30" s="120">
        <v>0</v>
      </c>
      <c r="KA30" s="321">
        <v>0</v>
      </c>
      <c r="KB30" s="234">
        <v>0</v>
      </c>
      <c r="KC30" s="230">
        <v>0</v>
      </c>
      <c r="KD30" s="120">
        <v>0</v>
      </c>
      <c r="KE30" s="118">
        <v>0</v>
      </c>
      <c r="KF30" s="119">
        <v>0</v>
      </c>
      <c r="KG30" s="119">
        <v>0</v>
      </c>
      <c r="KH30" s="119">
        <v>0</v>
      </c>
      <c r="KI30" s="119">
        <v>0</v>
      </c>
      <c r="KJ30" s="119">
        <v>0</v>
      </c>
      <c r="KK30" s="120">
        <v>0</v>
      </c>
      <c r="KL30" s="143">
        <v>0</v>
      </c>
      <c r="KM30" s="232">
        <v>0</v>
      </c>
      <c r="KN30" s="236">
        <v>0</v>
      </c>
      <c r="KO30" s="237">
        <v>0</v>
      </c>
      <c r="KP30" s="140"/>
      <c r="KQ30" s="119">
        <v>0</v>
      </c>
      <c r="KR30" s="119">
        <v>0</v>
      </c>
      <c r="KS30" s="119">
        <v>0</v>
      </c>
      <c r="KT30" s="119">
        <v>0</v>
      </c>
      <c r="KU30" s="119">
        <v>0</v>
      </c>
      <c r="KV30" s="120">
        <v>0</v>
      </c>
      <c r="KW30" s="321">
        <v>0</v>
      </c>
      <c r="KX30" s="142">
        <v>0</v>
      </c>
      <c r="KY30" s="119">
        <v>0</v>
      </c>
      <c r="KZ30" s="120">
        <v>0</v>
      </c>
      <c r="LA30" s="145"/>
      <c r="LB30" s="119">
        <v>0</v>
      </c>
      <c r="LC30" s="119">
        <v>0</v>
      </c>
      <c r="LD30" s="119">
        <v>0</v>
      </c>
      <c r="LE30" s="119">
        <v>0</v>
      </c>
      <c r="LF30" s="119">
        <v>0</v>
      </c>
      <c r="LG30" s="120">
        <v>0</v>
      </c>
      <c r="LH30" s="121">
        <v>0</v>
      </c>
      <c r="LI30" s="142">
        <v>0</v>
      </c>
      <c r="LJ30" s="119">
        <v>0</v>
      </c>
      <c r="LK30" s="120">
        <v>0</v>
      </c>
      <c r="LL30" s="145"/>
      <c r="LM30" s="119">
        <v>0</v>
      </c>
      <c r="LN30" s="119">
        <v>0</v>
      </c>
      <c r="LO30" s="119">
        <v>0</v>
      </c>
      <c r="LP30" s="119">
        <v>0</v>
      </c>
      <c r="LQ30" s="119">
        <v>0</v>
      </c>
      <c r="LR30" s="120">
        <v>0</v>
      </c>
      <c r="LS30" s="321">
        <v>0</v>
      </c>
      <c r="LT30" s="142">
        <v>0</v>
      </c>
      <c r="LU30" s="119">
        <v>0</v>
      </c>
      <c r="LV30" s="120">
        <v>0</v>
      </c>
      <c r="LW30" s="145"/>
      <c r="LX30" s="119">
        <v>0</v>
      </c>
      <c r="LY30" s="119">
        <v>0</v>
      </c>
      <c r="LZ30" s="119">
        <v>0</v>
      </c>
      <c r="MA30" s="119">
        <v>0</v>
      </c>
      <c r="MB30" s="119">
        <v>0</v>
      </c>
      <c r="MC30" s="120">
        <v>0</v>
      </c>
      <c r="MD30" s="121">
        <v>0</v>
      </c>
      <c r="ME30" s="142">
        <v>0</v>
      </c>
      <c r="MF30" s="119">
        <v>0</v>
      </c>
      <c r="MG30" s="120">
        <v>0</v>
      </c>
      <c r="MH30" s="145"/>
      <c r="MI30" s="119">
        <v>188308</v>
      </c>
      <c r="MJ30" s="119">
        <v>0</v>
      </c>
      <c r="MK30" s="119">
        <v>1687053</v>
      </c>
      <c r="ML30" s="119">
        <v>1278190</v>
      </c>
      <c r="MM30" s="119">
        <v>237214</v>
      </c>
      <c r="MN30" s="120">
        <v>3390765</v>
      </c>
      <c r="MO30" s="143">
        <v>3390765</v>
      </c>
      <c r="MP30" s="142">
        <v>0</v>
      </c>
      <c r="MQ30" s="119">
        <v>0</v>
      </c>
      <c r="MR30" s="120">
        <v>0</v>
      </c>
      <c r="MS30" s="145"/>
      <c r="MT30" s="119">
        <v>188308</v>
      </c>
      <c r="MU30" s="119">
        <v>0</v>
      </c>
      <c r="MV30" s="119">
        <v>1403523</v>
      </c>
      <c r="MW30" s="119">
        <v>521228</v>
      </c>
      <c r="MX30" s="119">
        <v>237214</v>
      </c>
      <c r="MY30" s="120">
        <v>2350273</v>
      </c>
      <c r="MZ30" s="143">
        <v>2350273</v>
      </c>
      <c r="NA30" s="142">
        <v>0</v>
      </c>
      <c r="NB30" s="119">
        <v>0</v>
      </c>
      <c r="NC30" s="120">
        <v>0</v>
      </c>
      <c r="ND30" s="145"/>
      <c r="NE30" s="119">
        <v>0</v>
      </c>
      <c r="NF30" s="119">
        <v>0</v>
      </c>
      <c r="NG30" s="119">
        <v>283530</v>
      </c>
      <c r="NH30" s="119">
        <v>756962</v>
      </c>
      <c r="NI30" s="119">
        <v>0</v>
      </c>
      <c r="NJ30" s="120">
        <v>1040492</v>
      </c>
      <c r="NK30" s="321">
        <v>1040492</v>
      </c>
      <c r="NL30" s="142">
        <v>0</v>
      </c>
      <c r="NM30" s="119">
        <v>0</v>
      </c>
      <c r="NN30" s="120">
        <v>0</v>
      </c>
      <c r="NO30" s="145"/>
      <c r="NP30" s="119">
        <v>0</v>
      </c>
      <c r="NQ30" s="119">
        <v>0</v>
      </c>
      <c r="NR30" s="119">
        <v>0</v>
      </c>
      <c r="NS30" s="119">
        <v>0</v>
      </c>
      <c r="NT30" s="119">
        <v>0</v>
      </c>
      <c r="NU30" s="120">
        <v>0</v>
      </c>
      <c r="NV30" s="121">
        <v>0</v>
      </c>
      <c r="NW30" s="142">
        <v>0</v>
      </c>
      <c r="NX30" s="119">
        <v>0</v>
      </c>
      <c r="NY30" s="120">
        <v>0</v>
      </c>
      <c r="NZ30" s="145"/>
      <c r="OA30" s="119">
        <v>0</v>
      </c>
      <c r="OB30" s="119">
        <v>0</v>
      </c>
      <c r="OC30" s="119">
        <v>0</v>
      </c>
      <c r="OD30" s="119">
        <v>0</v>
      </c>
      <c r="OE30" s="119">
        <v>0</v>
      </c>
      <c r="OF30" s="120">
        <v>0</v>
      </c>
      <c r="OG30" s="121">
        <v>0</v>
      </c>
      <c r="OH30" s="142">
        <v>3872</v>
      </c>
      <c r="OI30" s="119">
        <v>204510</v>
      </c>
      <c r="OJ30" s="141">
        <v>208382</v>
      </c>
      <c r="OK30" s="118">
        <v>0</v>
      </c>
      <c r="OL30" s="119">
        <v>2571906</v>
      </c>
      <c r="OM30" s="119">
        <v>950967</v>
      </c>
      <c r="ON30" s="119">
        <v>2609445</v>
      </c>
      <c r="OO30" s="119">
        <v>3043471</v>
      </c>
      <c r="OP30" s="119">
        <v>903407</v>
      </c>
      <c r="OQ30" s="120">
        <v>10079196</v>
      </c>
      <c r="OR30" s="143">
        <v>10287578</v>
      </c>
    </row>
    <row r="31" spans="1:408" ht="20.25" customHeight="1" x14ac:dyDescent="0.2">
      <c r="A31" s="126" t="s">
        <v>26</v>
      </c>
      <c r="B31" s="110">
        <v>43213</v>
      </c>
      <c r="C31" s="114">
        <v>45985</v>
      </c>
      <c r="D31" s="113">
        <v>89198</v>
      </c>
      <c r="E31" s="109">
        <v>0</v>
      </c>
      <c r="F31" s="114">
        <v>1057610</v>
      </c>
      <c r="G31" s="114">
        <v>2185197</v>
      </c>
      <c r="H31" s="114">
        <v>1774019</v>
      </c>
      <c r="I31" s="114">
        <v>1602409</v>
      </c>
      <c r="J31" s="114">
        <v>821792</v>
      </c>
      <c r="K31" s="173">
        <v>7441027</v>
      </c>
      <c r="L31" s="116">
        <v>7530225</v>
      </c>
      <c r="M31" s="110">
        <v>12416</v>
      </c>
      <c r="N31" s="114">
        <v>32961</v>
      </c>
      <c r="O31" s="113">
        <v>45377</v>
      </c>
      <c r="P31" s="110">
        <v>0</v>
      </c>
      <c r="Q31" s="114">
        <v>221374</v>
      </c>
      <c r="R31" s="114">
        <v>703135</v>
      </c>
      <c r="S31" s="114">
        <v>806923</v>
      </c>
      <c r="T31" s="114">
        <v>686121</v>
      </c>
      <c r="U31" s="114">
        <v>410979</v>
      </c>
      <c r="V31" s="113">
        <v>2828532</v>
      </c>
      <c r="W31" s="116">
        <v>2873909</v>
      </c>
      <c r="X31" s="110">
        <v>0</v>
      </c>
      <c r="Y31" s="114">
        <v>0</v>
      </c>
      <c r="Z31" s="113">
        <v>0</v>
      </c>
      <c r="AA31" s="110">
        <v>0</v>
      </c>
      <c r="AB31" s="114">
        <v>49080</v>
      </c>
      <c r="AC31" s="114">
        <v>468752</v>
      </c>
      <c r="AD31" s="114">
        <v>265363</v>
      </c>
      <c r="AE31" s="114">
        <v>285001</v>
      </c>
      <c r="AF31" s="114">
        <v>87828</v>
      </c>
      <c r="AG31" s="113">
        <v>1156024</v>
      </c>
      <c r="AH31" s="116">
        <v>1156024</v>
      </c>
      <c r="AI31" s="110">
        <v>0</v>
      </c>
      <c r="AJ31" s="114">
        <v>0</v>
      </c>
      <c r="AK31" s="113">
        <v>0</v>
      </c>
      <c r="AL31" s="110">
        <v>0</v>
      </c>
      <c r="AM31" s="114">
        <v>0</v>
      </c>
      <c r="AN31" s="114">
        <v>0</v>
      </c>
      <c r="AO31" s="114">
        <v>92584</v>
      </c>
      <c r="AP31" s="114">
        <v>127739</v>
      </c>
      <c r="AQ31" s="114">
        <v>92584</v>
      </c>
      <c r="AR31" s="113">
        <v>312907</v>
      </c>
      <c r="AS31" s="116">
        <v>312907</v>
      </c>
      <c r="AT31" s="110">
        <v>0</v>
      </c>
      <c r="AU31" s="114">
        <v>25809</v>
      </c>
      <c r="AV31" s="113">
        <v>25809</v>
      </c>
      <c r="AW31" s="110">
        <v>0</v>
      </c>
      <c r="AX31" s="114">
        <v>131190</v>
      </c>
      <c r="AY31" s="114">
        <v>142639</v>
      </c>
      <c r="AZ31" s="114">
        <v>205335</v>
      </c>
      <c r="BA31" s="114">
        <v>248029</v>
      </c>
      <c r="BB31" s="114">
        <v>214447</v>
      </c>
      <c r="BC31" s="113">
        <v>941640</v>
      </c>
      <c r="BD31" s="116">
        <v>967449</v>
      </c>
      <c r="BE31" s="110">
        <v>0</v>
      </c>
      <c r="BF31" s="114">
        <v>0</v>
      </c>
      <c r="BG31" s="112">
        <v>0</v>
      </c>
      <c r="BH31" s="111">
        <v>0</v>
      </c>
      <c r="BI31" s="114">
        <v>0</v>
      </c>
      <c r="BJ31" s="114">
        <v>31600</v>
      </c>
      <c r="BK31" s="114">
        <v>66641</v>
      </c>
      <c r="BL31" s="114">
        <v>0</v>
      </c>
      <c r="BM31" s="114">
        <v>0</v>
      </c>
      <c r="BN31" s="113">
        <v>98241</v>
      </c>
      <c r="BO31" s="116">
        <v>98241</v>
      </c>
      <c r="BP31" s="110">
        <v>12416</v>
      </c>
      <c r="BQ31" s="114">
        <v>7152</v>
      </c>
      <c r="BR31" s="113">
        <v>19568</v>
      </c>
      <c r="BS31" s="110">
        <v>0</v>
      </c>
      <c r="BT31" s="114">
        <v>41104</v>
      </c>
      <c r="BU31" s="114">
        <v>60144</v>
      </c>
      <c r="BV31" s="114">
        <v>177000</v>
      </c>
      <c r="BW31" s="114">
        <v>25352</v>
      </c>
      <c r="BX31" s="114">
        <v>16120</v>
      </c>
      <c r="BY31" s="113">
        <v>319720</v>
      </c>
      <c r="BZ31" s="116">
        <v>339288</v>
      </c>
      <c r="CA31" s="110">
        <v>20717</v>
      </c>
      <c r="CB31" s="114">
        <v>0</v>
      </c>
      <c r="CC31" s="113">
        <v>20717</v>
      </c>
      <c r="CD31" s="110">
        <v>0</v>
      </c>
      <c r="CE31" s="114">
        <v>460417</v>
      </c>
      <c r="CF31" s="114">
        <v>710207</v>
      </c>
      <c r="CG31" s="114">
        <v>371263</v>
      </c>
      <c r="CH31" s="114">
        <v>64020</v>
      </c>
      <c r="CI31" s="114">
        <v>326573</v>
      </c>
      <c r="CJ31" s="113">
        <v>1932480</v>
      </c>
      <c r="CK31" s="116">
        <v>1953197</v>
      </c>
      <c r="CL31" s="110">
        <v>0</v>
      </c>
      <c r="CM31" s="114">
        <v>0</v>
      </c>
      <c r="CN31" s="113">
        <v>0</v>
      </c>
      <c r="CO31" s="111">
        <v>0</v>
      </c>
      <c r="CP31" s="114">
        <v>460417</v>
      </c>
      <c r="CQ31" s="114">
        <v>477690</v>
      </c>
      <c r="CR31" s="114">
        <v>97636</v>
      </c>
      <c r="CS31" s="114">
        <v>64020</v>
      </c>
      <c r="CT31" s="114">
        <v>326573</v>
      </c>
      <c r="CU31" s="113">
        <v>1426336</v>
      </c>
      <c r="CV31" s="116">
        <v>1426336</v>
      </c>
      <c r="CW31" s="110">
        <v>20717</v>
      </c>
      <c r="CX31" s="114">
        <v>0</v>
      </c>
      <c r="CY31" s="113">
        <v>20717</v>
      </c>
      <c r="CZ31" s="110">
        <v>0</v>
      </c>
      <c r="DA31" s="114">
        <v>0</v>
      </c>
      <c r="DB31" s="114">
        <v>232517</v>
      </c>
      <c r="DC31" s="114">
        <v>273627</v>
      </c>
      <c r="DD31" s="114">
        <v>0</v>
      </c>
      <c r="DE31" s="114">
        <v>0</v>
      </c>
      <c r="DF31" s="113">
        <v>506144</v>
      </c>
      <c r="DG31" s="116">
        <v>526861</v>
      </c>
      <c r="DH31" s="110">
        <v>0</v>
      </c>
      <c r="DI31" s="114">
        <v>0</v>
      </c>
      <c r="DJ31" s="112">
        <v>0</v>
      </c>
      <c r="DK31" s="111">
        <v>0</v>
      </c>
      <c r="DL31" s="114">
        <v>17048</v>
      </c>
      <c r="DM31" s="114">
        <v>185915</v>
      </c>
      <c r="DN31" s="114">
        <v>159193</v>
      </c>
      <c r="DO31" s="114">
        <v>222638</v>
      </c>
      <c r="DP31" s="114">
        <v>0</v>
      </c>
      <c r="DQ31" s="113">
        <v>584794</v>
      </c>
      <c r="DR31" s="116">
        <v>584794</v>
      </c>
      <c r="DS31" s="110">
        <v>0</v>
      </c>
      <c r="DT31" s="114">
        <v>0</v>
      </c>
      <c r="DU31" s="113">
        <v>0</v>
      </c>
      <c r="DV31" s="110">
        <v>0</v>
      </c>
      <c r="DW31" s="114">
        <v>17048</v>
      </c>
      <c r="DX31" s="114">
        <v>185915</v>
      </c>
      <c r="DY31" s="114">
        <v>111796</v>
      </c>
      <c r="DZ31" s="114">
        <v>222638</v>
      </c>
      <c r="EA31" s="114">
        <v>0</v>
      </c>
      <c r="EB31" s="113">
        <v>537397</v>
      </c>
      <c r="EC31" s="116">
        <v>537397</v>
      </c>
      <c r="ED31" s="110">
        <v>0</v>
      </c>
      <c r="EE31" s="112">
        <v>0</v>
      </c>
      <c r="EF31" s="113">
        <v>0</v>
      </c>
      <c r="EG31" s="110">
        <v>0</v>
      </c>
      <c r="EH31" s="114">
        <v>0</v>
      </c>
      <c r="EI31" s="114">
        <v>0</v>
      </c>
      <c r="EJ31" s="114">
        <v>47397</v>
      </c>
      <c r="EK31" s="114">
        <v>0</v>
      </c>
      <c r="EL31" s="114">
        <v>0</v>
      </c>
      <c r="EM31" s="112">
        <v>47397</v>
      </c>
      <c r="EN31" s="116">
        <v>47397</v>
      </c>
      <c r="EO31" s="110">
        <v>0</v>
      </c>
      <c r="EP31" s="114">
        <v>0</v>
      </c>
      <c r="EQ31" s="112">
        <v>0</v>
      </c>
      <c r="ER31" s="111">
        <v>0</v>
      </c>
      <c r="ES31" s="114">
        <v>0</v>
      </c>
      <c r="ET31" s="114">
        <v>0</v>
      </c>
      <c r="EU31" s="114">
        <v>0</v>
      </c>
      <c r="EV31" s="114">
        <v>0</v>
      </c>
      <c r="EW31" s="114">
        <v>0</v>
      </c>
      <c r="EX31" s="113">
        <v>0</v>
      </c>
      <c r="EY31" s="116">
        <v>0</v>
      </c>
      <c r="EZ31" s="110">
        <v>0</v>
      </c>
      <c r="FA31" s="114">
        <v>0</v>
      </c>
      <c r="FB31" s="112">
        <v>0</v>
      </c>
      <c r="FC31" s="348"/>
      <c r="FD31" s="114">
        <v>0</v>
      </c>
      <c r="FE31" s="114">
        <v>0</v>
      </c>
      <c r="FF31" s="114">
        <v>0</v>
      </c>
      <c r="FG31" s="114">
        <v>0</v>
      </c>
      <c r="FH31" s="114">
        <v>0</v>
      </c>
      <c r="FI31" s="113">
        <v>0</v>
      </c>
      <c r="FJ31" s="116">
        <v>0</v>
      </c>
      <c r="FK31" s="110">
        <v>10080</v>
      </c>
      <c r="FL31" s="114">
        <v>13024</v>
      </c>
      <c r="FM31" s="113">
        <v>23104</v>
      </c>
      <c r="FN31" s="110">
        <v>0</v>
      </c>
      <c r="FO31" s="114">
        <v>44080</v>
      </c>
      <c r="FP31" s="114">
        <v>274928</v>
      </c>
      <c r="FQ31" s="114">
        <v>436640</v>
      </c>
      <c r="FR31" s="114">
        <v>98128</v>
      </c>
      <c r="FS31" s="114">
        <v>84240</v>
      </c>
      <c r="FT31" s="113">
        <v>938016</v>
      </c>
      <c r="FU31" s="116">
        <v>961120</v>
      </c>
      <c r="FV31" s="115">
        <v>10080</v>
      </c>
      <c r="FW31" s="114">
        <v>13024</v>
      </c>
      <c r="FX31" s="112">
        <v>23104</v>
      </c>
      <c r="FY31" s="111">
        <v>0</v>
      </c>
      <c r="FZ31" s="114">
        <v>44080</v>
      </c>
      <c r="GA31" s="114">
        <v>192192</v>
      </c>
      <c r="GB31" s="114">
        <v>267840</v>
      </c>
      <c r="GC31" s="114">
        <v>98128</v>
      </c>
      <c r="GD31" s="114">
        <v>84240</v>
      </c>
      <c r="GE31" s="113">
        <v>686480</v>
      </c>
      <c r="GF31" s="319">
        <v>709584</v>
      </c>
      <c r="GG31" s="115">
        <v>0</v>
      </c>
      <c r="GH31" s="114">
        <v>0</v>
      </c>
      <c r="GI31" s="112">
        <v>0</v>
      </c>
      <c r="GJ31" s="111">
        <v>0</v>
      </c>
      <c r="GK31" s="114">
        <v>0</v>
      </c>
      <c r="GL31" s="114">
        <v>0</v>
      </c>
      <c r="GM31" s="114">
        <v>8800</v>
      </c>
      <c r="GN31" s="114">
        <v>0</v>
      </c>
      <c r="GO31" s="114">
        <v>0</v>
      </c>
      <c r="GP31" s="113">
        <v>8800</v>
      </c>
      <c r="GQ31" s="116">
        <v>8800</v>
      </c>
      <c r="GR31" s="110">
        <v>0</v>
      </c>
      <c r="GS31" s="114">
        <v>0</v>
      </c>
      <c r="GT31" s="113">
        <v>0</v>
      </c>
      <c r="GU31" s="110">
        <v>0</v>
      </c>
      <c r="GV31" s="114">
        <v>0</v>
      </c>
      <c r="GW31" s="114">
        <v>82736</v>
      </c>
      <c r="GX31" s="114">
        <v>160000</v>
      </c>
      <c r="GY31" s="114">
        <v>0</v>
      </c>
      <c r="GZ31" s="114">
        <v>0</v>
      </c>
      <c r="HA31" s="112">
        <v>242736</v>
      </c>
      <c r="HB31" s="116">
        <v>242736</v>
      </c>
      <c r="HC31" s="110">
        <v>0</v>
      </c>
      <c r="HD31" s="114">
        <v>0</v>
      </c>
      <c r="HE31" s="112">
        <v>0</v>
      </c>
      <c r="HF31" s="111">
        <v>0</v>
      </c>
      <c r="HG31" s="114">
        <v>314691</v>
      </c>
      <c r="HH31" s="114">
        <v>311012</v>
      </c>
      <c r="HI31" s="114">
        <v>0</v>
      </c>
      <c r="HJ31" s="114">
        <v>531502</v>
      </c>
      <c r="HK31" s="114">
        <v>0</v>
      </c>
      <c r="HL31" s="113">
        <v>1157205</v>
      </c>
      <c r="HM31" s="109">
        <v>1157205</v>
      </c>
      <c r="HN31" s="329"/>
      <c r="HO31" s="330"/>
      <c r="HP31" s="331"/>
      <c r="HQ31" s="332"/>
      <c r="HR31" s="330"/>
      <c r="HS31" s="330"/>
      <c r="HT31" s="330"/>
      <c r="HU31" s="330"/>
      <c r="HV31" s="330"/>
      <c r="HW31" s="333"/>
      <c r="HX31" s="334"/>
      <c r="HY31" s="131">
        <v>0</v>
      </c>
      <c r="HZ31" s="132">
        <v>0</v>
      </c>
      <c r="IA31" s="133">
        <v>0</v>
      </c>
      <c r="IB31" s="146">
        <v>0</v>
      </c>
      <c r="IC31" s="132">
        <v>35542</v>
      </c>
      <c r="ID31" s="147">
        <v>230322</v>
      </c>
      <c r="IE31" s="133">
        <v>534063</v>
      </c>
      <c r="IF31" s="132">
        <v>0</v>
      </c>
      <c r="IG31" s="133">
        <v>231597</v>
      </c>
      <c r="IH31" s="148">
        <v>1031524</v>
      </c>
      <c r="II31" s="139">
        <v>1031524</v>
      </c>
      <c r="IJ31" s="232">
        <v>0</v>
      </c>
      <c r="IK31" s="236">
        <v>0</v>
      </c>
      <c r="IL31" s="237">
        <v>0</v>
      </c>
      <c r="IM31" s="140"/>
      <c r="IN31" s="119">
        <v>0</v>
      </c>
      <c r="IO31" s="119">
        <v>0</v>
      </c>
      <c r="IP31" s="119">
        <v>0</v>
      </c>
      <c r="IQ31" s="119">
        <v>0</v>
      </c>
      <c r="IR31" s="119">
        <v>0</v>
      </c>
      <c r="IS31" s="141">
        <v>0</v>
      </c>
      <c r="IT31" s="321">
        <v>0</v>
      </c>
      <c r="IU31" s="142">
        <v>0</v>
      </c>
      <c r="IV31" s="119">
        <v>0</v>
      </c>
      <c r="IW31" s="120">
        <v>0</v>
      </c>
      <c r="IX31" s="144"/>
      <c r="IY31" s="119">
        <v>0</v>
      </c>
      <c r="IZ31" s="119">
        <v>0</v>
      </c>
      <c r="JA31" s="119">
        <v>0</v>
      </c>
      <c r="JB31" s="119">
        <v>0</v>
      </c>
      <c r="JC31" s="119">
        <v>0</v>
      </c>
      <c r="JD31" s="120">
        <v>0</v>
      </c>
      <c r="JE31" s="121">
        <v>0</v>
      </c>
      <c r="JF31" s="142">
        <v>0</v>
      </c>
      <c r="JG31" s="119">
        <v>0</v>
      </c>
      <c r="JH31" s="141">
        <v>0</v>
      </c>
      <c r="JI31" s="118">
        <v>0</v>
      </c>
      <c r="JJ31" s="119">
        <v>35542</v>
      </c>
      <c r="JK31" s="119">
        <v>230322</v>
      </c>
      <c r="JL31" s="119">
        <v>40964</v>
      </c>
      <c r="JM31" s="119">
        <v>0</v>
      </c>
      <c r="JN31" s="119">
        <v>231597</v>
      </c>
      <c r="JO31" s="120">
        <v>538425</v>
      </c>
      <c r="JP31" s="321">
        <v>538425</v>
      </c>
      <c r="JQ31" s="142">
        <v>0</v>
      </c>
      <c r="JR31" s="119">
        <v>0</v>
      </c>
      <c r="JS31" s="141">
        <v>0</v>
      </c>
      <c r="JT31" s="118">
        <v>0</v>
      </c>
      <c r="JU31" s="119">
        <v>0</v>
      </c>
      <c r="JV31" s="119">
        <v>0</v>
      </c>
      <c r="JW31" s="119">
        <v>0</v>
      </c>
      <c r="JX31" s="119">
        <v>0</v>
      </c>
      <c r="JY31" s="119">
        <v>0</v>
      </c>
      <c r="JZ31" s="120">
        <v>0</v>
      </c>
      <c r="KA31" s="321">
        <v>0</v>
      </c>
      <c r="KB31" s="234">
        <v>0</v>
      </c>
      <c r="KC31" s="230">
        <v>0</v>
      </c>
      <c r="KD31" s="120">
        <v>0</v>
      </c>
      <c r="KE31" s="118">
        <v>0</v>
      </c>
      <c r="KF31" s="119">
        <v>0</v>
      </c>
      <c r="KG31" s="119">
        <v>0</v>
      </c>
      <c r="KH31" s="119">
        <v>0</v>
      </c>
      <c r="KI31" s="119">
        <v>0</v>
      </c>
      <c r="KJ31" s="119">
        <v>0</v>
      </c>
      <c r="KK31" s="120">
        <v>0</v>
      </c>
      <c r="KL31" s="143">
        <v>0</v>
      </c>
      <c r="KM31" s="232">
        <v>0</v>
      </c>
      <c r="KN31" s="236">
        <v>0</v>
      </c>
      <c r="KO31" s="237">
        <v>0</v>
      </c>
      <c r="KP31" s="140"/>
      <c r="KQ31" s="119">
        <v>0</v>
      </c>
      <c r="KR31" s="119">
        <v>0</v>
      </c>
      <c r="KS31" s="119">
        <v>493099</v>
      </c>
      <c r="KT31" s="119">
        <v>0</v>
      </c>
      <c r="KU31" s="119">
        <v>0</v>
      </c>
      <c r="KV31" s="120">
        <v>493099</v>
      </c>
      <c r="KW31" s="321">
        <v>493099</v>
      </c>
      <c r="KX31" s="142">
        <v>0</v>
      </c>
      <c r="KY31" s="119">
        <v>0</v>
      </c>
      <c r="KZ31" s="120">
        <v>0</v>
      </c>
      <c r="LA31" s="145"/>
      <c r="LB31" s="119">
        <v>0</v>
      </c>
      <c r="LC31" s="119">
        <v>0</v>
      </c>
      <c r="LD31" s="119">
        <v>0</v>
      </c>
      <c r="LE31" s="119">
        <v>0</v>
      </c>
      <c r="LF31" s="119">
        <v>0</v>
      </c>
      <c r="LG31" s="120">
        <v>0</v>
      </c>
      <c r="LH31" s="121">
        <v>0</v>
      </c>
      <c r="LI31" s="142">
        <v>0</v>
      </c>
      <c r="LJ31" s="119">
        <v>0</v>
      </c>
      <c r="LK31" s="120">
        <v>0</v>
      </c>
      <c r="LL31" s="145"/>
      <c r="LM31" s="119">
        <v>0</v>
      </c>
      <c r="LN31" s="119">
        <v>0</v>
      </c>
      <c r="LO31" s="119">
        <v>0</v>
      </c>
      <c r="LP31" s="119">
        <v>0</v>
      </c>
      <c r="LQ31" s="119">
        <v>0</v>
      </c>
      <c r="LR31" s="120">
        <v>0</v>
      </c>
      <c r="LS31" s="321">
        <v>0</v>
      </c>
      <c r="LT31" s="142">
        <v>0</v>
      </c>
      <c r="LU31" s="119">
        <v>0</v>
      </c>
      <c r="LV31" s="120">
        <v>0</v>
      </c>
      <c r="LW31" s="145"/>
      <c r="LX31" s="119">
        <v>0</v>
      </c>
      <c r="LY31" s="119">
        <v>0</v>
      </c>
      <c r="LZ31" s="119">
        <v>0</v>
      </c>
      <c r="MA31" s="119">
        <v>0</v>
      </c>
      <c r="MB31" s="119">
        <v>0</v>
      </c>
      <c r="MC31" s="120">
        <v>0</v>
      </c>
      <c r="MD31" s="121">
        <v>0</v>
      </c>
      <c r="ME31" s="142">
        <v>0</v>
      </c>
      <c r="MF31" s="119">
        <v>0</v>
      </c>
      <c r="MG31" s="120">
        <v>0</v>
      </c>
      <c r="MH31" s="145"/>
      <c r="MI31" s="119">
        <v>0</v>
      </c>
      <c r="MJ31" s="119">
        <v>0</v>
      </c>
      <c r="MK31" s="119">
        <v>778470</v>
      </c>
      <c r="ML31" s="119">
        <v>800375</v>
      </c>
      <c r="MM31" s="119">
        <v>384556</v>
      </c>
      <c r="MN31" s="120">
        <v>1963401</v>
      </c>
      <c r="MO31" s="143">
        <v>1963401</v>
      </c>
      <c r="MP31" s="142">
        <v>0</v>
      </c>
      <c r="MQ31" s="119">
        <v>0</v>
      </c>
      <c r="MR31" s="120">
        <v>0</v>
      </c>
      <c r="MS31" s="145"/>
      <c r="MT31" s="119">
        <v>0</v>
      </c>
      <c r="MU31" s="119">
        <v>0</v>
      </c>
      <c r="MV31" s="119">
        <v>255514</v>
      </c>
      <c r="MW31" s="119">
        <v>800375</v>
      </c>
      <c r="MX31" s="119">
        <v>101820</v>
      </c>
      <c r="MY31" s="120">
        <v>1157709</v>
      </c>
      <c r="MZ31" s="143">
        <v>1157709</v>
      </c>
      <c r="NA31" s="142">
        <v>0</v>
      </c>
      <c r="NB31" s="119">
        <v>0</v>
      </c>
      <c r="NC31" s="120">
        <v>0</v>
      </c>
      <c r="ND31" s="145"/>
      <c r="NE31" s="119">
        <v>0</v>
      </c>
      <c r="NF31" s="119">
        <v>0</v>
      </c>
      <c r="NG31" s="119">
        <v>522956</v>
      </c>
      <c r="NH31" s="119">
        <v>0</v>
      </c>
      <c r="NI31" s="119">
        <v>282736</v>
      </c>
      <c r="NJ31" s="120">
        <v>805692</v>
      </c>
      <c r="NK31" s="321">
        <v>805692</v>
      </c>
      <c r="NL31" s="142">
        <v>0</v>
      </c>
      <c r="NM31" s="119">
        <v>0</v>
      </c>
      <c r="NN31" s="120">
        <v>0</v>
      </c>
      <c r="NO31" s="145"/>
      <c r="NP31" s="119">
        <v>0</v>
      </c>
      <c r="NQ31" s="119">
        <v>0</v>
      </c>
      <c r="NR31" s="119">
        <v>0</v>
      </c>
      <c r="NS31" s="119">
        <v>0</v>
      </c>
      <c r="NT31" s="119">
        <v>0</v>
      </c>
      <c r="NU31" s="120">
        <v>0</v>
      </c>
      <c r="NV31" s="121">
        <v>0</v>
      </c>
      <c r="NW31" s="142">
        <v>0</v>
      </c>
      <c r="NX31" s="119">
        <v>0</v>
      </c>
      <c r="NY31" s="120">
        <v>0</v>
      </c>
      <c r="NZ31" s="145"/>
      <c r="OA31" s="119">
        <v>0</v>
      </c>
      <c r="OB31" s="119">
        <v>0</v>
      </c>
      <c r="OC31" s="119">
        <v>0</v>
      </c>
      <c r="OD31" s="119">
        <v>0</v>
      </c>
      <c r="OE31" s="119">
        <v>0</v>
      </c>
      <c r="OF31" s="120">
        <v>0</v>
      </c>
      <c r="OG31" s="121">
        <v>0</v>
      </c>
      <c r="OH31" s="142">
        <v>43213</v>
      </c>
      <c r="OI31" s="119">
        <v>45985</v>
      </c>
      <c r="OJ31" s="141">
        <v>89198</v>
      </c>
      <c r="OK31" s="118">
        <v>0</v>
      </c>
      <c r="OL31" s="119">
        <v>1093152</v>
      </c>
      <c r="OM31" s="119">
        <v>2415519</v>
      </c>
      <c r="ON31" s="119">
        <v>3086552</v>
      </c>
      <c r="OO31" s="119">
        <v>2402784</v>
      </c>
      <c r="OP31" s="119">
        <v>1437945</v>
      </c>
      <c r="OQ31" s="120">
        <v>10435952</v>
      </c>
      <c r="OR31" s="143">
        <v>10525150</v>
      </c>
    </row>
    <row r="32" spans="1:408" ht="20.25" customHeight="1" x14ac:dyDescent="0.2">
      <c r="A32" s="126" t="s">
        <v>27</v>
      </c>
      <c r="B32" s="110">
        <v>133517</v>
      </c>
      <c r="C32" s="114">
        <v>332340</v>
      </c>
      <c r="D32" s="113">
        <v>465857</v>
      </c>
      <c r="E32" s="109">
        <v>0</v>
      </c>
      <c r="F32" s="114">
        <v>782056</v>
      </c>
      <c r="G32" s="114">
        <v>1355470</v>
      </c>
      <c r="H32" s="114">
        <v>2016137</v>
      </c>
      <c r="I32" s="114">
        <v>2340556</v>
      </c>
      <c r="J32" s="114">
        <v>933135</v>
      </c>
      <c r="K32" s="173">
        <v>7427354</v>
      </c>
      <c r="L32" s="116">
        <v>7893211</v>
      </c>
      <c r="M32" s="110">
        <v>33835</v>
      </c>
      <c r="N32" s="114">
        <v>82036</v>
      </c>
      <c r="O32" s="113">
        <v>115871</v>
      </c>
      <c r="P32" s="110">
        <v>0</v>
      </c>
      <c r="Q32" s="114">
        <v>293978</v>
      </c>
      <c r="R32" s="114">
        <v>360977</v>
      </c>
      <c r="S32" s="114">
        <v>884696</v>
      </c>
      <c r="T32" s="114">
        <v>993114</v>
      </c>
      <c r="U32" s="114">
        <v>238002</v>
      </c>
      <c r="V32" s="113">
        <v>2770767</v>
      </c>
      <c r="W32" s="116">
        <v>2886638</v>
      </c>
      <c r="X32" s="110">
        <v>0</v>
      </c>
      <c r="Y32" s="114">
        <v>0</v>
      </c>
      <c r="Z32" s="113">
        <v>0</v>
      </c>
      <c r="AA32" s="110">
        <v>0</v>
      </c>
      <c r="AB32" s="114">
        <v>102147</v>
      </c>
      <c r="AC32" s="114">
        <v>9527</v>
      </c>
      <c r="AD32" s="114">
        <v>772376</v>
      </c>
      <c r="AE32" s="114">
        <v>662485</v>
      </c>
      <c r="AF32" s="114">
        <v>0</v>
      </c>
      <c r="AG32" s="113">
        <v>1546535</v>
      </c>
      <c r="AH32" s="116">
        <v>1546535</v>
      </c>
      <c r="AI32" s="110">
        <v>0</v>
      </c>
      <c r="AJ32" s="114">
        <v>0</v>
      </c>
      <c r="AK32" s="113">
        <v>0</v>
      </c>
      <c r="AL32" s="110">
        <v>0</v>
      </c>
      <c r="AM32" s="114">
        <v>11572</v>
      </c>
      <c r="AN32" s="114">
        <v>0</v>
      </c>
      <c r="AO32" s="114">
        <v>0</v>
      </c>
      <c r="AP32" s="114">
        <v>46872</v>
      </c>
      <c r="AQ32" s="114">
        <v>46728</v>
      </c>
      <c r="AR32" s="113">
        <v>105172</v>
      </c>
      <c r="AS32" s="116">
        <v>105172</v>
      </c>
      <c r="AT32" s="110">
        <v>26091</v>
      </c>
      <c r="AU32" s="114">
        <v>66980</v>
      </c>
      <c r="AV32" s="113">
        <v>93071</v>
      </c>
      <c r="AW32" s="110">
        <v>0</v>
      </c>
      <c r="AX32" s="114">
        <v>160123</v>
      </c>
      <c r="AY32" s="114">
        <v>267578</v>
      </c>
      <c r="AZ32" s="114">
        <v>20456</v>
      </c>
      <c r="BA32" s="114">
        <v>143277</v>
      </c>
      <c r="BB32" s="114">
        <v>150922</v>
      </c>
      <c r="BC32" s="113">
        <v>742356</v>
      </c>
      <c r="BD32" s="116">
        <v>835427</v>
      </c>
      <c r="BE32" s="110">
        <v>0</v>
      </c>
      <c r="BF32" s="114">
        <v>0</v>
      </c>
      <c r="BG32" s="112">
        <v>0</v>
      </c>
      <c r="BH32" s="111">
        <v>0</v>
      </c>
      <c r="BI32" s="114">
        <v>0</v>
      </c>
      <c r="BJ32" s="114">
        <v>0</v>
      </c>
      <c r="BK32" s="114">
        <v>0</v>
      </c>
      <c r="BL32" s="114">
        <v>0</v>
      </c>
      <c r="BM32" s="114">
        <v>0</v>
      </c>
      <c r="BN32" s="113">
        <v>0</v>
      </c>
      <c r="BO32" s="116">
        <v>0</v>
      </c>
      <c r="BP32" s="110">
        <v>7744</v>
      </c>
      <c r="BQ32" s="114">
        <v>15056</v>
      </c>
      <c r="BR32" s="113">
        <v>22800</v>
      </c>
      <c r="BS32" s="110">
        <v>0</v>
      </c>
      <c r="BT32" s="114">
        <v>20136</v>
      </c>
      <c r="BU32" s="114">
        <v>83872</v>
      </c>
      <c r="BV32" s="114">
        <v>91864</v>
      </c>
      <c r="BW32" s="114">
        <v>140480</v>
      </c>
      <c r="BX32" s="114">
        <v>40352</v>
      </c>
      <c r="BY32" s="113">
        <v>376704</v>
      </c>
      <c r="BZ32" s="116">
        <v>399504</v>
      </c>
      <c r="CA32" s="110">
        <v>0</v>
      </c>
      <c r="CB32" s="114">
        <v>79696</v>
      </c>
      <c r="CC32" s="113">
        <v>79696</v>
      </c>
      <c r="CD32" s="110">
        <v>0</v>
      </c>
      <c r="CE32" s="114">
        <v>442078</v>
      </c>
      <c r="CF32" s="114">
        <v>510758</v>
      </c>
      <c r="CG32" s="114">
        <v>509275</v>
      </c>
      <c r="CH32" s="114">
        <v>400868</v>
      </c>
      <c r="CI32" s="114">
        <v>342166</v>
      </c>
      <c r="CJ32" s="113">
        <v>2205145</v>
      </c>
      <c r="CK32" s="116">
        <v>2284841</v>
      </c>
      <c r="CL32" s="110">
        <v>0</v>
      </c>
      <c r="CM32" s="114">
        <v>0</v>
      </c>
      <c r="CN32" s="113">
        <v>0</v>
      </c>
      <c r="CO32" s="111">
        <v>0</v>
      </c>
      <c r="CP32" s="114">
        <v>382236</v>
      </c>
      <c r="CQ32" s="114">
        <v>308376</v>
      </c>
      <c r="CR32" s="114">
        <v>481633</v>
      </c>
      <c r="CS32" s="114">
        <v>400868</v>
      </c>
      <c r="CT32" s="114">
        <v>250668</v>
      </c>
      <c r="CU32" s="113">
        <v>1823781</v>
      </c>
      <c r="CV32" s="116">
        <v>1823781</v>
      </c>
      <c r="CW32" s="110">
        <v>0</v>
      </c>
      <c r="CX32" s="114">
        <v>79696</v>
      </c>
      <c r="CY32" s="113">
        <v>79696</v>
      </c>
      <c r="CZ32" s="110">
        <v>0</v>
      </c>
      <c r="DA32" s="114">
        <v>59842</v>
      </c>
      <c r="DB32" s="114">
        <v>202382</v>
      </c>
      <c r="DC32" s="114">
        <v>27642</v>
      </c>
      <c r="DD32" s="114">
        <v>0</v>
      </c>
      <c r="DE32" s="114">
        <v>91498</v>
      </c>
      <c r="DF32" s="113">
        <v>381364</v>
      </c>
      <c r="DG32" s="116">
        <v>461060</v>
      </c>
      <c r="DH32" s="110">
        <v>0</v>
      </c>
      <c r="DI32" s="114">
        <v>0</v>
      </c>
      <c r="DJ32" s="112">
        <v>0</v>
      </c>
      <c r="DK32" s="111">
        <v>0</v>
      </c>
      <c r="DL32" s="114">
        <v>0</v>
      </c>
      <c r="DM32" s="114">
        <v>16147</v>
      </c>
      <c r="DN32" s="114">
        <v>81766</v>
      </c>
      <c r="DO32" s="114">
        <v>0</v>
      </c>
      <c r="DP32" s="114">
        <v>28279</v>
      </c>
      <c r="DQ32" s="113">
        <v>126192</v>
      </c>
      <c r="DR32" s="116">
        <v>126192</v>
      </c>
      <c r="DS32" s="110">
        <v>0</v>
      </c>
      <c r="DT32" s="114">
        <v>0</v>
      </c>
      <c r="DU32" s="113">
        <v>0</v>
      </c>
      <c r="DV32" s="110">
        <v>0</v>
      </c>
      <c r="DW32" s="114">
        <v>0</v>
      </c>
      <c r="DX32" s="114">
        <v>16147</v>
      </c>
      <c r="DY32" s="114">
        <v>81766</v>
      </c>
      <c r="DZ32" s="114">
        <v>0</v>
      </c>
      <c r="EA32" s="114">
        <v>28279</v>
      </c>
      <c r="EB32" s="113">
        <v>126192</v>
      </c>
      <c r="EC32" s="116">
        <v>126192</v>
      </c>
      <c r="ED32" s="110">
        <v>0</v>
      </c>
      <c r="EE32" s="112">
        <v>0</v>
      </c>
      <c r="EF32" s="113">
        <v>0</v>
      </c>
      <c r="EG32" s="110">
        <v>0</v>
      </c>
      <c r="EH32" s="114">
        <v>0</v>
      </c>
      <c r="EI32" s="114">
        <v>0</v>
      </c>
      <c r="EJ32" s="114">
        <v>0</v>
      </c>
      <c r="EK32" s="114">
        <v>0</v>
      </c>
      <c r="EL32" s="114">
        <v>0</v>
      </c>
      <c r="EM32" s="112">
        <v>0</v>
      </c>
      <c r="EN32" s="116">
        <v>0</v>
      </c>
      <c r="EO32" s="110">
        <v>0</v>
      </c>
      <c r="EP32" s="114">
        <v>0</v>
      </c>
      <c r="EQ32" s="112">
        <v>0</v>
      </c>
      <c r="ER32" s="111">
        <v>0</v>
      </c>
      <c r="ES32" s="114">
        <v>0</v>
      </c>
      <c r="ET32" s="114">
        <v>0</v>
      </c>
      <c r="EU32" s="114">
        <v>0</v>
      </c>
      <c r="EV32" s="114">
        <v>0</v>
      </c>
      <c r="EW32" s="114">
        <v>0</v>
      </c>
      <c r="EX32" s="113">
        <v>0</v>
      </c>
      <c r="EY32" s="116">
        <v>0</v>
      </c>
      <c r="EZ32" s="110">
        <v>0</v>
      </c>
      <c r="FA32" s="114">
        <v>0</v>
      </c>
      <c r="FB32" s="112">
        <v>0</v>
      </c>
      <c r="FC32" s="348"/>
      <c r="FD32" s="114">
        <v>0</v>
      </c>
      <c r="FE32" s="114">
        <v>0</v>
      </c>
      <c r="FF32" s="114">
        <v>0</v>
      </c>
      <c r="FG32" s="114">
        <v>0</v>
      </c>
      <c r="FH32" s="114">
        <v>0</v>
      </c>
      <c r="FI32" s="113">
        <v>0</v>
      </c>
      <c r="FJ32" s="116">
        <v>0</v>
      </c>
      <c r="FK32" s="110">
        <v>56812</v>
      </c>
      <c r="FL32" s="114">
        <v>76352</v>
      </c>
      <c r="FM32" s="113">
        <v>133164</v>
      </c>
      <c r="FN32" s="110">
        <v>0</v>
      </c>
      <c r="FO32" s="114">
        <v>46000</v>
      </c>
      <c r="FP32" s="114">
        <v>112384</v>
      </c>
      <c r="FQ32" s="114">
        <v>154576</v>
      </c>
      <c r="FR32" s="114">
        <v>97840</v>
      </c>
      <c r="FS32" s="114">
        <v>94024</v>
      </c>
      <c r="FT32" s="113">
        <v>504824</v>
      </c>
      <c r="FU32" s="116">
        <v>637988</v>
      </c>
      <c r="FV32" s="115">
        <v>9680</v>
      </c>
      <c r="FW32" s="114">
        <v>32000</v>
      </c>
      <c r="FX32" s="112">
        <v>41680</v>
      </c>
      <c r="FY32" s="111">
        <v>0</v>
      </c>
      <c r="FZ32" s="114">
        <v>46000</v>
      </c>
      <c r="GA32" s="114">
        <v>112384</v>
      </c>
      <c r="GB32" s="114">
        <v>154576</v>
      </c>
      <c r="GC32" s="114">
        <v>97840</v>
      </c>
      <c r="GD32" s="114">
        <v>94024</v>
      </c>
      <c r="GE32" s="113">
        <v>504824</v>
      </c>
      <c r="GF32" s="319">
        <v>546504</v>
      </c>
      <c r="GG32" s="115">
        <v>0</v>
      </c>
      <c r="GH32" s="114">
        <v>44352</v>
      </c>
      <c r="GI32" s="112">
        <v>44352</v>
      </c>
      <c r="GJ32" s="111">
        <v>0</v>
      </c>
      <c r="GK32" s="114">
        <v>0</v>
      </c>
      <c r="GL32" s="114">
        <v>0</v>
      </c>
      <c r="GM32" s="114">
        <v>0</v>
      </c>
      <c r="GN32" s="114">
        <v>0</v>
      </c>
      <c r="GO32" s="114">
        <v>0</v>
      </c>
      <c r="GP32" s="113">
        <v>0</v>
      </c>
      <c r="GQ32" s="116">
        <v>44352</v>
      </c>
      <c r="GR32" s="110">
        <v>47132</v>
      </c>
      <c r="GS32" s="114">
        <v>0</v>
      </c>
      <c r="GT32" s="113">
        <v>47132</v>
      </c>
      <c r="GU32" s="110">
        <v>0</v>
      </c>
      <c r="GV32" s="114">
        <v>0</v>
      </c>
      <c r="GW32" s="114">
        <v>0</v>
      </c>
      <c r="GX32" s="114">
        <v>0</v>
      </c>
      <c r="GY32" s="114">
        <v>0</v>
      </c>
      <c r="GZ32" s="114">
        <v>0</v>
      </c>
      <c r="HA32" s="112">
        <v>0</v>
      </c>
      <c r="HB32" s="116">
        <v>47132</v>
      </c>
      <c r="HC32" s="110">
        <v>42870</v>
      </c>
      <c r="HD32" s="114">
        <v>94256</v>
      </c>
      <c r="HE32" s="112">
        <v>137126</v>
      </c>
      <c r="HF32" s="111">
        <v>0</v>
      </c>
      <c r="HG32" s="114">
        <v>0</v>
      </c>
      <c r="HH32" s="114">
        <v>355204</v>
      </c>
      <c r="HI32" s="114">
        <v>385824</v>
      </c>
      <c r="HJ32" s="114">
        <v>848734</v>
      </c>
      <c r="HK32" s="114">
        <v>230664</v>
      </c>
      <c r="HL32" s="113">
        <v>1820426</v>
      </c>
      <c r="HM32" s="109">
        <v>1957552</v>
      </c>
      <c r="HN32" s="329"/>
      <c r="HO32" s="330"/>
      <c r="HP32" s="331"/>
      <c r="HQ32" s="332"/>
      <c r="HR32" s="330"/>
      <c r="HS32" s="330"/>
      <c r="HT32" s="330"/>
      <c r="HU32" s="330"/>
      <c r="HV32" s="330"/>
      <c r="HW32" s="333"/>
      <c r="HX32" s="334"/>
      <c r="HY32" s="150">
        <v>0</v>
      </c>
      <c r="HZ32" s="135">
        <v>0</v>
      </c>
      <c r="IA32" s="150">
        <v>0</v>
      </c>
      <c r="IB32" s="134">
        <v>0</v>
      </c>
      <c r="IC32" s="135">
        <v>192135</v>
      </c>
      <c r="ID32" s="136">
        <v>776246</v>
      </c>
      <c r="IE32" s="137">
        <v>472526</v>
      </c>
      <c r="IF32" s="135">
        <v>493304</v>
      </c>
      <c r="IG32" s="137">
        <v>0</v>
      </c>
      <c r="IH32" s="138">
        <v>1934211</v>
      </c>
      <c r="II32" s="150">
        <v>1934211</v>
      </c>
      <c r="IJ32" s="232">
        <v>0</v>
      </c>
      <c r="IK32" s="236">
        <v>0</v>
      </c>
      <c r="IL32" s="237">
        <v>0</v>
      </c>
      <c r="IM32" s="140"/>
      <c r="IN32" s="119">
        <v>0</v>
      </c>
      <c r="IO32" s="119">
        <v>107592</v>
      </c>
      <c r="IP32" s="119">
        <v>0</v>
      </c>
      <c r="IQ32" s="119">
        <v>0</v>
      </c>
      <c r="IR32" s="119">
        <v>0</v>
      </c>
      <c r="IS32" s="141">
        <v>107592</v>
      </c>
      <c r="IT32" s="321">
        <v>107592</v>
      </c>
      <c r="IU32" s="142">
        <v>0</v>
      </c>
      <c r="IV32" s="119">
        <v>0</v>
      </c>
      <c r="IW32" s="120">
        <v>0</v>
      </c>
      <c r="IX32" s="144"/>
      <c r="IY32" s="119">
        <v>0</v>
      </c>
      <c r="IZ32" s="119">
        <v>0</v>
      </c>
      <c r="JA32" s="119">
        <v>0</v>
      </c>
      <c r="JB32" s="119">
        <v>0</v>
      </c>
      <c r="JC32" s="119">
        <v>0</v>
      </c>
      <c r="JD32" s="120">
        <v>0</v>
      </c>
      <c r="JE32" s="121">
        <v>0</v>
      </c>
      <c r="JF32" s="142">
        <v>0</v>
      </c>
      <c r="JG32" s="119">
        <v>0</v>
      </c>
      <c r="JH32" s="141">
        <v>0</v>
      </c>
      <c r="JI32" s="118">
        <v>0</v>
      </c>
      <c r="JJ32" s="119">
        <v>58151</v>
      </c>
      <c r="JK32" s="119">
        <v>30086</v>
      </c>
      <c r="JL32" s="119">
        <v>0</v>
      </c>
      <c r="JM32" s="119">
        <v>0</v>
      </c>
      <c r="JN32" s="119">
        <v>0</v>
      </c>
      <c r="JO32" s="120">
        <v>88237</v>
      </c>
      <c r="JP32" s="321">
        <v>88237</v>
      </c>
      <c r="JQ32" s="142">
        <v>0</v>
      </c>
      <c r="JR32" s="119">
        <v>0</v>
      </c>
      <c r="JS32" s="141">
        <v>0</v>
      </c>
      <c r="JT32" s="118">
        <v>0</v>
      </c>
      <c r="JU32" s="119">
        <v>133984</v>
      </c>
      <c r="JV32" s="119">
        <v>157968</v>
      </c>
      <c r="JW32" s="119">
        <v>0</v>
      </c>
      <c r="JX32" s="119">
        <v>0</v>
      </c>
      <c r="JY32" s="119">
        <v>0</v>
      </c>
      <c r="JZ32" s="120">
        <v>291952</v>
      </c>
      <c r="KA32" s="321">
        <v>291952</v>
      </c>
      <c r="KB32" s="234">
        <v>0</v>
      </c>
      <c r="KC32" s="230">
        <v>0</v>
      </c>
      <c r="KD32" s="120">
        <v>0</v>
      </c>
      <c r="KE32" s="118">
        <v>0</v>
      </c>
      <c r="KF32" s="119">
        <v>0</v>
      </c>
      <c r="KG32" s="119">
        <v>0</v>
      </c>
      <c r="KH32" s="119">
        <v>0</v>
      </c>
      <c r="KI32" s="119">
        <v>0</v>
      </c>
      <c r="KJ32" s="119">
        <v>0</v>
      </c>
      <c r="KK32" s="120">
        <v>0</v>
      </c>
      <c r="KL32" s="143">
        <v>0</v>
      </c>
      <c r="KM32" s="232">
        <v>0</v>
      </c>
      <c r="KN32" s="236">
        <v>0</v>
      </c>
      <c r="KO32" s="237">
        <v>0</v>
      </c>
      <c r="KP32" s="140"/>
      <c r="KQ32" s="119">
        <v>0</v>
      </c>
      <c r="KR32" s="119">
        <v>480600</v>
      </c>
      <c r="KS32" s="119">
        <v>245872</v>
      </c>
      <c r="KT32" s="119">
        <v>0</v>
      </c>
      <c r="KU32" s="119">
        <v>0</v>
      </c>
      <c r="KV32" s="120">
        <v>726472</v>
      </c>
      <c r="KW32" s="321">
        <v>726472</v>
      </c>
      <c r="KX32" s="142">
        <v>0</v>
      </c>
      <c r="KY32" s="119">
        <v>0</v>
      </c>
      <c r="KZ32" s="120">
        <v>0</v>
      </c>
      <c r="LA32" s="145"/>
      <c r="LB32" s="119">
        <v>0</v>
      </c>
      <c r="LC32" s="119">
        <v>0</v>
      </c>
      <c r="LD32" s="119">
        <v>0</v>
      </c>
      <c r="LE32" s="119">
        <v>0</v>
      </c>
      <c r="LF32" s="119">
        <v>0</v>
      </c>
      <c r="LG32" s="120">
        <v>0</v>
      </c>
      <c r="LH32" s="121">
        <v>0</v>
      </c>
      <c r="LI32" s="142">
        <v>0</v>
      </c>
      <c r="LJ32" s="119">
        <v>0</v>
      </c>
      <c r="LK32" s="120">
        <v>0</v>
      </c>
      <c r="LL32" s="145"/>
      <c r="LM32" s="119">
        <v>0</v>
      </c>
      <c r="LN32" s="119">
        <v>0</v>
      </c>
      <c r="LO32" s="119">
        <v>226654</v>
      </c>
      <c r="LP32" s="119">
        <v>493304</v>
      </c>
      <c r="LQ32" s="119">
        <v>0</v>
      </c>
      <c r="LR32" s="120">
        <v>719958</v>
      </c>
      <c r="LS32" s="321">
        <v>719958</v>
      </c>
      <c r="LT32" s="142">
        <v>0</v>
      </c>
      <c r="LU32" s="119">
        <v>0</v>
      </c>
      <c r="LV32" s="120">
        <v>0</v>
      </c>
      <c r="LW32" s="145"/>
      <c r="LX32" s="119">
        <v>0</v>
      </c>
      <c r="LY32" s="119">
        <v>0</v>
      </c>
      <c r="LZ32" s="119">
        <v>0</v>
      </c>
      <c r="MA32" s="119">
        <v>0</v>
      </c>
      <c r="MB32" s="119">
        <v>0</v>
      </c>
      <c r="MC32" s="120">
        <v>0</v>
      </c>
      <c r="MD32" s="121">
        <v>0</v>
      </c>
      <c r="ME32" s="142">
        <v>0</v>
      </c>
      <c r="MF32" s="119">
        <v>0</v>
      </c>
      <c r="MG32" s="120">
        <v>0</v>
      </c>
      <c r="MH32" s="145"/>
      <c r="MI32" s="119">
        <v>0</v>
      </c>
      <c r="MJ32" s="119">
        <v>477511</v>
      </c>
      <c r="MK32" s="119">
        <v>791239</v>
      </c>
      <c r="ML32" s="119">
        <v>836766</v>
      </c>
      <c r="MM32" s="119">
        <v>734263</v>
      </c>
      <c r="MN32" s="120">
        <v>2839779</v>
      </c>
      <c r="MO32" s="143">
        <v>2839779</v>
      </c>
      <c r="MP32" s="142">
        <v>0</v>
      </c>
      <c r="MQ32" s="119">
        <v>0</v>
      </c>
      <c r="MR32" s="120">
        <v>0</v>
      </c>
      <c r="MS32" s="145"/>
      <c r="MT32" s="119">
        <v>0</v>
      </c>
      <c r="MU32" s="119">
        <v>231287</v>
      </c>
      <c r="MV32" s="119">
        <v>0</v>
      </c>
      <c r="MW32" s="119">
        <v>244512</v>
      </c>
      <c r="MX32" s="119">
        <v>734263</v>
      </c>
      <c r="MY32" s="120">
        <v>1210062</v>
      </c>
      <c r="MZ32" s="143">
        <v>1210062</v>
      </c>
      <c r="NA32" s="142">
        <v>0</v>
      </c>
      <c r="NB32" s="119">
        <v>0</v>
      </c>
      <c r="NC32" s="120">
        <v>0</v>
      </c>
      <c r="ND32" s="145"/>
      <c r="NE32" s="119">
        <v>0</v>
      </c>
      <c r="NF32" s="119">
        <v>246224</v>
      </c>
      <c r="NG32" s="119">
        <v>791239</v>
      </c>
      <c r="NH32" s="119">
        <v>245992</v>
      </c>
      <c r="NI32" s="119">
        <v>0</v>
      </c>
      <c r="NJ32" s="120">
        <v>1283455</v>
      </c>
      <c r="NK32" s="321">
        <v>1283455</v>
      </c>
      <c r="NL32" s="142">
        <v>0</v>
      </c>
      <c r="NM32" s="119">
        <v>0</v>
      </c>
      <c r="NN32" s="120">
        <v>0</v>
      </c>
      <c r="NO32" s="145"/>
      <c r="NP32" s="119">
        <v>0</v>
      </c>
      <c r="NQ32" s="119">
        <v>0</v>
      </c>
      <c r="NR32" s="119">
        <v>0</v>
      </c>
      <c r="NS32" s="119">
        <v>0</v>
      </c>
      <c r="NT32" s="119">
        <v>0</v>
      </c>
      <c r="NU32" s="120">
        <v>0</v>
      </c>
      <c r="NV32" s="121">
        <v>0</v>
      </c>
      <c r="NW32" s="142">
        <v>0</v>
      </c>
      <c r="NX32" s="119">
        <v>0</v>
      </c>
      <c r="NY32" s="120">
        <v>0</v>
      </c>
      <c r="NZ32" s="145"/>
      <c r="OA32" s="119">
        <v>0</v>
      </c>
      <c r="OB32" s="119">
        <v>0</v>
      </c>
      <c r="OC32" s="119">
        <v>0</v>
      </c>
      <c r="OD32" s="119">
        <v>346262</v>
      </c>
      <c r="OE32" s="119">
        <v>0</v>
      </c>
      <c r="OF32" s="120">
        <v>346262</v>
      </c>
      <c r="OG32" s="121">
        <v>346262</v>
      </c>
      <c r="OH32" s="142">
        <v>133517</v>
      </c>
      <c r="OI32" s="119">
        <v>332340</v>
      </c>
      <c r="OJ32" s="141">
        <v>465857</v>
      </c>
      <c r="OK32" s="118">
        <v>0</v>
      </c>
      <c r="OL32" s="119">
        <v>974191</v>
      </c>
      <c r="OM32" s="119">
        <v>2609227</v>
      </c>
      <c r="ON32" s="119">
        <v>3279902</v>
      </c>
      <c r="OO32" s="119">
        <v>3670626</v>
      </c>
      <c r="OP32" s="119">
        <v>1667398</v>
      </c>
      <c r="OQ32" s="120">
        <v>12201344</v>
      </c>
      <c r="OR32" s="143">
        <v>12667201</v>
      </c>
    </row>
    <row r="33" spans="1:408" ht="20.25" customHeight="1" x14ac:dyDescent="0.2">
      <c r="A33" s="126" t="s">
        <v>28</v>
      </c>
      <c r="B33" s="110">
        <v>0</v>
      </c>
      <c r="C33" s="114">
        <v>5600</v>
      </c>
      <c r="D33" s="113">
        <v>5600</v>
      </c>
      <c r="E33" s="109">
        <v>0</v>
      </c>
      <c r="F33" s="114">
        <v>381275</v>
      </c>
      <c r="G33" s="114">
        <v>261339</v>
      </c>
      <c r="H33" s="114">
        <v>320018</v>
      </c>
      <c r="I33" s="114">
        <v>0</v>
      </c>
      <c r="J33" s="114">
        <v>19981</v>
      </c>
      <c r="K33" s="173">
        <v>982613</v>
      </c>
      <c r="L33" s="116">
        <v>988213</v>
      </c>
      <c r="M33" s="110">
        <v>0</v>
      </c>
      <c r="N33" s="114">
        <v>0</v>
      </c>
      <c r="O33" s="113">
        <v>0</v>
      </c>
      <c r="P33" s="110">
        <v>0</v>
      </c>
      <c r="Q33" s="114">
        <v>4144</v>
      </c>
      <c r="R33" s="114">
        <v>85531</v>
      </c>
      <c r="S33" s="114">
        <v>124010</v>
      </c>
      <c r="T33" s="114">
        <v>0</v>
      </c>
      <c r="U33" s="114">
        <v>0</v>
      </c>
      <c r="V33" s="113">
        <v>213685</v>
      </c>
      <c r="W33" s="116">
        <v>213685</v>
      </c>
      <c r="X33" s="110">
        <v>0</v>
      </c>
      <c r="Y33" s="114">
        <v>0</v>
      </c>
      <c r="Z33" s="113">
        <v>0</v>
      </c>
      <c r="AA33" s="110">
        <v>0</v>
      </c>
      <c r="AB33" s="114">
        <v>0</v>
      </c>
      <c r="AC33" s="114">
        <v>0</v>
      </c>
      <c r="AD33" s="114">
        <v>61752</v>
      </c>
      <c r="AE33" s="114">
        <v>0</v>
      </c>
      <c r="AF33" s="114">
        <v>0</v>
      </c>
      <c r="AG33" s="113">
        <v>61752</v>
      </c>
      <c r="AH33" s="116">
        <v>61752</v>
      </c>
      <c r="AI33" s="110">
        <v>0</v>
      </c>
      <c r="AJ33" s="114">
        <v>0</v>
      </c>
      <c r="AK33" s="113">
        <v>0</v>
      </c>
      <c r="AL33" s="110">
        <v>0</v>
      </c>
      <c r="AM33" s="114">
        <v>0</v>
      </c>
      <c r="AN33" s="114">
        <v>0</v>
      </c>
      <c r="AO33" s="114">
        <v>0</v>
      </c>
      <c r="AP33" s="114">
        <v>0</v>
      </c>
      <c r="AQ33" s="114">
        <v>0</v>
      </c>
      <c r="AR33" s="113">
        <v>0</v>
      </c>
      <c r="AS33" s="116">
        <v>0</v>
      </c>
      <c r="AT33" s="110">
        <v>0</v>
      </c>
      <c r="AU33" s="114">
        <v>0</v>
      </c>
      <c r="AV33" s="113">
        <v>0</v>
      </c>
      <c r="AW33" s="110">
        <v>0</v>
      </c>
      <c r="AX33" s="114">
        <v>0</v>
      </c>
      <c r="AY33" s="114">
        <v>68987</v>
      </c>
      <c r="AZ33" s="114">
        <v>52658</v>
      </c>
      <c r="BA33" s="114">
        <v>0</v>
      </c>
      <c r="BB33" s="114">
        <v>0</v>
      </c>
      <c r="BC33" s="113">
        <v>121645</v>
      </c>
      <c r="BD33" s="116">
        <v>121645</v>
      </c>
      <c r="BE33" s="110">
        <v>0</v>
      </c>
      <c r="BF33" s="114">
        <v>0</v>
      </c>
      <c r="BG33" s="112">
        <v>0</v>
      </c>
      <c r="BH33" s="111">
        <v>0</v>
      </c>
      <c r="BI33" s="114">
        <v>0</v>
      </c>
      <c r="BJ33" s="114">
        <v>0</v>
      </c>
      <c r="BK33" s="114">
        <v>0</v>
      </c>
      <c r="BL33" s="114">
        <v>0</v>
      </c>
      <c r="BM33" s="114">
        <v>0</v>
      </c>
      <c r="BN33" s="113">
        <v>0</v>
      </c>
      <c r="BO33" s="116">
        <v>0</v>
      </c>
      <c r="BP33" s="110">
        <v>0</v>
      </c>
      <c r="BQ33" s="114">
        <v>0</v>
      </c>
      <c r="BR33" s="113">
        <v>0</v>
      </c>
      <c r="BS33" s="110">
        <v>0</v>
      </c>
      <c r="BT33" s="114">
        <v>4144</v>
      </c>
      <c r="BU33" s="114">
        <v>16544</v>
      </c>
      <c r="BV33" s="114">
        <v>9600</v>
      </c>
      <c r="BW33" s="114">
        <v>0</v>
      </c>
      <c r="BX33" s="114">
        <v>0</v>
      </c>
      <c r="BY33" s="113">
        <v>30288</v>
      </c>
      <c r="BZ33" s="116">
        <v>30288</v>
      </c>
      <c r="CA33" s="110">
        <v>0</v>
      </c>
      <c r="CB33" s="114">
        <v>0</v>
      </c>
      <c r="CC33" s="113">
        <v>0</v>
      </c>
      <c r="CD33" s="110">
        <v>0</v>
      </c>
      <c r="CE33" s="114">
        <v>207921</v>
      </c>
      <c r="CF33" s="114">
        <v>0</v>
      </c>
      <c r="CG33" s="114">
        <v>0</v>
      </c>
      <c r="CH33" s="114">
        <v>0</v>
      </c>
      <c r="CI33" s="114">
        <v>0</v>
      </c>
      <c r="CJ33" s="113">
        <v>207921</v>
      </c>
      <c r="CK33" s="116">
        <v>207921</v>
      </c>
      <c r="CL33" s="110">
        <v>0</v>
      </c>
      <c r="CM33" s="114">
        <v>0</v>
      </c>
      <c r="CN33" s="113">
        <v>0</v>
      </c>
      <c r="CO33" s="111">
        <v>0</v>
      </c>
      <c r="CP33" s="114">
        <v>207921</v>
      </c>
      <c r="CQ33" s="114">
        <v>0</v>
      </c>
      <c r="CR33" s="114">
        <v>0</v>
      </c>
      <c r="CS33" s="114">
        <v>0</v>
      </c>
      <c r="CT33" s="114">
        <v>0</v>
      </c>
      <c r="CU33" s="113">
        <v>207921</v>
      </c>
      <c r="CV33" s="116">
        <v>207921</v>
      </c>
      <c r="CW33" s="110">
        <v>0</v>
      </c>
      <c r="CX33" s="114">
        <v>0</v>
      </c>
      <c r="CY33" s="113">
        <v>0</v>
      </c>
      <c r="CZ33" s="110">
        <v>0</v>
      </c>
      <c r="DA33" s="114">
        <v>0</v>
      </c>
      <c r="DB33" s="114">
        <v>0</v>
      </c>
      <c r="DC33" s="114">
        <v>0</v>
      </c>
      <c r="DD33" s="114">
        <v>0</v>
      </c>
      <c r="DE33" s="114">
        <v>0</v>
      </c>
      <c r="DF33" s="113">
        <v>0</v>
      </c>
      <c r="DG33" s="116">
        <v>0</v>
      </c>
      <c r="DH33" s="110">
        <v>0</v>
      </c>
      <c r="DI33" s="114">
        <v>0</v>
      </c>
      <c r="DJ33" s="112">
        <v>0</v>
      </c>
      <c r="DK33" s="111">
        <v>0</v>
      </c>
      <c r="DL33" s="114">
        <v>0</v>
      </c>
      <c r="DM33" s="114">
        <v>35592</v>
      </c>
      <c r="DN33" s="114">
        <v>0</v>
      </c>
      <c r="DO33" s="114">
        <v>0</v>
      </c>
      <c r="DP33" s="114">
        <v>19981</v>
      </c>
      <c r="DQ33" s="113">
        <v>55573</v>
      </c>
      <c r="DR33" s="116">
        <v>55573</v>
      </c>
      <c r="DS33" s="110">
        <v>0</v>
      </c>
      <c r="DT33" s="114">
        <v>0</v>
      </c>
      <c r="DU33" s="113">
        <v>0</v>
      </c>
      <c r="DV33" s="110">
        <v>0</v>
      </c>
      <c r="DW33" s="114">
        <v>0</v>
      </c>
      <c r="DX33" s="114">
        <v>35592</v>
      </c>
      <c r="DY33" s="114">
        <v>0</v>
      </c>
      <c r="DZ33" s="114">
        <v>0</v>
      </c>
      <c r="EA33" s="114">
        <v>19981</v>
      </c>
      <c r="EB33" s="113">
        <v>55573</v>
      </c>
      <c r="EC33" s="116">
        <v>55573</v>
      </c>
      <c r="ED33" s="110">
        <v>0</v>
      </c>
      <c r="EE33" s="112">
        <v>0</v>
      </c>
      <c r="EF33" s="113">
        <v>0</v>
      </c>
      <c r="EG33" s="110">
        <v>0</v>
      </c>
      <c r="EH33" s="114">
        <v>0</v>
      </c>
      <c r="EI33" s="114">
        <v>0</v>
      </c>
      <c r="EJ33" s="114">
        <v>0</v>
      </c>
      <c r="EK33" s="114">
        <v>0</v>
      </c>
      <c r="EL33" s="114">
        <v>0</v>
      </c>
      <c r="EM33" s="112">
        <v>0</v>
      </c>
      <c r="EN33" s="116">
        <v>0</v>
      </c>
      <c r="EO33" s="110">
        <v>0</v>
      </c>
      <c r="EP33" s="114">
        <v>0</v>
      </c>
      <c r="EQ33" s="112">
        <v>0</v>
      </c>
      <c r="ER33" s="111">
        <v>0</v>
      </c>
      <c r="ES33" s="114">
        <v>0</v>
      </c>
      <c r="ET33" s="114">
        <v>0</v>
      </c>
      <c r="EU33" s="114">
        <v>0</v>
      </c>
      <c r="EV33" s="114">
        <v>0</v>
      </c>
      <c r="EW33" s="114">
        <v>0</v>
      </c>
      <c r="EX33" s="113">
        <v>0</v>
      </c>
      <c r="EY33" s="116">
        <v>0</v>
      </c>
      <c r="EZ33" s="110">
        <v>0</v>
      </c>
      <c r="FA33" s="114">
        <v>0</v>
      </c>
      <c r="FB33" s="112">
        <v>0</v>
      </c>
      <c r="FC33" s="348"/>
      <c r="FD33" s="114">
        <v>0</v>
      </c>
      <c r="FE33" s="114">
        <v>0</v>
      </c>
      <c r="FF33" s="114">
        <v>0</v>
      </c>
      <c r="FG33" s="114">
        <v>0</v>
      </c>
      <c r="FH33" s="114">
        <v>0</v>
      </c>
      <c r="FI33" s="113">
        <v>0</v>
      </c>
      <c r="FJ33" s="116">
        <v>0</v>
      </c>
      <c r="FK33" s="110">
        <v>0</v>
      </c>
      <c r="FL33" s="114">
        <v>5600</v>
      </c>
      <c r="FM33" s="113">
        <v>5600</v>
      </c>
      <c r="FN33" s="110">
        <v>0</v>
      </c>
      <c r="FO33" s="114">
        <v>15440</v>
      </c>
      <c r="FP33" s="114">
        <v>69056</v>
      </c>
      <c r="FQ33" s="114">
        <v>0</v>
      </c>
      <c r="FR33" s="114">
        <v>0</v>
      </c>
      <c r="FS33" s="114">
        <v>0</v>
      </c>
      <c r="FT33" s="113">
        <v>84496</v>
      </c>
      <c r="FU33" s="116">
        <v>90096</v>
      </c>
      <c r="FV33" s="115">
        <v>0</v>
      </c>
      <c r="FW33" s="114">
        <v>5600</v>
      </c>
      <c r="FX33" s="112">
        <v>5600</v>
      </c>
      <c r="FY33" s="111">
        <v>0</v>
      </c>
      <c r="FZ33" s="114">
        <v>15440</v>
      </c>
      <c r="GA33" s="114">
        <v>69056</v>
      </c>
      <c r="GB33" s="114">
        <v>0</v>
      </c>
      <c r="GC33" s="114">
        <v>0</v>
      </c>
      <c r="GD33" s="114">
        <v>0</v>
      </c>
      <c r="GE33" s="113">
        <v>84496</v>
      </c>
      <c r="GF33" s="319">
        <v>90096</v>
      </c>
      <c r="GG33" s="115">
        <v>0</v>
      </c>
      <c r="GH33" s="114">
        <v>0</v>
      </c>
      <c r="GI33" s="112">
        <v>0</v>
      </c>
      <c r="GJ33" s="111">
        <v>0</v>
      </c>
      <c r="GK33" s="114">
        <v>0</v>
      </c>
      <c r="GL33" s="114">
        <v>0</v>
      </c>
      <c r="GM33" s="114">
        <v>0</v>
      </c>
      <c r="GN33" s="114">
        <v>0</v>
      </c>
      <c r="GO33" s="114">
        <v>0</v>
      </c>
      <c r="GP33" s="113">
        <v>0</v>
      </c>
      <c r="GQ33" s="116">
        <v>0</v>
      </c>
      <c r="GR33" s="110">
        <v>0</v>
      </c>
      <c r="GS33" s="114">
        <v>0</v>
      </c>
      <c r="GT33" s="113">
        <v>0</v>
      </c>
      <c r="GU33" s="110">
        <v>0</v>
      </c>
      <c r="GV33" s="114">
        <v>0</v>
      </c>
      <c r="GW33" s="114">
        <v>0</v>
      </c>
      <c r="GX33" s="114">
        <v>0</v>
      </c>
      <c r="GY33" s="114">
        <v>0</v>
      </c>
      <c r="GZ33" s="114">
        <v>0</v>
      </c>
      <c r="HA33" s="112">
        <v>0</v>
      </c>
      <c r="HB33" s="116">
        <v>0</v>
      </c>
      <c r="HC33" s="110">
        <v>0</v>
      </c>
      <c r="HD33" s="114">
        <v>0</v>
      </c>
      <c r="HE33" s="112">
        <v>0</v>
      </c>
      <c r="HF33" s="111">
        <v>0</v>
      </c>
      <c r="HG33" s="114">
        <v>153770</v>
      </c>
      <c r="HH33" s="114">
        <v>71160</v>
      </c>
      <c r="HI33" s="114">
        <v>196008</v>
      </c>
      <c r="HJ33" s="114">
        <v>0</v>
      </c>
      <c r="HK33" s="114">
        <v>0</v>
      </c>
      <c r="HL33" s="113">
        <v>420938</v>
      </c>
      <c r="HM33" s="109">
        <v>420938</v>
      </c>
      <c r="HN33" s="329"/>
      <c r="HO33" s="330"/>
      <c r="HP33" s="331"/>
      <c r="HQ33" s="332"/>
      <c r="HR33" s="330"/>
      <c r="HS33" s="330"/>
      <c r="HT33" s="330"/>
      <c r="HU33" s="330"/>
      <c r="HV33" s="330"/>
      <c r="HW33" s="333"/>
      <c r="HX33" s="334"/>
      <c r="HY33" s="131">
        <v>0</v>
      </c>
      <c r="HZ33" s="132">
        <v>0</v>
      </c>
      <c r="IA33" s="133">
        <v>0</v>
      </c>
      <c r="IB33" s="146">
        <v>0</v>
      </c>
      <c r="IC33" s="132">
        <v>65720</v>
      </c>
      <c r="ID33" s="147">
        <v>60056</v>
      </c>
      <c r="IE33" s="133">
        <v>0</v>
      </c>
      <c r="IF33" s="132">
        <v>0</v>
      </c>
      <c r="IG33" s="133">
        <v>246896</v>
      </c>
      <c r="IH33" s="148">
        <v>372672</v>
      </c>
      <c r="II33" s="139">
        <v>372672</v>
      </c>
      <c r="IJ33" s="232">
        <v>0</v>
      </c>
      <c r="IK33" s="236">
        <v>0</v>
      </c>
      <c r="IL33" s="237">
        <v>0</v>
      </c>
      <c r="IM33" s="140"/>
      <c r="IN33" s="119">
        <v>0</v>
      </c>
      <c r="IO33" s="119">
        <v>0</v>
      </c>
      <c r="IP33" s="119">
        <v>0</v>
      </c>
      <c r="IQ33" s="119">
        <v>0</v>
      </c>
      <c r="IR33" s="119">
        <v>0</v>
      </c>
      <c r="IS33" s="141">
        <v>0</v>
      </c>
      <c r="IT33" s="321">
        <v>0</v>
      </c>
      <c r="IU33" s="142">
        <v>0</v>
      </c>
      <c r="IV33" s="119">
        <v>0</v>
      </c>
      <c r="IW33" s="120">
        <v>0</v>
      </c>
      <c r="IX33" s="144"/>
      <c r="IY33" s="119">
        <v>0</v>
      </c>
      <c r="IZ33" s="119">
        <v>0</v>
      </c>
      <c r="JA33" s="119">
        <v>0</v>
      </c>
      <c r="JB33" s="119">
        <v>0</v>
      </c>
      <c r="JC33" s="119">
        <v>0</v>
      </c>
      <c r="JD33" s="120">
        <v>0</v>
      </c>
      <c r="JE33" s="121">
        <v>0</v>
      </c>
      <c r="JF33" s="142">
        <v>0</v>
      </c>
      <c r="JG33" s="119">
        <v>0</v>
      </c>
      <c r="JH33" s="141">
        <v>0</v>
      </c>
      <c r="JI33" s="118">
        <v>0</v>
      </c>
      <c r="JJ33" s="119">
        <v>65720</v>
      </c>
      <c r="JK33" s="119">
        <v>60056</v>
      </c>
      <c r="JL33" s="119">
        <v>0</v>
      </c>
      <c r="JM33" s="119">
        <v>0</v>
      </c>
      <c r="JN33" s="119">
        <v>0</v>
      </c>
      <c r="JO33" s="120">
        <v>125776</v>
      </c>
      <c r="JP33" s="321">
        <v>125776</v>
      </c>
      <c r="JQ33" s="142">
        <v>0</v>
      </c>
      <c r="JR33" s="119">
        <v>0</v>
      </c>
      <c r="JS33" s="141">
        <v>0</v>
      </c>
      <c r="JT33" s="118">
        <v>0</v>
      </c>
      <c r="JU33" s="119">
        <v>0</v>
      </c>
      <c r="JV33" s="119">
        <v>0</v>
      </c>
      <c r="JW33" s="119">
        <v>0</v>
      </c>
      <c r="JX33" s="119">
        <v>0</v>
      </c>
      <c r="JY33" s="119">
        <v>33568</v>
      </c>
      <c r="JZ33" s="120">
        <v>33568</v>
      </c>
      <c r="KA33" s="321">
        <v>33568</v>
      </c>
      <c r="KB33" s="234">
        <v>0</v>
      </c>
      <c r="KC33" s="230">
        <v>0</v>
      </c>
      <c r="KD33" s="120">
        <v>0</v>
      </c>
      <c r="KE33" s="118">
        <v>0</v>
      </c>
      <c r="KF33" s="119">
        <v>0</v>
      </c>
      <c r="KG33" s="119">
        <v>0</v>
      </c>
      <c r="KH33" s="119">
        <v>0</v>
      </c>
      <c r="KI33" s="119">
        <v>0</v>
      </c>
      <c r="KJ33" s="119">
        <v>0</v>
      </c>
      <c r="KK33" s="120">
        <v>0</v>
      </c>
      <c r="KL33" s="143">
        <v>0</v>
      </c>
      <c r="KM33" s="232">
        <v>0</v>
      </c>
      <c r="KN33" s="236">
        <v>0</v>
      </c>
      <c r="KO33" s="237">
        <v>0</v>
      </c>
      <c r="KP33" s="140"/>
      <c r="KQ33" s="119">
        <v>0</v>
      </c>
      <c r="KR33" s="119">
        <v>0</v>
      </c>
      <c r="KS33" s="119">
        <v>0</v>
      </c>
      <c r="KT33" s="119">
        <v>0</v>
      </c>
      <c r="KU33" s="119">
        <v>213328</v>
      </c>
      <c r="KV33" s="120">
        <v>213328</v>
      </c>
      <c r="KW33" s="321">
        <v>213328</v>
      </c>
      <c r="KX33" s="142">
        <v>0</v>
      </c>
      <c r="KY33" s="119">
        <v>0</v>
      </c>
      <c r="KZ33" s="120">
        <v>0</v>
      </c>
      <c r="LA33" s="145"/>
      <c r="LB33" s="119">
        <v>0</v>
      </c>
      <c r="LC33" s="119">
        <v>0</v>
      </c>
      <c r="LD33" s="119">
        <v>0</v>
      </c>
      <c r="LE33" s="119">
        <v>0</v>
      </c>
      <c r="LF33" s="119">
        <v>0</v>
      </c>
      <c r="LG33" s="120">
        <v>0</v>
      </c>
      <c r="LH33" s="121">
        <v>0</v>
      </c>
      <c r="LI33" s="142">
        <v>0</v>
      </c>
      <c r="LJ33" s="119">
        <v>0</v>
      </c>
      <c r="LK33" s="120">
        <v>0</v>
      </c>
      <c r="LL33" s="145"/>
      <c r="LM33" s="119">
        <v>0</v>
      </c>
      <c r="LN33" s="119">
        <v>0</v>
      </c>
      <c r="LO33" s="119">
        <v>0</v>
      </c>
      <c r="LP33" s="119">
        <v>0</v>
      </c>
      <c r="LQ33" s="119">
        <v>0</v>
      </c>
      <c r="LR33" s="120">
        <v>0</v>
      </c>
      <c r="LS33" s="321">
        <v>0</v>
      </c>
      <c r="LT33" s="142">
        <v>0</v>
      </c>
      <c r="LU33" s="119">
        <v>0</v>
      </c>
      <c r="LV33" s="120">
        <v>0</v>
      </c>
      <c r="LW33" s="145"/>
      <c r="LX33" s="119">
        <v>0</v>
      </c>
      <c r="LY33" s="119">
        <v>0</v>
      </c>
      <c r="LZ33" s="119">
        <v>0</v>
      </c>
      <c r="MA33" s="119">
        <v>0</v>
      </c>
      <c r="MB33" s="119">
        <v>0</v>
      </c>
      <c r="MC33" s="120">
        <v>0</v>
      </c>
      <c r="MD33" s="121">
        <v>0</v>
      </c>
      <c r="ME33" s="142">
        <v>0</v>
      </c>
      <c r="MF33" s="119">
        <v>0</v>
      </c>
      <c r="MG33" s="120">
        <v>0</v>
      </c>
      <c r="MH33" s="145"/>
      <c r="MI33" s="119">
        <v>0</v>
      </c>
      <c r="MJ33" s="119">
        <v>215872</v>
      </c>
      <c r="MK33" s="119">
        <v>0</v>
      </c>
      <c r="ML33" s="119">
        <v>511352</v>
      </c>
      <c r="MM33" s="119">
        <v>0</v>
      </c>
      <c r="MN33" s="120">
        <v>727224</v>
      </c>
      <c r="MO33" s="143">
        <v>727224</v>
      </c>
      <c r="MP33" s="142">
        <v>0</v>
      </c>
      <c r="MQ33" s="119">
        <v>0</v>
      </c>
      <c r="MR33" s="120">
        <v>0</v>
      </c>
      <c r="MS33" s="145"/>
      <c r="MT33" s="119">
        <v>0</v>
      </c>
      <c r="MU33" s="119">
        <v>0</v>
      </c>
      <c r="MV33" s="119">
        <v>0</v>
      </c>
      <c r="MW33" s="119">
        <v>225816</v>
      </c>
      <c r="MX33" s="119">
        <v>0</v>
      </c>
      <c r="MY33" s="120">
        <v>225816</v>
      </c>
      <c r="MZ33" s="143">
        <v>225816</v>
      </c>
      <c r="NA33" s="142">
        <v>0</v>
      </c>
      <c r="NB33" s="119">
        <v>0</v>
      </c>
      <c r="NC33" s="120">
        <v>0</v>
      </c>
      <c r="ND33" s="145"/>
      <c r="NE33" s="119">
        <v>0</v>
      </c>
      <c r="NF33" s="119">
        <v>215872</v>
      </c>
      <c r="NG33" s="119">
        <v>0</v>
      </c>
      <c r="NH33" s="119">
        <v>285536</v>
      </c>
      <c r="NI33" s="119">
        <v>0</v>
      </c>
      <c r="NJ33" s="120">
        <v>501408</v>
      </c>
      <c r="NK33" s="321">
        <v>501408</v>
      </c>
      <c r="NL33" s="142">
        <v>0</v>
      </c>
      <c r="NM33" s="119">
        <v>0</v>
      </c>
      <c r="NN33" s="120">
        <v>0</v>
      </c>
      <c r="NO33" s="145"/>
      <c r="NP33" s="119">
        <v>0</v>
      </c>
      <c r="NQ33" s="119">
        <v>0</v>
      </c>
      <c r="NR33" s="119">
        <v>0</v>
      </c>
      <c r="NS33" s="119">
        <v>0</v>
      </c>
      <c r="NT33" s="119">
        <v>0</v>
      </c>
      <c r="NU33" s="120">
        <v>0</v>
      </c>
      <c r="NV33" s="121">
        <v>0</v>
      </c>
      <c r="NW33" s="142">
        <v>0</v>
      </c>
      <c r="NX33" s="119">
        <v>0</v>
      </c>
      <c r="NY33" s="120">
        <v>0</v>
      </c>
      <c r="NZ33" s="145"/>
      <c r="OA33" s="119">
        <v>0</v>
      </c>
      <c r="OB33" s="119">
        <v>0</v>
      </c>
      <c r="OC33" s="119">
        <v>0</v>
      </c>
      <c r="OD33" s="119">
        <v>0</v>
      </c>
      <c r="OE33" s="119">
        <v>0</v>
      </c>
      <c r="OF33" s="120">
        <v>0</v>
      </c>
      <c r="OG33" s="121">
        <v>0</v>
      </c>
      <c r="OH33" s="142">
        <v>0</v>
      </c>
      <c r="OI33" s="119">
        <v>5600</v>
      </c>
      <c r="OJ33" s="141">
        <v>5600</v>
      </c>
      <c r="OK33" s="118">
        <v>0</v>
      </c>
      <c r="OL33" s="119">
        <v>446995</v>
      </c>
      <c r="OM33" s="119">
        <v>537267</v>
      </c>
      <c r="ON33" s="119">
        <v>320018</v>
      </c>
      <c r="OO33" s="119">
        <v>511352</v>
      </c>
      <c r="OP33" s="119">
        <v>266877</v>
      </c>
      <c r="OQ33" s="120">
        <v>2082509</v>
      </c>
      <c r="OR33" s="143">
        <v>2088109</v>
      </c>
    </row>
    <row r="34" spans="1:408" ht="20.25" customHeight="1" x14ac:dyDescent="0.2">
      <c r="A34" s="126" t="s">
        <v>29</v>
      </c>
      <c r="B34" s="110">
        <v>12000</v>
      </c>
      <c r="C34" s="114">
        <v>17968</v>
      </c>
      <c r="D34" s="113">
        <v>29968</v>
      </c>
      <c r="E34" s="109">
        <v>0</v>
      </c>
      <c r="F34" s="114">
        <v>452325</v>
      </c>
      <c r="G34" s="114">
        <v>428220</v>
      </c>
      <c r="H34" s="114">
        <v>242460</v>
      </c>
      <c r="I34" s="114">
        <v>286696</v>
      </c>
      <c r="J34" s="114">
        <v>551416</v>
      </c>
      <c r="K34" s="173">
        <v>1961117</v>
      </c>
      <c r="L34" s="116">
        <v>1991085</v>
      </c>
      <c r="M34" s="110">
        <v>0</v>
      </c>
      <c r="N34" s="114">
        <v>13888</v>
      </c>
      <c r="O34" s="113">
        <v>13888</v>
      </c>
      <c r="P34" s="110">
        <v>0</v>
      </c>
      <c r="Q34" s="114">
        <v>11960</v>
      </c>
      <c r="R34" s="114">
        <v>39728</v>
      </c>
      <c r="S34" s="114">
        <v>32400</v>
      </c>
      <c r="T34" s="114">
        <v>224096</v>
      </c>
      <c r="U34" s="114">
        <v>282194</v>
      </c>
      <c r="V34" s="113">
        <v>590378</v>
      </c>
      <c r="W34" s="116">
        <v>604266</v>
      </c>
      <c r="X34" s="110">
        <v>0</v>
      </c>
      <c r="Y34" s="114">
        <v>0</v>
      </c>
      <c r="Z34" s="113">
        <v>0</v>
      </c>
      <c r="AA34" s="110">
        <v>0</v>
      </c>
      <c r="AB34" s="114">
        <v>11960</v>
      </c>
      <c r="AC34" s="114">
        <v>0</v>
      </c>
      <c r="AD34" s="114">
        <v>0</v>
      </c>
      <c r="AE34" s="114">
        <v>224096</v>
      </c>
      <c r="AF34" s="114">
        <v>119898</v>
      </c>
      <c r="AG34" s="113">
        <v>355954</v>
      </c>
      <c r="AH34" s="116">
        <v>355954</v>
      </c>
      <c r="AI34" s="110">
        <v>0</v>
      </c>
      <c r="AJ34" s="114">
        <v>0</v>
      </c>
      <c r="AK34" s="113">
        <v>0</v>
      </c>
      <c r="AL34" s="110">
        <v>0</v>
      </c>
      <c r="AM34" s="114">
        <v>0</v>
      </c>
      <c r="AN34" s="114">
        <v>0</v>
      </c>
      <c r="AO34" s="114">
        <v>0</v>
      </c>
      <c r="AP34" s="114">
        <v>0</v>
      </c>
      <c r="AQ34" s="114">
        <v>120688</v>
      </c>
      <c r="AR34" s="113">
        <v>120688</v>
      </c>
      <c r="AS34" s="116">
        <v>120688</v>
      </c>
      <c r="AT34" s="110">
        <v>0</v>
      </c>
      <c r="AU34" s="114">
        <v>13888</v>
      </c>
      <c r="AV34" s="113">
        <v>13888</v>
      </c>
      <c r="AW34" s="110">
        <v>0</v>
      </c>
      <c r="AX34" s="114">
        <v>0</v>
      </c>
      <c r="AY34" s="114">
        <v>0</v>
      </c>
      <c r="AZ34" s="114">
        <v>32400</v>
      </c>
      <c r="BA34" s="114">
        <v>0</v>
      </c>
      <c r="BB34" s="114">
        <v>36840</v>
      </c>
      <c r="BC34" s="113">
        <v>69240</v>
      </c>
      <c r="BD34" s="116">
        <v>83128</v>
      </c>
      <c r="BE34" s="110">
        <v>0</v>
      </c>
      <c r="BF34" s="114">
        <v>0</v>
      </c>
      <c r="BG34" s="112">
        <v>0</v>
      </c>
      <c r="BH34" s="111">
        <v>0</v>
      </c>
      <c r="BI34" s="114">
        <v>0</v>
      </c>
      <c r="BJ34" s="114">
        <v>0</v>
      </c>
      <c r="BK34" s="114">
        <v>0</v>
      </c>
      <c r="BL34" s="114">
        <v>0</v>
      </c>
      <c r="BM34" s="114">
        <v>0</v>
      </c>
      <c r="BN34" s="113">
        <v>0</v>
      </c>
      <c r="BO34" s="116">
        <v>0</v>
      </c>
      <c r="BP34" s="110">
        <v>0</v>
      </c>
      <c r="BQ34" s="114">
        <v>0</v>
      </c>
      <c r="BR34" s="113">
        <v>0</v>
      </c>
      <c r="BS34" s="110">
        <v>0</v>
      </c>
      <c r="BT34" s="114">
        <v>0</v>
      </c>
      <c r="BU34" s="114">
        <v>39728</v>
      </c>
      <c r="BV34" s="114">
        <v>0</v>
      </c>
      <c r="BW34" s="114">
        <v>0</v>
      </c>
      <c r="BX34" s="114">
        <v>4768</v>
      </c>
      <c r="BY34" s="113">
        <v>44496</v>
      </c>
      <c r="BZ34" s="116">
        <v>44496</v>
      </c>
      <c r="CA34" s="110">
        <v>0</v>
      </c>
      <c r="CB34" s="114">
        <v>0</v>
      </c>
      <c r="CC34" s="113">
        <v>0</v>
      </c>
      <c r="CD34" s="110">
        <v>0</v>
      </c>
      <c r="CE34" s="114">
        <v>410685</v>
      </c>
      <c r="CF34" s="114">
        <v>32048</v>
      </c>
      <c r="CG34" s="114">
        <v>174300</v>
      </c>
      <c r="CH34" s="114">
        <v>30600</v>
      </c>
      <c r="CI34" s="114">
        <v>71352</v>
      </c>
      <c r="CJ34" s="113">
        <v>718985</v>
      </c>
      <c r="CK34" s="116">
        <v>718985</v>
      </c>
      <c r="CL34" s="110">
        <v>0</v>
      </c>
      <c r="CM34" s="114">
        <v>0</v>
      </c>
      <c r="CN34" s="113">
        <v>0</v>
      </c>
      <c r="CO34" s="111">
        <v>0</v>
      </c>
      <c r="CP34" s="114">
        <v>372208</v>
      </c>
      <c r="CQ34" s="114">
        <v>32048</v>
      </c>
      <c r="CR34" s="114">
        <v>142304</v>
      </c>
      <c r="CS34" s="114">
        <v>0</v>
      </c>
      <c r="CT34" s="114">
        <v>71352</v>
      </c>
      <c r="CU34" s="113">
        <v>617912</v>
      </c>
      <c r="CV34" s="116">
        <v>617912</v>
      </c>
      <c r="CW34" s="110">
        <v>0</v>
      </c>
      <c r="CX34" s="114">
        <v>0</v>
      </c>
      <c r="CY34" s="113">
        <v>0</v>
      </c>
      <c r="CZ34" s="110">
        <v>0</v>
      </c>
      <c r="DA34" s="114">
        <v>38477</v>
      </c>
      <c r="DB34" s="114">
        <v>0</v>
      </c>
      <c r="DC34" s="114">
        <v>31996</v>
      </c>
      <c r="DD34" s="114">
        <v>30600</v>
      </c>
      <c r="DE34" s="114">
        <v>0</v>
      </c>
      <c r="DF34" s="113">
        <v>101073</v>
      </c>
      <c r="DG34" s="116">
        <v>101073</v>
      </c>
      <c r="DH34" s="110">
        <v>0</v>
      </c>
      <c r="DI34" s="114">
        <v>0</v>
      </c>
      <c r="DJ34" s="112">
        <v>0</v>
      </c>
      <c r="DK34" s="111">
        <v>0</v>
      </c>
      <c r="DL34" s="114">
        <v>0</v>
      </c>
      <c r="DM34" s="114">
        <v>0</v>
      </c>
      <c r="DN34" s="114">
        <v>0</v>
      </c>
      <c r="DO34" s="114">
        <v>0</v>
      </c>
      <c r="DP34" s="114">
        <v>108446</v>
      </c>
      <c r="DQ34" s="113">
        <v>108446</v>
      </c>
      <c r="DR34" s="116">
        <v>108446</v>
      </c>
      <c r="DS34" s="110">
        <v>0</v>
      </c>
      <c r="DT34" s="114">
        <v>0</v>
      </c>
      <c r="DU34" s="113">
        <v>0</v>
      </c>
      <c r="DV34" s="110">
        <v>0</v>
      </c>
      <c r="DW34" s="114">
        <v>0</v>
      </c>
      <c r="DX34" s="114">
        <v>0</v>
      </c>
      <c r="DY34" s="114">
        <v>0</v>
      </c>
      <c r="DZ34" s="114">
        <v>0</v>
      </c>
      <c r="EA34" s="114">
        <v>108446</v>
      </c>
      <c r="EB34" s="113">
        <v>108446</v>
      </c>
      <c r="EC34" s="116">
        <v>108446</v>
      </c>
      <c r="ED34" s="110">
        <v>0</v>
      </c>
      <c r="EE34" s="112">
        <v>0</v>
      </c>
      <c r="EF34" s="113">
        <v>0</v>
      </c>
      <c r="EG34" s="110">
        <v>0</v>
      </c>
      <c r="EH34" s="114">
        <v>0</v>
      </c>
      <c r="EI34" s="114">
        <v>0</v>
      </c>
      <c r="EJ34" s="114">
        <v>0</v>
      </c>
      <c r="EK34" s="114">
        <v>0</v>
      </c>
      <c r="EL34" s="114">
        <v>0</v>
      </c>
      <c r="EM34" s="112">
        <v>0</v>
      </c>
      <c r="EN34" s="116">
        <v>0</v>
      </c>
      <c r="EO34" s="110">
        <v>0</v>
      </c>
      <c r="EP34" s="114">
        <v>0</v>
      </c>
      <c r="EQ34" s="112">
        <v>0</v>
      </c>
      <c r="ER34" s="111">
        <v>0</v>
      </c>
      <c r="ES34" s="114">
        <v>0</v>
      </c>
      <c r="ET34" s="114">
        <v>0</v>
      </c>
      <c r="EU34" s="114">
        <v>0</v>
      </c>
      <c r="EV34" s="114">
        <v>0</v>
      </c>
      <c r="EW34" s="114">
        <v>0</v>
      </c>
      <c r="EX34" s="113">
        <v>0</v>
      </c>
      <c r="EY34" s="116">
        <v>0</v>
      </c>
      <c r="EZ34" s="110">
        <v>0</v>
      </c>
      <c r="FA34" s="114">
        <v>0</v>
      </c>
      <c r="FB34" s="112">
        <v>0</v>
      </c>
      <c r="FC34" s="348"/>
      <c r="FD34" s="114">
        <v>0</v>
      </c>
      <c r="FE34" s="114">
        <v>0</v>
      </c>
      <c r="FF34" s="114">
        <v>0</v>
      </c>
      <c r="FG34" s="114">
        <v>0</v>
      </c>
      <c r="FH34" s="114">
        <v>0</v>
      </c>
      <c r="FI34" s="113">
        <v>0</v>
      </c>
      <c r="FJ34" s="116">
        <v>0</v>
      </c>
      <c r="FK34" s="110">
        <v>12000</v>
      </c>
      <c r="FL34" s="114">
        <v>4080</v>
      </c>
      <c r="FM34" s="113">
        <v>16080</v>
      </c>
      <c r="FN34" s="110">
        <v>0</v>
      </c>
      <c r="FO34" s="114">
        <v>29680</v>
      </c>
      <c r="FP34" s="114">
        <v>5200</v>
      </c>
      <c r="FQ34" s="114">
        <v>35760</v>
      </c>
      <c r="FR34" s="114">
        <v>32000</v>
      </c>
      <c r="FS34" s="114">
        <v>89424</v>
      </c>
      <c r="FT34" s="113">
        <v>192064</v>
      </c>
      <c r="FU34" s="116">
        <v>208144</v>
      </c>
      <c r="FV34" s="115">
        <v>12000</v>
      </c>
      <c r="FW34" s="114">
        <v>4080</v>
      </c>
      <c r="FX34" s="112">
        <v>16080</v>
      </c>
      <c r="FY34" s="111">
        <v>0</v>
      </c>
      <c r="FZ34" s="114">
        <v>9680</v>
      </c>
      <c r="GA34" s="114">
        <v>5200</v>
      </c>
      <c r="GB34" s="114">
        <v>35760</v>
      </c>
      <c r="GC34" s="114">
        <v>32000</v>
      </c>
      <c r="GD34" s="114">
        <v>89424</v>
      </c>
      <c r="GE34" s="113">
        <v>172064</v>
      </c>
      <c r="GF34" s="319">
        <v>188144</v>
      </c>
      <c r="GG34" s="115">
        <v>0</v>
      </c>
      <c r="GH34" s="114">
        <v>0</v>
      </c>
      <c r="GI34" s="112">
        <v>0</v>
      </c>
      <c r="GJ34" s="111">
        <v>0</v>
      </c>
      <c r="GK34" s="114">
        <v>0</v>
      </c>
      <c r="GL34" s="114">
        <v>0</v>
      </c>
      <c r="GM34" s="114">
        <v>0</v>
      </c>
      <c r="GN34" s="114">
        <v>0</v>
      </c>
      <c r="GO34" s="114">
        <v>0</v>
      </c>
      <c r="GP34" s="113">
        <v>0</v>
      </c>
      <c r="GQ34" s="116">
        <v>0</v>
      </c>
      <c r="GR34" s="110">
        <v>0</v>
      </c>
      <c r="GS34" s="114">
        <v>0</v>
      </c>
      <c r="GT34" s="113">
        <v>0</v>
      </c>
      <c r="GU34" s="110">
        <v>0</v>
      </c>
      <c r="GV34" s="114">
        <v>20000</v>
      </c>
      <c r="GW34" s="114">
        <v>0</v>
      </c>
      <c r="GX34" s="114">
        <v>0</v>
      </c>
      <c r="GY34" s="114">
        <v>0</v>
      </c>
      <c r="GZ34" s="114">
        <v>0</v>
      </c>
      <c r="HA34" s="112">
        <v>20000</v>
      </c>
      <c r="HB34" s="116">
        <v>20000</v>
      </c>
      <c r="HC34" s="110">
        <v>0</v>
      </c>
      <c r="HD34" s="114">
        <v>0</v>
      </c>
      <c r="HE34" s="112">
        <v>0</v>
      </c>
      <c r="HF34" s="111">
        <v>0</v>
      </c>
      <c r="HG34" s="114">
        <v>0</v>
      </c>
      <c r="HH34" s="114">
        <v>351244</v>
      </c>
      <c r="HI34" s="114">
        <v>0</v>
      </c>
      <c r="HJ34" s="114">
        <v>0</v>
      </c>
      <c r="HK34" s="114">
        <v>0</v>
      </c>
      <c r="HL34" s="113">
        <v>351244</v>
      </c>
      <c r="HM34" s="109">
        <v>351244</v>
      </c>
      <c r="HN34" s="329"/>
      <c r="HO34" s="330"/>
      <c r="HP34" s="331"/>
      <c r="HQ34" s="332"/>
      <c r="HR34" s="330"/>
      <c r="HS34" s="330"/>
      <c r="HT34" s="330"/>
      <c r="HU34" s="330"/>
      <c r="HV34" s="330"/>
      <c r="HW34" s="333"/>
      <c r="HX34" s="334"/>
      <c r="HY34" s="150">
        <v>0</v>
      </c>
      <c r="HZ34" s="135">
        <v>0</v>
      </c>
      <c r="IA34" s="150">
        <v>0</v>
      </c>
      <c r="IB34" s="134">
        <v>0</v>
      </c>
      <c r="IC34" s="135">
        <v>57880</v>
      </c>
      <c r="ID34" s="136">
        <v>23549</v>
      </c>
      <c r="IE34" s="137">
        <v>0</v>
      </c>
      <c r="IF34" s="135">
        <v>332488</v>
      </c>
      <c r="IG34" s="137">
        <v>0</v>
      </c>
      <c r="IH34" s="138">
        <v>413917</v>
      </c>
      <c r="II34" s="150">
        <v>413917</v>
      </c>
      <c r="IJ34" s="232">
        <v>0</v>
      </c>
      <c r="IK34" s="236">
        <v>0</v>
      </c>
      <c r="IL34" s="237">
        <v>0</v>
      </c>
      <c r="IM34" s="140"/>
      <c r="IN34" s="119">
        <v>0</v>
      </c>
      <c r="IO34" s="119">
        <v>0</v>
      </c>
      <c r="IP34" s="119">
        <v>0</v>
      </c>
      <c r="IQ34" s="119">
        <v>0</v>
      </c>
      <c r="IR34" s="119">
        <v>0</v>
      </c>
      <c r="IS34" s="141">
        <v>0</v>
      </c>
      <c r="IT34" s="321">
        <v>0</v>
      </c>
      <c r="IU34" s="142">
        <v>0</v>
      </c>
      <c r="IV34" s="119">
        <v>0</v>
      </c>
      <c r="IW34" s="120">
        <v>0</v>
      </c>
      <c r="IX34" s="144"/>
      <c r="IY34" s="119">
        <v>0</v>
      </c>
      <c r="IZ34" s="119">
        <v>0</v>
      </c>
      <c r="JA34" s="119">
        <v>0</v>
      </c>
      <c r="JB34" s="119">
        <v>0</v>
      </c>
      <c r="JC34" s="119">
        <v>0</v>
      </c>
      <c r="JD34" s="120">
        <v>0</v>
      </c>
      <c r="JE34" s="121">
        <v>0</v>
      </c>
      <c r="JF34" s="142">
        <v>0</v>
      </c>
      <c r="JG34" s="119">
        <v>0</v>
      </c>
      <c r="JH34" s="141">
        <v>0</v>
      </c>
      <c r="JI34" s="118">
        <v>0</v>
      </c>
      <c r="JJ34" s="119">
        <v>57880</v>
      </c>
      <c r="JK34" s="119">
        <v>23549</v>
      </c>
      <c r="JL34" s="119">
        <v>0</v>
      </c>
      <c r="JM34" s="119">
        <v>0</v>
      </c>
      <c r="JN34" s="119">
        <v>0</v>
      </c>
      <c r="JO34" s="120">
        <v>81429</v>
      </c>
      <c r="JP34" s="321">
        <v>81429</v>
      </c>
      <c r="JQ34" s="142">
        <v>0</v>
      </c>
      <c r="JR34" s="119">
        <v>0</v>
      </c>
      <c r="JS34" s="141">
        <v>0</v>
      </c>
      <c r="JT34" s="118">
        <v>0</v>
      </c>
      <c r="JU34" s="119">
        <v>0</v>
      </c>
      <c r="JV34" s="119">
        <v>0</v>
      </c>
      <c r="JW34" s="119">
        <v>0</v>
      </c>
      <c r="JX34" s="119">
        <v>0</v>
      </c>
      <c r="JY34" s="119">
        <v>0</v>
      </c>
      <c r="JZ34" s="120">
        <v>0</v>
      </c>
      <c r="KA34" s="321">
        <v>0</v>
      </c>
      <c r="KB34" s="234">
        <v>0</v>
      </c>
      <c r="KC34" s="230">
        <v>0</v>
      </c>
      <c r="KD34" s="120">
        <v>0</v>
      </c>
      <c r="KE34" s="118">
        <v>0</v>
      </c>
      <c r="KF34" s="119">
        <v>0</v>
      </c>
      <c r="KG34" s="119">
        <v>0</v>
      </c>
      <c r="KH34" s="119">
        <v>0</v>
      </c>
      <c r="KI34" s="119">
        <v>87872</v>
      </c>
      <c r="KJ34" s="119">
        <v>0</v>
      </c>
      <c r="KK34" s="120">
        <v>87872</v>
      </c>
      <c r="KL34" s="143">
        <v>87872</v>
      </c>
      <c r="KM34" s="232">
        <v>0</v>
      </c>
      <c r="KN34" s="236">
        <v>0</v>
      </c>
      <c r="KO34" s="237">
        <v>0</v>
      </c>
      <c r="KP34" s="140"/>
      <c r="KQ34" s="119">
        <v>0</v>
      </c>
      <c r="KR34" s="119">
        <v>0</v>
      </c>
      <c r="KS34" s="119">
        <v>0</v>
      </c>
      <c r="KT34" s="119">
        <v>0</v>
      </c>
      <c r="KU34" s="119">
        <v>0</v>
      </c>
      <c r="KV34" s="120">
        <v>0</v>
      </c>
      <c r="KW34" s="321">
        <v>0</v>
      </c>
      <c r="KX34" s="142">
        <v>0</v>
      </c>
      <c r="KY34" s="119">
        <v>0</v>
      </c>
      <c r="KZ34" s="120">
        <v>0</v>
      </c>
      <c r="LA34" s="145"/>
      <c r="LB34" s="119">
        <v>0</v>
      </c>
      <c r="LC34" s="119">
        <v>0</v>
      </c>
      <c r="LD34" s="119">
        <v>0</v>
      </c>
      <c r="LE34" s="119">
        <v>0</v>
      </c>
      <c r="LF34" s="119">
        <v>0</v>
      </c>
      <c r="LG34" s="120">
        <v>0</v>
      </c>
      <c r="LH34" s="121">
        <v>0</v>
      </c>
      <c r="LI34" s="142">
        <v>0</v>
      </c>
      <c r="LJ34" s="119">
        <v>0</v>
      </c>
      <c r="LK34" s="120">
        <v>0</v>
      </c>
      <c r="LL34" s="145"/>
      <c r="LM34" s="119">
        <v>0</v>
      </c>
      <c r="LN34" s="119">
        <v>0</v>
      </c>
      <c r="LO34" s="119">
        <v>0</v>
      </c>
      <c r="LP34" s="119">
        <v>244616</v>
      </c>
      <c r="LQ34" s="119">
        <v>0</v>
      </c>
      <c r="LR34" s="120">
        <v>244616</v>
      </c>
      <c r="LS34" s="321">
        <v>244616</v>
      </c>
      <c r="LT34" s="142">
        <v>0</v>
      </c>
      <c r="LU34" s="119">
        <v>0</v>
      </c>
      <c r="LV34" s="120">
        <v>0</v>
      </c>
      <c r="LW34" s="145"/>
      <c r="LX34" s="119">
        <v>0</v>
      </c>
      <c r="LY34" s="119">
        <v>0</v>
      </c>
      <c r="LZ34" s="119">
        <v>0</v>
      </c>
      <c r="MA34" s="119">
        <v>0</v>
      </c>
      <c r="MB34" s="119">
        <v>0</v>
      </c>
      <c r="MC34" s="120">
        <v>0</v>
      </c>
      <c r="MD34" s="121">
        <v>0</v>
      </c>
      <c r="ME34" s="142">
        <v>0</v>
      </c>
      <c r="MF34" s="119">
        <v>0</v>
      </c>
      <c r="MG34" s="120">
        <v>0</v>
      </c>
      <c r="MH34" s="145"/>
      <c r="MI34" s="119">
        <v>0</v>
      </c>
      <c r="MJ34" s="119">
        <v>181104</v>
      </c>
      <c r="MK34" s="119">
        <v>207168</v>
      </c>
      <c r="ML34" s="119">
        <v>235912</v>
      </c>
      <c r="MM34" s="119">
        <v>254352</v>
      </c>
      <c r="MN34" s="120">
        <v>878536</v>
      </c>
      <c r="MO34" s="143">
        <v>878536</v>
      </c>
      <c r="MP34" s="142">
        <v>0</v>
      </c>
      <c r="MQ34" s="119">
        <v>0</v>
      </c>
      <c r="MR34" s="120">
        <v>0</v>
      </c>
      <c r="MS34" s="145"/>
      <c r="MT34" s="119">
        <v>0</v>
      </c>
      <c r="MU34" s="119">
        <v>0</v>
      </c>
      <c r="MV34" s="119">
        <v>207168</v>
      </c>
      <c r="MW34" s="119">
        <v>235912</v>
      </c>
      <c r="MX34" s="119">
        <v>254352</v>
      </c>
      <c r="MY34" s="120">
        <v>697432</v>
      </c>
      <c r="MZ34" s="143">
        <v>697432</v>
      </c>
      <c r="NA34" s="142">
        <v>0</v>
      </c>
      <c r="NB34" s="119">
        <v>0</v>
      </c>
      <c r="NC34" s="120">
        <v>0</v>
      </c>
      <c r="ND34" s="145"/>
      <c r="NE34" s="119">
        <v>0</v>
      </c>
      <c r="NF34" s="119">
        <v>181104</v>
      </c>
      <c r="NG34" s="119">
        <v>0</v>
      </c>
      <c r="NH34" s="119">
        <v>0</v>
      </c>
      <c r="NI34" s="119">
        <v>0</v>
      </c>
      <c r="NJ34" s="120">
        <v>181104</v>
      </c>
      <c r="NK34" s="321">
        <v>181104</v>
      </c>
      <c r="NL34" s="142">
        <v>0</v>
      </c>
      <c r="NM34" s="119">
        <v>0</v>
      </c>
      <c r="NN34" s="120">
        <v>0</v>
      </c>
      <c r="NO34" s="145"/>
      <c r="NP34" s="119">
        <v>0</v>
      </c>
      <c r="NQ34" s="119">
        <v>0</v>
      </c>
      <c r="NR34" s="119">
        <v>0</v>
      </c>
      <c r="NS34" s="119">
        <v>0</v>
      </c>
      <c r="NT34" s="119">
        <v>0</v>
      </c>
      <c r="NU34" s="120">
        <v>0</v>
      </c>
      <c r="NV34" s="121">
        <v>0</v>
      </c>
      <c r="NW34" s="142">
        <v>0</v>
      </c>
      <c r="NX34" s="119">
        <v>0</v>
      </c>
      <c r="NY34" s="120">
        <v>0</v>
      </c>
      <c r="NZ34" s="145"/>
      <c r="OA34" s="119">
        <v>0</v>
      </c>
      <c r="OB34" s="119">
        <v>0</v>
      </c>
      <c r="OC34" s="119">
        <v>0</v>
      </c>
      <c r="OD34" s="119">
        <v>0</v>
      </c>
      <c r="OE34" s="119">
        <v>0</v>
      </c>
      <c r="OF34" s="120">
        <v>0</v>
      </c>
      <c r="OG34" s="121">
        <v>0</v>
      </c>
      <c r="OH34" s="142">
        <v>12000</v>
      </c>
      <c r="OI34" s="119">
        <v>17968</v>
      </c>
      <c r="OJ34" s="141">
        <v>29968</v>
      </c>
      <c r="OK34" s="118">
        <v>0</v>
      </c>
      <c r="OL34" s="119">
        <v>510205</v>
      </c>
      <c r="OM34" s="119">
        <v>632873</v>
      </c>
      <c r="ON34" s="119">
        <v>449628</v>
      </c>
      <c r="OO34" s="119">
        <v>855096</v>
      </c>
      <c r="OP34" s="119">
        <v>805768</v>
      </c>
      <c r="OQ34" s="120">
        <v>3253570</v>
      </c>
      <c r="OR34" s="143">
        <v>3283538</v>
      </c>
    </row>
    <row r="35" spans="1:408" ht="20.25" customHeight="1" x14ac:dyDescent="0.2">
      <c r="A35" s="126" t="s">
        <v>30</v>
      </c>
      <c r="B35" s="110">
        <v>7600</v>
      </c>
      <c r="C35" s="114">
        <v>27248</v>
      </c>
      <c r="D35" s="174">
        <v>34848</v>
      </c>
      <c r="E35" s="175">
        <v>0</v>
      </c>
      <c r="F35" s="176">
        <v>443376</v>
      </c>
      <c r="G35" s="176">
        <v>67344</v>
      </c>
      <c r="H35" s="176">
        <v>234889</v>
      </c>
      <c r="I35" s="176">
        <v>520385</v>
      </c>
      <c r="J35" s="176">
        <v>0</v>
      </c>
      <c r="K35" s="177">
        <v>1265994</v>
      </c>
      <c r="L35" s="116">
        <v>1300842</v>
      </c>
      <c r="M35" s="110">
        <v>0</v>
      </c>
      <c r="N35" s="114">
        <v>26448</v>
      </c>
      <c r="O35" s="113">
        <v>26448</v>
      </c>
      <c r="P35" s="110">
        <v>0</v>
      </c>
      <c r="Q35" s="114">
        <v>49112</v>
      </c>
      <c r="R35" s="114">
        <v>53744</v>
      </c>
      <c r="S35" s="114">
        <v>9432</v>
      </c>
      <c r="T35" s="114">
        <v>272409</v>
      </c>
      <c r="U35" s="114">
        <v>0</v>
      </c>
      <c r="V35" s="113">
        <v>384697</v>
      </c>
      <c r="W35" s="116">
        <v>411145</v>
      </c>
      <c r="X35" s="110">
        <v>0</v>
      </c>
      <c r="Y35" s="114">
        <v>0</v>
      </c>
      <c r="Z35" s="113">
        <v>0</v>
      </c>
      <c r="AA35" s="110">
        <v>0</v>
      </c>
      <c r="AB35" s="114">
        <v>0</v>
      </c>
      <c r="AC35" s="114">
        <v>51456</v>
      </c>
      <c r="AD35" s="114">
        <v>9432</v>
      </c>
      <c r="AE35" s="114">
        <v>72008</v>
      </c>
      <c r="AF35" s="114">
        <v>0</v>
      </c>
      <c r="AG35" s="113">
        <v>132896</v>
      </c>
      <c r="AH35" s="116">
        <v>132896</v>
      </c>
      <c r="AI35" s="110">
        <v>0</v>
      </c>
      <c r="AJ35" s="114">
        <v>0</v>
      </c>
      <c r="AK35" s="113">
        <v>0</v>
      </c>
      <c r="AL35" s="110">
        <v>0</v>
      </c>
      <c r="AM35" s="114">
        <v>0</v>
      </c>
      <c r="AN35" s="114">
        <v>0</v>
      </c>
      <c r="AO35" s="114">
        <v>0</v>
      </c>
      <c r="AP35" s="114">
        <v>90161</v>
      </c>
      <c r="AQ35" s="114">
        <v>0</v>
      </c>
      <c r="AR35" s="113">
        <v>90161</v>
      </c>
      <c r="AS35" s="116">
        <v>90161</v>
      </c>
      <c r="AT35" s="110">
        <v>0</v>
      </c>
      <c r="AU35" s="114">
        <v>26448</v>
      </c>
      <c r="AV35" s="113">
        <v>26448</v>
      </c>
      <c r="AW35" s="110">
        <v>0</v>
      </c>
      <c r="AX35" s="114">
        <v>28840</v>
      </c>
      <c r="AY35" s="114">
        <v>0</v>
      </c>
      <c r="AZ35" s="114">
        <v>0</v>
      </c>
      <c r="BA35" s="114">
        <v>79024</v>
      </c>
      <c r="BB35" s="114">
        <v>0</v>
      </c>
      <c r="BC35" s="113">
        <v>107864</v>
      </c>
      <c r="BD35" s="116">
        <v>134312</v>
      </c>
      <c r="BE35" s="110">
        <v>0</v>
      </c>
      <c r="BF35" s="114">
        <v>0</v>
      </c>
      <c r="BG35" s="112">
        <v>0</v>
      </c>
      <c r="BH35" s="111">
        <v>0</v>
      </c>
      <c r="BI35" s="114">
        <v>0</v>
      </c>
      <c r="BJ35" s="114">
        <v>0</v>
      </c>
      <c r="BK35" s="114">
        <v>0</v>
      </c>
      <c r="BL35" s="114">
        <v>0</v>
      </c>
      <c r="BM35" s="114">
        <v>0</v>
      </c>
      <c r="BN35" s="113">
        <v>0</v>
      </c>
      <c r="BO35" s="116">
        <v>0</v>
      </c>
      <c r="BP35" s="110">
        <v>0</v>
      </c>
      <c r="BQ35" s="114">
        <v>0</v>
      </c>
      <c r="BR35" s="113">
        <v>0</v>
      </c>
      <c r="BS35" s="110">
        <v>0</v>
      </c>
      <c r="BT35" s="114">
        <v>20272</v>
      </c>
      <c r="BU35" s="114">
        <v>2288</v>
      </c>
      <c r="BV35" s="114">
        <v>0</v>
      </c>
      <c r="BW35" s="114">
        <v>31216</v>
      </c>
      <c r="BX35" s="114">
        <v>0</v>
      </c>
      <c r="BY35" s="113">
        <v>53776</v>
      </c>
      <c r="BZ35" s="116">
        <v>53776</v>
      </c>
      <c r="CA35" s="110">
        <v>0</v>
      </c>
      <c r="CB35" s="114">
        <v>0</v>
      </c>
      <c r="CC35" s="113">
        <v>0</v>
      </c>
      <c r="CD35" s="110">
        <v>0</v>
      </c>
      <c r="CE35" s="114">
        <v>41718</v>
      </c>
      <c r="CF35" s="114">
        <v>0</v>
      </c>
      <c r="CG35" s="114">
        <v>0</v>
      </c>
      <c r="CH35" s="114">
        <v>104176</v>
      </c>
      <c r="CI35" s="114">
        <v>0</v>
      </c>
      <c r="CJ35" s="113">
        <v>145894</v>
      </c>
      <c r="CK35" s="116">
        <v>145894</v>
      </c>
      <c r="CL35" s="110">
        <v>0</v>
      </c>
      <c r="CM35" s="114">
        <v>0</v>
      </c>
      <c r="CN35" s="113">
        <v>0</v>
      </c>
      <c r="CO35" s="111">
        <v>0</v>
      </c>
      <c r="CP35" s="114">
        <v>0</v>
      </c>
      <c r="CQ35" s="114">
        <v>0</v>
      </c>
      <c r="CR35" s="114">
        <v>0</v>
      </c>
      <c r="CS35" s="114">
        <v>104176</v>
      </c>
      <c r="CT35" s="114">
        <v>0</v>
      </c>
      <c r="CU35" s="113">
        <v>104176</v>
      </c>
      <c r="CV35" s="116">
        <v>104176</v>
      </c>
      <c r="CW35" s="110">
        <v>0</v>
      </c>
      <c r="CX35" s="114">
        <v>0</v>
      </c>
      <c r="CY35" s="113">
        <v>0</v>
      </c>
      <c r="CZ35" s="110">
        <v>0</v>
      </c>
      <c r="DA35" s="114">
        <v>41718</v>
      </c>
      <c r="DB35" s="114">
        <v>0</v>
      </c>
      <c r="DC35" s="114">
        <v>0</v>
      </c>
      <c r="DD35" s="114">
        <v>0</v>
      </c>
      <c r="DE35" s="114">
        <v>0</v>
      </c>
      <c r="DF35" s="113">
        <v>41718</v>
      </c>
      <c r="DG35" s="116">
        <v>41718</v>
      </c>
      <c r="DH35" s="110">
        <v>0</v>
      </c>
      <c r="DI35" s="114">
        <v>0</v>
      </c>
      <c r="DJ35" s="112">
        <v>0</v>
      </c>
      <c r="DK35" s="111">
        <v>0</v>
      </c>
      <c r="DL35" s="114">
        <v>29801</v>
      </c>
      <c r="DM35" s="114">
        <v>0</v>
      </c>
      <c r="DN35" s="114">
        <v>203537</v>
      </c>
      <c r="DO35" s="114">
        <v>80864</v>
      </c>
      <c r="DP35" s="114">
        <v>0</v>
      </c>
      <c r="DQ35" s="113">
        <v>314202</v>
      </c>
      <c r="DR35" s="116">
        <v>314202</v>
      </c>
      <c r="DS35" s="110">
        <v>0</v>
      </c>
      <c r="DT35" s="114">
        <v>0</v>
      </c>
      <c r="DU35" s="113">
        <v>0</v>
      </c>
      <c r="DV35" s="110">
        <v>0</v>
      </c>
      <c r="DW35" s="114">
        <v>29801</v>
      </c>
      <c r="DX35" s="114">
        <v>0</v>
      </c>
      <c r="DY35" s="114">
        <v>203537</v>
      </c>
      <c r="DZ35" s="114">
        <v>80864</v>
      </c>
      <c r="EA35" s="114">
        <v>0</v>
      </c>
      <c r="EB35" s="113">
        <v>314202</v>
      </c>
      <c r="EC35" s="116">
        <v>314202</v>
      </c>
      <c r="ED35" s="110">
        <v>0</v>
      </c>
      <c r="EE35" s="112">
        <v>0</v>
      </c>
      <c r="EF35" s="113">
        <v>0</v>
      </c>
      <c r="EG35" s="110">
        <v>0</v>
      </c>
      <c r="EH35" s="114">
        <v>0</v>
      </c>
      <c r="EI35" s="114">
        <v>0</v>
      </c>
      <c r="EJ35" s="114">
        <v>0</v>
      </c>
      <c r="EK35" s="114">
        <v>0</v>
      </c>
      <c r="EL35" s="114">
        <v>0</v>
      </c>
      <c r="EM35" s="112">
        <v>0</v>
      </c>
      <c r="EN35" s="116">
        <v>0</v>
      </c>
      <c r="EO35" s="110">
        <v>0</v>
      </c>
      <c r="EP35" s="114">
        <v>0</v>
      </c>
      <c r="EQ35" s="112">
        <v>0</v>
      </c>
      <c r="ER35" s="111">
        <v>0</v>
      </c>
      <c r="ES35" s="114">
        <v>0</v>
      </c>
      <c r="ET35" s="114">
        <v>0</v>
      </c>
      <c r="EU35" s="114">
        <v>0</v>
      </c>
      <c r="EV35" s="114">
        <v>0</v>
      </c>
      <c r="EW35" s="114">
        <v>0</v>
      </c>
      <c r="EX35" s="113">
        <v>0</v>
      </c>
      <c r="EY35" s="116">
        <v>0</v>
      </c>
      <c r="EZ35" s="110">
        <v>0</v>
      </c>
      <c r="FA35" s="114">
        <v>0</v>
      </c>
      <c r="FB35" s="112">
        <v>0</v>
      </c>
      <c r="FC35" s="348"/>
      <c r="FD35" s="114">
        <v>0</v>
      </c>
      <c r="FE35" s="114">
        <v>0</v>
      </c>
      <c r="FF35" s="114">
        <v>0</v>
      </c>
      <c r="FG35" s="114">
        <v>0</v>
      </c>
      <c r="FH35" s="114">
        <v>0</v>
      </c>
      <c r="FI35" s="113">
        <v>0</v>
      </c>
      <c r="FJ35" s="116">
        <v>0</v>
      </c>
      <c r="FK35" s="110">
        <v>7600</v>
      </c>
      <c r="FL35" s="114">
        <v>800</v>
      </c>
      <c r="FM35" s="113">
        <v>8400</v>
      </c>
      <c r="FN35" s="110">
        <v>0</v>
      </c>
      <c r="FO35" s="114">
        <v>6240</v>
      </c>
      <c r="FP35" s="114">
        <v>13600</v>
      </c>
      <c r="FQ35" s="114">
        <v>21920</v>
      </c>
      <c r="FR35" s="114">
        <v>62936</v>
      </c>
      <c r="FS35" s="114">
        <v>0</v>
      </c>
      <c r="FT35" s="113">
        <v>104696</v>
      </c>
      <c r="FU35" s="116">
        <v>113096</v>
      </c>
      <c r="FV35" s="115">
        <v>7600</v>
      </c>
      <c r="FW35" s="114">
        <v>800</v>
      </c>
      <c r="FX35" s="112">
        <v>8400</v>
      </c>
      <c r="FY35" s="111">
        <v>0</v>
      </c>
      <c r="FZ35" s="114">
        <v>6240</v>
      </c>
      <c r="GA35" s="114">
        <v>13600</v>
      </c>
      <c r="GB35" s="114">
        <v>21920</v>
      </c>
      <c r="GC35" s="114">
        <v>62936</v>
      </c>
      <c r="GD35" s="114">
        <v>0</v>
      </c>
      <c r="GE35" s="113">
        <v>104696</v>
      </c>
      <c r="GF35" s="319">
        <v>113096</v>
      </c>
      <c r="GG35" s="115">
        <v>0</v>
      </c>
      <c r="GH35" s="114">
        <v>0</v>
      </c>
      <c r="GI35" s="112">
        <v>0</v>
      </c>
      <c r="GJ35" s="111">
        <v>0</v>
      </c>
      <c r="GK35" s="114">
        <v>0</v>
      </c>
      <c r="GL35" s="114">
        <v>0</v>
      </c>
      <c r="GM35" s="114">
        <v>0</v>
      </c>
      <c r="GN35" s="114">
        <v>0</v>
      </c>
      <c r="GO35" s="114">
        <v>0</v>
      </c>
      <c r="GP35" s="113">
        <v>0</v>
      </c>
      <c r="GQ35" s="116">
        <v>0</v>
      </c>
      <c r="GR35" s="110">
        <v>0</v>
      </c>
      <c r="GS35" s="114">
        <v>0</v>
      </c>
      <c r="GT35" s="113">
        <v>0</v>
      </c>
      <c r="GU35" s="110">
        <v>0</v>
      </c>
      <c r="GV35" s="114">
        <v>0</v>
      </c>
      <c r="GW35" s="114">
        <v>0</v>
      </c>
      <c r="GX35" s="114">
        <v>0</v>
      </c>
      <c r="GY35" s="114">
        <v>0</v>
      </c>
      <c r="GZ35" s="114">
        <v>0</v>
      </c>
      <c r="HA35" s="112">
        <v>0</v>
      </c>
      <c r="HB35" s="116">
        <v>0</v>
      </c>
      <c r="HC35" s="110">
        <v>0</v>
      </c>
      <c r="HD35" s="114">
        <v>0</v>
      </c>
      <c r="HE35" s="112">
        <v>0</v>
      </c>
      <c r="HF35" s="111">
        <v>0</v>
      </c>
      <c r="HG35" s="114">
        <v>316505</v>
      </c>
      <c r="HH35" s="114">
        <v>0</v>
      </c>
      <c r="HI35" s="114">
        <v>0</v>
      </c>
      <c r="HJ35" s="114">
        <v>0</v>
      </c>
      <c r="HK35" s="114">
        <v>0</v>
      </c>
      <c r="HL35" s="113">
        <v>316505</v>
      </c>
      <c r="HM35" s="109">
        <v>316505</v>
      </c>
      <c r="HN35" s="329"/>
      <c r="HO35" s="330"/>
      <c r="HP35" s="331"/>
      <c r="HQ35" s="332"/>
      <c r="HR35" s="330"/>
      <c r="HS35" s="330"/>
      <c r="HT35" s="330"/>
      <c r="HU35" s="330"/>
      <c r="HV35" s="330"/>
      <c r="HW35" s="333"/>
      <c r="HX35" s="334"/>
      <c r="HY35" s="131">
        <v>25834</v>
      </c>
      <c r="HZ35" s="132">
        <v>0</v>
      </c>
      <c r="IA35" s="133">
        <v>25834</v>
      </c>
      <c r="IB35" s="146">
        <v>0</v>
      </c>
      <c r="IC35" s="132">
        <v>0</v>
      </c>
      <c r="ID35" s="147">
        <v>320232</v>
      </c>
      <c r="IE35" s="133">
        <v>0</v>
      </c>
      <c r="IF35" s="132">
        <v>474760</v>
      </c>
      <c r="IG35" s="133">
        <v>0</v>
      </c>
      <c r="IH35" s="148">
        <v>794992</v>
      </c>
      <c r="II35" s="139">
        <v>820826</v>
      </c>
      <c r="IJ35" s="232">
        <v>0</v>
      </c>
      <c r="IK35" s="236">
        <v>0</v>
      </c>
      <c r="IL35" s="237">
        <v>0</v>
      </c>
      <c r="IM35" s="140"/>
      <c r="IN35" s="119">
        <v>0</v>
      </c>
      <c r="IO35" s="119">
        <v>0</v>
      </c>
      <c r="IP35" s="119">
        <v>0</v>
      </c>
      <c r="IQ35" s="119">
        <v>0</v>
      </c>
      <c r="IR35" s="119">
        <v>0</v>
      </c>
      <c r="IS35" s="141">
        <v>0</v>
      </c>
      <c r="IT35" s="321">
        <v>0</v>
      </c>
      <c r="IU35" s="142">
        <v>0</v>
      </c>
      <c r="IV35" s="119">
        <v>0</v>
      </c>
      <c r="IW35" s="120">
        <v>0</v>
      </c>
      <c r="IX35" s="144"/>
      <c r="IY35" s="119">
        <v>0</v>
      </c>
      <c r="IZ35" s="119">
        <v>0</v>
      </c>
      <c r="JA35" s="119">
        <v>0</v>
      </c>
      <c r="JB35" s="119">
        <v>0</v>
      </c>
      <c r="JC35" s="119">
        <v>0</v>
      </c>
      <c r="JD35" s="120">
        <v>0</v>
      </c>
      <c r="JE35" s="121">
        <v>0</v>
      </c>
      <c r="JF35" s="142">
        <v>0</v>
      </c>
      <c r="JG35" s="119">
        <v>0</v>
      </c>
      <c r="JH35" s="141">
        <v>0</v>
      </c>
      <c r="JI35" s="118">
        <v>0</v>
      </c>
      <c r="JJ35" s="119">
        <v>0</v>
      </c>
      <c r="JK35" s="119">
        <v>121832</v>
      </c>
      <c r="JL35" s="119">
        <v>0</v>
      </c>
      <c r="JM35" s="119">
        <v>0</v>
      </c>
      <c r="JN35" s="119">
        <v>0</v>
      </c>
      <c r="JO35" s="120">
        <v>121832</v>
      </c>
      <c r="JP35" s="321">
        <v>121832</v>
      </c>
      <c r="JQ35" s="142">
        <v>25834</v>
      </c>
      <c r="JR35" s="119">
        <v>0</v>
      </c>
      <c r="JS35" s="141">
        <v>25834</v>
      </c>
      <c r="JT35" s="118">
        <v>0</v>
      </c>
      <c r="JU35" s="119">
        <v>0</v>
      </c>
      <c r="JV35" s="119">
        <v>0</v>
      </c>
      <c r="JW35" s="119">
        <v>0</v>
      </c>
      <c r="JX35" s="119">
        <v>0</v>
      </c>
      <c r="JY35" s="119">
        <v>0</v>
      </c>
      <c r="JZ35" s="120">
        <v>0</v>
      </c>
      <c r="KA35" s="321">
        <v>25834</v>
      </c>
      <c r="KB35" s="234">
        <v>0</v>
      </c>
      <c r="KC35" s="230">
        <v>0</v>
      </c>
      <c r="KD35" s="120">
        <v>0</v>
      </c>
      <c r="KE35" s="118">
        <v>0</v>
      </c>
      <c r="KF35" s="119">
        <v>0</v>
      </c>
      <c r="KG35" s="119">
        <v>0</v>
      </c>
      <c r="KH35" s="119">
        <v>0</v>
      </c>
      <c r="KI35" s="119">
        <v>0</v>
      </c>
      <c r="KJ35" s="119">
        <v>0</v>
      </c>
      <c r="KK35" s="120">
        <v>0</v>
      </c>
      <c r="KL35" s="143">
        <v>0</v>
      </c>
      <c r="KM35" s="232">
        <v>0</v>
      </c>
      <c r="KN35" s="236">
        <v>0</v>
      </c>
      <c r="KO35" s="237">
        <v>0</v>
      </c>
      <c r="KP35" s="140"/>
      <c r="KQ35" s="119">
        <v>0</v>
      </c>
      <c r="KR35" s="119">
        <v>198400</v>
      </c>
      <c r="KS35" s="119">
        <v>0</v>
      </c>
      <c r="KT35" s="119">
        <v>474760</v>
      </c>
      <c r="KU35" s="119">
        <v>0</v>
      </c>
      <c r="KV35" s="120">
        <v>673160</v>
      </c>
      <c r="KW35" s="321">
        <v>673160</v>
      </c>
      <c r="KX35" s="142">
        <v>0</v>
      </c>
      <c r="KY35" s="119">
        <v>0</v>
      </c>
      <c r="KZ35" s="120">
        <v>0</v>
      </c>
      <c r="LA35" s="145"/>
      <c r="LB35" s="119">
        <v>0</v>
      </c>
      <c r="LC35" s="119">
        <v>0</v>
      </c>
      <c r="LD35" s="119">
        <v>0</v>
      </c>
      <c r="LE35" s="119">
        <v>0</v>
      </c>
      <c r="LF35" s="119">
        <v>0</v>
      </c>
      <c r="LG35" s="120">
        <v>0</v>
      </c>
      <c r="LH35" s="121">
        <v>0</v>
      </c>
      <c r="LI35" s="142">
        <v>0</v>
      </c>
      <c r="LJ35" s="119">
        <v>0</v>
      </c>
      <c r="LK35" s="120">
        <v>0</v>
      </c>
      <c r="LL35" s="145"/>
      <c r="LM35" s="119">
        <v>0</v>
      </c>
      <c r="LN35" s="119">
        <v>0</v>
      </c>
      <c r="LO35" s="119">
        <v>0</v>
      </c>
      <c r="LP35" s="119">
        <v>0</v>
      </c>
      <c r="LQ35" s="119">
        <v>0</v>
      </c>
      <c r="LR35" s="120">
        <v>0</v>
      </c>
      <c r="LS35" s="321">
        <v>0</v>
      </c>
      <c r="LT35" s="142">
        <v>0</v>
      </c>
      <c r="LU35" s="119">
        <v>0</v>
      </c>
      <c r="LV35" s="120">
        <v>0</v>
      </c>
      <c r="LW35" s="145"/>
      <c r="LX35" s="119">
        <v>0</v>
      </c>
      <c r="LY35" s="119">
        <v>0</v>
      </c>
      <c r="LZ35" s="119">
        <v>0</v>
      </c>
      <c r="MA35" s="119">
        <v>0</v>
      </c>
      <c r="MB35" s="119">
        <v>0</v>
      </c>
      <c r="MC35" s="120">
        <v>0</v>
      </c>
      <c r="MD35" s="121">
        <v>0</v>
      </c>
      <c r="ME35" s="142">
        <v>0</v>
      </c>
      <c r="MF35" s="119">
        <v>0</v>
      </c>
      <c r="MG35" s="120">
        <v>0</v>
      </c>
      <c r="MH35" s="145"/>
      <c r="MI35" s="119">
        <v>204088</v>
      </c>
      <c r="MJ35" s="119">
        <v>0</v>
      </c>
      <c r="MK35" s="119">
        <v>521922</v>
      </c>
      <c r="ML35" s="119">
        <v>1278039</v>
      </c>
      <c r="MM35" s="119">
        <v>388752</v>
      </c>
      <c r="MN35" s="120">
        <v>2392801</v>
      </c>
      <c r="MO35" s="143">
        <v>2392801</v>
      </c>
      <c r="MP35" s="142">
        <v>0</v>
      </c>
      <c r="MQ35" s="119">
        <v>0</v>
      </c>
      <c r="MR35" s="120">
        <v>0</v>
      </c>
      <c r="MS35" s="145"/>
      <c r="MT35" s="119">
        <v>0</v>
      </c>
      <c r="MU35" s="119">
        <v>0</v>
      </c>
      <c r="MV35" s="119">
        <v>0</v>
      </c>
      <c r="MW35" s="119">
        <v>712688</v>
      </c>
      <c r="MX35" s="119">
        <v>0</v>
      </c>
      <c r="MY35" s="120">
        <v>712688</v>
      </c>
      <c r="MZ35" s="143">
        <v>712688</v>
      </c>
      <c r="NA35" s="142">
        <v>0</v>
      </c>
      <c r="NB35" s="119">
        <v>0</v>
      </c>
      <c r="NC35" s="120">
        <v>0</v>
      </c>
      <c r="ND35" s="145"/>
      <c r="NE35" s="119">
        <v>204088</v>
      </c>
      <c r="NF35" s="119">
        <v>0</v>
      </c>
      <c r="NG35" s="119">
        <v>521922</v>
      </c>
      <c r="NH35" s="119">
        <v>565351</v>
      </c>
      <c r="NI35" s="119">
        <v>0</v>
      </c>
      <c r="NJ35" s="120">
        <v>1291361</v>
      </c>
      <c r="NK35" s="321">
        <v>1291361</v>
      </c>
      <c r="NL35" s="142">
        <v>0</v>
      </c>
      <c r="NM35" s="119">
        <v>0</v>
      </c>
      <c r="NN35" s="120">
        <v>0</v>
      </c>
      <c r="NO35" s="145"/>
      <c r="NP35" s="119">
        <v>0</v>
      </c>
      <c r="NQ35" s="119">
        <v>0</v>
      </c>
      <c r="NR35" s="119">
        <v>0</v>
      </c>
      <c r="NS35" s="119">
        <v>0</v>
      </c>
      <c r="NT35" s="119">
        <v>0</v>
      </c>
      <c r="NU35" s="120">
        <v>0</v>
      </c>
      <c r="NV35" s="121">
        <v>0</v>
      </c>
      <c r="NW35" s="142">
        <v>0</v>
      </c>
      <c r="NX35" s="119">
        <v>0</v>
      </c>
      <c r="NY35" s="120">
        <v>0</v>
      </c>
      <c r="NZ35" s="145"/>
      <c r="OA35" s="119">
        <v>0</v>
      </c>
      <c r="OB35" s="119">
        <v>0</v>
      </c>
      <c r="OC35" s="119">
        <v>0</v>
      </c>
      <c r="OD35" s="119">
        <v>0</v>
      </c>
      <c r="OE35" s="119">
        <v>388752</v>
      </c>
      <c r="OF35" s="120">
        <v>388752</v>
      </c>
      <c r="OG35" s="121">
        <v>388752</v>
      </c>
      <c r="OH35" s="142">
        <v>33434</v>
      </c>
      <c r="OI35" s="119">
        <v>27248</v>
      </c>
      <c r="OJ35" s="141">
        <v>60682</v>
      </c>
      <c r="OK35" s="118">
        <v>0</v>
      </c>
      <c r="OL35" s="119">
        <v>647464</v>
      </c>
      <c r="OM35" s="119">
        <v>387576</v>
      </c>
      <c r="ON35" s="119">
        <v>756811</v>
      </c>
      <c r="OO35" s="119">
        <v>2273184</v>
      </c>
      <c r="OP35" s="119">
        <v>388752</v>
      </c>
      <c r="OQ35" s="120">
        <v>4453787</v>
      </c>
      <c r="OR35" s="143">
        <v>4514469</v>
      </c>
    </row>
    <row r="36" spans="1:408" ht="20.25" customHeight="1" x14ac:dyDescent="0.2">
      <c r="A36" s="126" t="s">
        <v>31</v>
      </c>
      <c r="B36" s="110">
        <v>7824</v>
      </c>
      <c r="C36" s="114">
        <v>3600</v>
      </c>
      <c r="D36" s="113">
        <v>11424</v>
      </c>
      <c r="E36" s="109">
        <v>0</v>
      </c>
      <c r="F36" s="114">
        <v>370950</v>
      </c>
      <c r="G36" s="114">
        <v>757030</v>
      </c>
      <c r="H36" s="114">
        <v>885880</v>
      </c>
      <c r="I36" s="114">
        <v>389803</v>
      </c>
      <c r="J36" s="114">
        <v>0</v>
      </c>
      <c r="K36" s="173">
        <v>2403663</v>
      </c>
      <c r="L36" s="116">
        <v>2415087</v>
      </c>
      <c r="M36" s="110">
        <v>0</v>
      </c>
      <c r="N36" s="114">
        <v>0</v>
      </c>
      <c r="O36" s="113">
        <v>0</v>
      </c>
      <c r="P36" s="110">
        <v>0</v>
      </c>
      <c r="Q36" s="114">
        <v>153888</v>
      </c>
      <c r="R36" s="114">
        <v>174424</v>
      </c>
      <c r="S36" s="114">
        <v>288536</v>
      </c>
      <c r="T36" s="114">
        <v>209791</v>
      </c>
      <c r="U36" s="114">
        <v>0</v>
      </c>
      <c r="V36" s="113">
        <v>826639</v>
      </c>
      <c r="W36" s="116">
        <v>826639</v>
      </c>
      <c r="X36" s="110">
        <v>0</v>
      </c>
      <c r="Y36" s="114">
        <v>0</v>
      </c>
      <c r="Z36" s="113">
        <v>0</v>
      </c>
      <c r="AA36" s="110">
        <v>0</v>
      </c>
      <c r="AB36" s="114">
        <v>64208</v>
      </c>
      <c r="AC36" s="114">
        <v>0</v>
      </c>
      <c r="AD36" s="114">
        <v>40368</v>
      </c>
      <c r="AE36" s="114">
        <v>11615</v>
      </c>
      <c r="AF36" s="114">
        <v>0</v>
      </c>
      <c r="AG36" s="113">
        <v>116191</v>
      </c>
      <c r="AH36" s="116">
        <v>116191</v>
      </c>
      <c r="AI36" s="110">
        <v>0</v>
      </c>
      <c r="AJ36" s="114">
        <v>0</v>
      </c>
      <c r="AK36" s="113">
        <v>0</v>
      </c>
      <c r="AL36" s="110">
        <v>0</v>
      </c>
      <c r="AM36" s="114">
        <v>0</v>
      </c>
      <c r="AN36" s="114">
        <v>54080</v>
      </c>
      <c r="AO36" s="114">
        <v>183872</v>
      </c>
      <c r="AP36" s="114">
        <v>0</v>
      </c>
      <c r="AQ36" s="114">
        <v>0</v>
      </c>
      <c r="AR36" s="113">
        <v>237952</v>
      </c>
      <c r="AS36" s="116">
        <v>237952</v>
      </c>
      <c r="AT36" s="110">
        <v>0</v>
      </c>
      <c r="AU36" s="114">
        <v>0</v>
      </c>
      <c r="AV36" s="113">
        <v>0</v>
      </c>
      <c r="AW36" s="110">
        <v>0</v>
      </c>
      <c r="AX36" s="114">
        <v>70104</v>
      </c>
      <c r="AY36" s="114">
        <v>0</v>
      </c>
      <c r="AZ36" s="114">
        <v>64296</v>
      </c>
      <c r="BA36" s="114">
        <v>129832</v>
      </c>
      <c r="BB36" s="114">
        <v>0</v>
      </c>
      <c r="BC36" s="113">
        <v>264232</v>
      </c>
      <c r="BD36" s="116">
        <v>264232</v>
      </c>
      <c r="BE36" s="110">
        <v>0</v>
      </c>
      <c r="BF36" s="114">
        <v>0</v>
      </c>
      <c r="BG36" s="112">
        <v>0</v>
      </c>
      <c r="BH36" s="111">
        <v>0</v>
      </c>
      <c r="BI36" s="114">
        <v>0</v>
      </c>
      <c r="BJ36" s="114">
        <v>120344</v>
      </c>
      <c r="BK36" s="114">
        <v>0</v>
      </c>
      <c r="BL36" s="114">
        <v>62888</v>
      </c>
      <c r="BM36" s="114">
        <v>0</v>
      </c>
      <c r="BN36" s="113">
        <v>183232</v>
      </c>
      <c r="BO36" s="116">
        <v>183232</v>
      </c>
      <c r="BP36" s="110">
        <v>0</v>
      </c>
      <c r="BQ36" s="114">
        <v>0</v>
      </c>
      <c r="BR36" s="113">
        <v>0</v>
      </c>
      <c r="BS36" s="110">
        <v>0</v>
      </c>
      <c r="BT36" s="114">
        <v>19576</v>
      </c>
      <c r="BU36" s="114">
        <v>0</v>
      </c>
      <c r="BV36" s="114">
        <v>0</v>
      </c>
      <c r="BW36" s="114">
        <v>5456</v>
      </c>
      <c r="BX36" s="114">
        <v>0</v>
      </c>
      <c r="BY36" s="113">
        <v>25032</v>
      </c>
      <c r="BZ36" s="116">
        <v>25032</v>
      </c>
      <c r="CA36" s="110">
        <v>0</v>
      </c>
      <c r="CB36" s="114">
        <v>0</v>
      </c>
      <c r="CC36" s="113">
        <v>0</v>
      </c>
      <c r="CD36" s="110">
        <v>0</v>
      </c>
      <c r="CE36" s="114">
        <v>103342</v>
      </c>
      <c r="CF36" s="114">
        <v>349854</v>
      </c>
      <c r="CG36" s="114">
        <v>165943</v>
      </c>
      <c r="CH36" s="114">
        <v>156172</v>
      </c>
      <c r="CI36" s="114">
        <v>0</v>
      </c>
      <c r="CJ36" s="113">
        <v>775311</v>
      </c>
      <c r="CK36" s="116">
        <v>775311</v>
      </c>
      <c r="CL36" s="110">
        <v>0</v>
      </c>
      <c r="CM36" s="114">
        <v>0</v>
      </c>
      <c r="CN36" s="113">
        <v>0</v>
      </c>
      <c r="CO36" s="111">
        <v>0</v>
      </c>
      <c r="CP36" s="114">
        <v>103342</v>
      </c>
      <c r="CQ36" s="114">
        <v>215538</v>
      </c>
      <c r="CR36" s="114">
        <v>28026</v>
      </c>
      <c r="CS36" s="114">
        <v>46132</v>
      </c>
      <c r="CT36" s="114">
        <v>0</v>
      </c>
      <c r="CU36" s="113">
        <v>393038</v>
      </c>
      <c r="CV36" s="116">
        <v>393038</v>
      </c>
      <c r="CW36" s="110">
        <v>0</v>
      </c>
      <c r="CX36" s="114">
        <v>0</v>
      </c>
      <c r="CY36" s="113">
        <v>0</v>
      </c>
      <c r="CZ36" s="110">
        <v>0</v>
      </c>
      <c r="DA36" s="114">
        <v>0</v>
      </c>
      <c r="DB36" s="114">
        <v>134316</v>
      </c>
      <c r="DC36" s="114">
        <v>137917</v>
      </c>
      <c r="DD36" s="114">
        <v>110040</v>
      </c>
      <c r="DE36" s="114">
        <v>0</v>
      </c>
      <c r="DF36" s="113">
        <v>382273</v>
      </c>
      <c r="DG36" s="116">
        <v>382273</v>
      </c>
      <c r="DH36" s="110">
        <v>0</v>
      </c>
      <c r="DI36" s="114">
        <v>0</v>
      </c>
      <c r="DJ36" s="112">
        <v>0</v>
      </c>
      <c r="DK36" s="111">
        <v>0</v>
      </c>
      <c r="DL36" s="114">
        <v>0</v>
      </c>
      <c r="DM36" s="114">
        <v>0</v>
      </c>
      <c r="DN36" s="114">
        <v>39937</v>
      </c>
      <c r="DO36" s="114">
        <v>0</v>
      </c>
      <c r="DP36" s="114">
        <v>0</v>
      </c>
      <c r="DQ36" s="113">
        <v>39937</v>
      </c>
      <c r="DR36" s="116">
        <v>39937</v>
      </c>
      <c r="DS36" s="110">
        <v>0</v>
      </c>
      <c r="DT36" s="114">
        <v>0</v>
      </c>
      <c r="DU36" s="113">
        <v>0</v>
      </c>
      <c r="DV36" s="110">
        <v>0</v>
      </c>
      <c r="DW36" s="114">
        <v>0</v>
      </c>
      <c r="DX36" s="114">
        <v>0</v>
      </c>
      <c r="DY36" s="114">
        <v>39937</v>
      </c>
      <c r="DZ36" s="114">
        <v>0</v>
      </c>
      <c r="EA36" s="114">
        <v>0</v>
      </c>
      <c r="EB36" s="113">
        <v>39937</v>
      </c>
      <c r="EC36" s="116">
        <v>39937</v>
      </c>
      <c r="ED36" s="110">
        <v>0</v>
      </c>
      <c r="EE36" s="112">
        <v>0</v>
      </c>
      <c r="EF36" s="113">
        <v>0</v>
      </c>
      <c r="EG36" s="110">
        <v>0</v>
      </c>
      <c r="EH36" s="114">
        <v>0</v>
      </c>
      <c r="EI36" s="114">
        <v>0</v>
      </c>
      <c r="EJ36" s="114">
        <v>0</v>
      </c>
      <c r="EK36" s="114">
        <v>0</v>
      </c>
      <c r="EL36" s="114">
        <v>0</v>
      </c>
      <c r="EM36" s="112">
        <v>0</v>
      </c>
      <c r="EN36" s="116">
        <v>0</v>
      </c>
      <c r="EO36" s="110">
        <v>0</v>
      </c>
      <c r="EP36" s="114">
        <v>0</v>
      </c>
      <c r="EQ36" s="112">
        <v>0</v>
      </c>
      <c r="ER36" s="111">
        <v>0</v>
      </c>
      <c r="ES36" s="114">
        <v>0</v>
      </c>
      <c r="ET36" s="114">
        <v>0</v>
      </c>
      <c r="EU36" s="114">
        <v>0</v>
      </c>
      <c r="EV36" s="114">
        <v>0</v>
      </c>
      <c r="EW36" s="114">
        <v>0</v>
      </c>
      <c r="EX36" s="113">
        <v>0</v>
      </c>
      <c r="EY36" s="116">
        <v>0</v>
      </c>
      <c r="EZ36" s="110">
        <v>0</v>
      </c>
      <c r="FA36" s="114">
        <v>0</v>
      </c>
      <c r="FB36" s="112">
        <v>0</v>
      </c>
      <c r="FC36" s="348"/>
      <c r="FD36" s="114">
        <v>0</v>
      </c>
      <c r="FE36" s="114">
        <v>0</v>
      </c>
      <c r="FF36" s="114">
        <v>0</v>
      </c>
      <c r="FG36" s="114">
        <v>0</v>
      </c>
      <c r="FH36" s="114">
        <v>0</v>
      </c>
      <c r="FI36" s="113">
        <v>0</v>
      </c>
      <c r="FJ36" s="116">
        <v>0</v>
      </c>
      <c r="FK36" s="110">
        <v>7824</v>
      </c>
      <c r="FL36" s="114">
        <v>3600</v>
      </c>
      <c r="FM36" s="113">
        <v>11424</v>
      </c>
      <c r="FN36" s="110">
        <v>0</v>
      </c>
      <c r="FO36" s="114">
        <v>113720</v>
      </c>
      <c r="FP36" s="114">
        <v>63832</v>
      </c>
      <c r="FQ36" s="114">
        <v>105200</v>
      </c>
      <c r="FR36" s="114">
        <v>23840</v>
      </c>
      <c r="FS36" s="114">
        <v>0</v>
      </c>
      <c r="FT36" s="113">
        <v>306592</v>
      </c>
      <c r="FU36" s="116">
        <v>318016</v>
      </c>
      <c r="FV36" s="115">
        <v>7824</v>
      </c>
      <c r="FW36" s="114">
        <v>3600</v>
      </c>
      <c r="FX36" s="112">
        <v>11424</v>
      </c>
      <c r="FY36" s="111">
        <v>0</v>
      </c>
      <c r="FZ36" s="114">
        <v>10920</v>
      </c>
      <c r="GA36" s="114">
        <v>63832</v>
      </c>
      <c r="GB36" s="114">
        <v>70800</v>
      </c>
      <c r="GC36" s="114">
        <v>23840</v>
      </c>
      <c r="GD36" s="114">
        <v>0</v>
      </c>
      <c r="GE36" s="113">
        <v>169392</v>
      </c>
      <c r="GF36" s="319">
        <v>180816</v>
      </c>
      <c r="GG36" s="115">
        <v>0</v>
      </c>
      <c r="GH36" s="114">
        <v>0</v>
      </c>
      <c r="GI36" s="112">
        <v>0</v>
      </c>
      <c r="GJ36" s="111">
        <v>0</v>
      </c>
      <c r="GK36" s="114">
        <v>0</v>
      </c>
      <c r="GL36" s="114">
        <v>0</v>
      </c>
      <c r="GM36" s="114">
        <v>34400</v>
      </c>
      <c r="GN36" s="114">
        <v>0</v>
      </c>
      <c r="GO36" s="114">
        <v>0</v>
      </c>
      <c r="GP36" s="113">
        <v>34400</v>
      </c>
      <c r="GQ36" s="116">
        <v>34400</v>
      </c>
      <c r="GR36" s="110">
        <v>0</v>
      </c>
      <c r="GS36" s="114">
        <v>0</v>
      </c>
      <c r="GT36" s="113">
        <v>0</v>
      </c>
      <c r="GU36" s="110">
        <v>0</v>
      </c>
      <c r="GV36" s="114">
        <v>102800</v>
      </c>
      <c r="GW36" s="114">
        <v>0</v>
      </c>
      <c r="GX36" s="114">
        <v>0</v>
      </c>
      <c r="GY36" s="114">
        <v>0</v>
      </c>
      <c r="GZ36" s="114">
        <v>0</v>
      </c>
      <c r="HA36" s="112">
        <v>102800</v>
      </c>
      <c r="HB36" s="116">
        <v>102800</v>
      </c>
      <c r="HC36" s="110">
        <v>0</v>
      </c>
      <c r="HD36" s="114">
        <v>0</v>
      </c>
      <c r="HE36" s="112">
        <v>0</v>
      </c>
      <c r="HF36" s="111">
        <v>0</v>
      </c>
      <c r="HG36" s="114">
        <v>0</v>
      </c>
      <c r="HH36" s="114">
        <v>168920</v>
      </c>
      <c r="HI36" s="114">
        <v>286264</v>
      </c>
      <c r="HJ36" s="114">
        <v>0</v>
      </c>
      <c r="HK36" s="114">
        <v>0</v>
      </c>
      <c r="HL36" s="113">
        <v>455184</v>
      </c>
      <c r="HM36" s="109">
        <v>455184</v>
      </c>
      <c r="HN36" s="329"/>
      <c r="HO36" s="330"/>
      <c r="HP36" s="331"/>
      <c r="HQ36" s="332"/>
      <c r="HR36" s="330"/>
      <c r="HS36" s="330"/>
      <c r="HT36" s="330"/>
      <c r="HU36" s="330"/>
      <c r="HV36" s="330"/>
      <c r="HW36" s="333"/>
      <c r="HX36" s="334"/>
      <c r="HY36" s="150">
        <v>0</v>
      </c>
      <c r="HZ36" s="135">
        <v>0</v>
      </c>
      <c r="IA36" s="150">
        <v>0</v>
      </c>
      <c r="IB36" s="134">
        <v>0</v>
      </c>
      <c r="IC36" s="135">
        <v>36414</v>
      </c>
      <c r="ID36" s="136">
        <v>694345</v>
      </c>
      <c r="IE36" s="137">
        <v>142264</v>
      </c>
      <c r="IF36" s="135">
        <v>247318</v>
      </c>
      <c r="IG36" s="137">
        <v>0</v>
      </c>
      <c r="IH36" s="138">
        <v>1120341</v>
      </c>
      <c r="II36" s="150">
        <v>1120341</v>
      </c>
      <c r="IJ36" s="232">
        <v>0</v>
      </c>
      <c r="IK36" s="236">
        <v>0</v>
      </c>
      <c r="IL36" s="237">
        <v>0</v>
      </c>
      <c r="IM36" s="140"/>
      <c r="IN36" s="119">
        <v>0</v>
      </c>
      <c r="IO36" s="119">
        <v>0</v>
      </c>
      <c r="IP36" s="119">
        <v>0</v>
      </c>
      <c r="IQ36" s="119">
        <v>0</v>
      </c>
      <c r="IR36" s="119">
        <v>0</v>
      </c>
      <c r="IS36" s="141">
        <v>0</v>
      </c>
      <c r="IT36" s="321">
        <v>0</v>
      </c>
      <c r="IU36" s="142">
        <v>0</v>
      </c>
      <c r="IV36" s="119">
        <v>0</v>
      </c>
      <c r="IW36" s="120">
        <v>0</v>
      </c>
      <c r="IX36" s="144"/>
      <c r="IY36" s="119">
        <v>0</v>
      </c>
      <c r="IZ36" s="119">
        <v>0</v>
      </c>
      <c r="JA36" s="119">
        <v>0</v>
      </c>
      <c r="JB36" s="119">
        <v>0</v>
      </c>
      <c r="JC36" s="119">
        <v>0</v>
      </c>
      <c r="JD36" s="120">
        <v>0</v>
      </c>
      <c r="JE36" s="121">
        <v>0</v>
      </c>
      <c r="JF36" s="142">
        <v>0</v>
      </c>
      <c r="JG36" s="119">
        <v>0</v>
      </c>
      <c r="JH36" s="141">
        <v>0</v>
      </c>
      <c r="JI36" s="118">
        <v>0</v>
      </c>
      <c r="JJ36" s="119">
        <v>36414</v>
      </c>
      <c r="JK36" s="119">
        <v>22851</v>
      </c>
      <c r="JL36" s="119">
        <v>0</v>
      </c>
      <c r="JM36" s="119">
        <v>0</v>
      </c>
      <c r="JN36" s="119">
        <v>0</v>
      </c>
      <c r="JO36" s="120">
        <v>59265</v>
      </c>
      <c r="JP36" s="321">
        <v>59265</v>
      </c>
      <c r="JQ36" s="142">
        <v>0</v>
      </c>
      <c r="JR36" s="119">
        <v>0</v>
      </c>
      <c r="JS36" s="141">
        <v>0</v>
      </c>
      <c r="JT36" s="118">
        <v>0</v>
      </c>
      <c r="JU36" s="119">
        <v>0</v>
      </c>
      <c r="JV36" s="119">
        <v>0</v>
      </c>
      <c r="JW36" s="119">
        <v>142264</v>
      </c>
      <c r="JX36" s="119">
        <v>0</v>
      </c>
      <c r="JY36" s="119">
        <v>0</v>
      </c>
      <c r="JZ36" s="120">
        <v>142264</v>
      </c>
      <c r="KA36" s="321">
        <v>142264</v>
      </c>
      <c r="KB36" s="234">
        <v>0</v>
      </c>
      <c r="KC36" s="230">
        <v>0</v>
      </c>
      <c r="KD36" s="120">
        <v>0</v>
      </c>
      <c r="KE36" s="118">
        <v>0</v>
      </c>
      <c r="KF36" s="119">
        <v>0</v>
      </c>
      <c r="KG36" s="119">
        <v>179008</v>
      </c>
      <c r="KH36" s="119">
        <v>0</v>
      </c>
      <c r="KI36" s="119">
        <v>0</v>
      </c>
      <c r="KJ36" s="119">
        <v>0</v>
      </c>
      <c r="KK36" s="120">
        <v>179008</v>
      </c>
      <c r="KL36" s="143">
        <v>179008</v>
      </c>
      <c r="KM36" s="232">
        <v>0</v>
      </c>
      <c r="KN36" s="236">
        <v>0</v>
      </c>
      <c r="KO36" s="237">
        <v>0</v>
      </c>
      <c r="KP36" s="140"/>
      <c r="KQ36" s="119">
        <v>0</v>
      </c>
      <c r="KR36" s="119">
        <v>492486</v>
      </c>
      <c r="KS36" s="119">
        <v>0</v>
      </c>
      <c r="KT36" s="119">
        <v>247318</v>
      </c>
      <c r="KU36" s="119">
        <v>0</v>
      </c>
      <c r="KV36" s="120">
        <v>739804</v>
      </c>
      <c r="KW36" s="321">
        <v>739804</v>
      </c>
      <c r="KX36" s="142">
        <v>0</v>
      </c>
      <c r="KY36" s="119">
        <v>0</v>
      </c>
      <c r="KZ36" s="120">
        <v>0</v>
      </c>
      <c r="LA36" s="145"/>
      <c r="LB36" s="119">
        <v>0</v>
      </c>
      <c r="LC36" s="119">
        <v>0</v>
      </c>
      <c r="LD36" s="119">
        <v>0</v>
      </c>
      <c r="LE36" s="119">
        <v>0</v>
      </c>
      <c r="LF36" s="119">
        <v>0</v>
      </c>
      <c r="LG36" s="120">
        <v>0</v>
      </c>
      <c r="LH36" s="121">
        <v>0</v>
      </c>
      <c r="LI36" s="142">
        <v>0</v>
      </c>
      <c r="LJ36" s="119">
        <v>0</v>
      </c>
      <c r="LK36" s="120">
        <v>0</v>
      </c>
      <c r="LL36" s="145"/>
      <c r="LM36" s="119">
        <v>0</v>
      </c>
      <c r="LN36" s="119">
        <v>0</v>
      </c>
      <c r="LO36" s="119">
        <v>0</v>
      </c>
      <c r="LP36" s="119">
        <v>0</v>
      </c>
      <c r="LQ36" s="119">
        <v>0</v>
      </c>
      <c r="LR36" s="120">
        <v>0</v>
      </c>
      <c r="LS36" s="321">
        <v>0</v>
      </c>
      <c r="LT36" s="142">
        <v>0</v>
      </c>
      <c r="LU36" s="119">
        <v>0</v>
      </c>
      <c r="LV36" s="120">
        <v>0</v>
      </c>
      <c r="LW36" s="145"/>
      <c r="LX36" s="119">
        <v>0</v>
      </c>
      <c r="LY36" s="119">
        <v>0</v>
      </c>
      <c r="LZ36" s="119">
        <v>0</v>
      </c>
      <c r="MA36" s="119">
        <v>0</v>
      </c>
      <c r="MB36" s="119">
        <v>0</v>
      </c>
      <c r="MC36" s="120">
        <v>0</v>
      </c>
      <c r="MD36" s="121">
        <v>0</v>
      </c>
      <c r="ME36" s="142">
        <v>0</v>
      </c>
      <c r="MF36" s="119">
        <v>0</v>
      </c>
      <c r="MG36" s="120">
        <v>0</v>
      </c>
      <c r="MH36" s="145"/>
      <c r="MI36" s="119">
        <v>0</v>
      </c>
      <c r="MJ36" s="119">
        <v>446992</v>
      </c>
      <c r="MK36" s="119">
        <v>251696</v>
      </c>
      <c r="ML36" s="119">
        <v>0</v>
      </c>
      <c r="MM36" s="119">
        <v>0</v>
      </c>
      <c r="MN36" s="120">
        <v>698688</v>
      </c>
      <c r="MO36" s="143">
        <v>698688</v>
      </c>
      <c r="MP36" s="142">
        <v>0</v>
      </c>
      <c r="MQ36" s="119">
        <v>0</v>
      </c>
      <c r="MR36" s="120">
        <v>0</v>
      </c>
      <c r="MS36" s="145"/>
      <c r="MT36" s="119">
        <v>0</v>
      </c>
      <c r="MU36" s="119">
        <v>0</v>
      </c>
      <c r="MV36" s="119">
        <v>251696</v>
      </c>
      <c r="MW36" s="119">
        <v>0</v>
      </c>
      <c r="MX36" s="119">
        <v>0</v>
      </c>
      <c r="MY36" s="120">
        <v>251696</v>
      </c>
      <c r="MZ36" s="143">
        <v>251696</v>
      </c>
      <c r="NA36" s="142">
        <v>0</v>
      </c>
      <c r="NB36" s="119">
        <v>0</v>
      </c>
      <c r="NC36" s="120">
        <v>0</v>
      </c>
      <c r="ND36" s="145"/>
      <c r="NE36" s="119">
        <v>0</v>
      </c>
      <c r="NF36" s="119">
        <v>446992</v>
      </c>
      <c r="NG36" s="119">
        <v>0</v>
      </c>
      <c r="NH36" s="119">
        <v>0</v>
      </c>
      <c r="NI36" s="119">
        <v>0</v>
      </c>
      <c r="NJ36" s="120">
        <v>446992</v>
      </c>
      <c r="NK36" s="321">
        <v>446992</v>
      </c>
      <c r="NL36" s="142">
        <v>0</v>
      </c>
      <c r="NM36" s="119">
        <v>0</v>
      </c>
      <c r="NN36" s="120">
        <v>0</v>
      </c>
      <c r="NO36" s="145"/>
      <c r="NP36" s="119">
        <v>0</v>
      </c>
      <c r="NQ36" s="119">
        <v>0</v>
      </c>
      <c r="NR36" s="119">
        <v>0</v>
      </c>
      <c r="NS36" s="119">
        <v>0</v>
      </c>
      <c r="NT36" s="119">
        <v>0</v>
      </c>
      <c r="NU36" s="120">
        <v>0</v>
      </c>
      <c r="NV36" s="121">
        <v>0</v>
      </c>
      <c r="NW36" s="142">
        <v>0</v>
      </c>
      <c r="NX36" s="119">
        <v>0</v>
      </c>
      <c r="NY36" s="120">
        <v>0</v>
      </c>
      <c r="NZ36" s="145"/>
      <c r="OA36" s="119">
        <v>0</v>
      </c>
      <c r="OB36" s="119">
        <v>0</v>
      </c>
      <c r="OC36" s="119">
        <v>0</v>
      </c>
      <c r="OD36" s="119">
        <v>0</v>
      </c>
      <c r="OE36" s="119">
        <v>0</v>
      </c>
      <c r="OF36" s="120">
        <v>0</v>
      </c>
      <c r="OG36" s="121">
        <v>0</v>
      </c>
      <c r="OH36" s="142">
        <v>7824</v>
      </c>
      <c r="OI36" s="119">
        <v>3600</v>
      </c>
      <c r="OJ36" s="141">
        <v>11424</v>
      </c>
      <c r="OK36" s="118">
        <v>0</v>
      </c>
      <c r="OL36" s="119">
        <v>407364</v>
      </c>
      <c r="OM36" s="119">
        <v>1898367</v>
      </c>
      <c r="ON36" s="119">
        <v>1279840</v>
      </c>
      <c r="OO36" s="119">
        <v>637121</v>
      </c>
      <c r="OP36" s="119">
        <v>0</v>
      </c>
      <c r="OQ36" s="120">
        <v>4222692</v>
      </c>
      <c r="OR36" s="143">
        <v>4234116</v>
      </c>
    </row>
    <row r="37" spans="1:408" ht="20.25" customHeight="1" x14ac:dyDescent="0.2">
      <c r="A37" s="126" t="s">
        <v>32</v>
      </c>
      <c r="B37" s="110">
        <v>0</v>
      </c>
      <c r="C37" s="114">
        <v>111264</v>
      </c>
      <c r="D37" s="174">
        <v>111264</v>
      </c>
      <c r="E37" s="175">
        <v>0</v>
      </c>
      <c r="F37" s="176">
        <v>415218</v>
      </c>
      <c r="G37" s="176">
        <v>499944</v>
      </c>
      <c r="H37" s="176">
        <v>556130</v>
      </c>
      <c r="I37" s="176">
        <v>950810</v>
      </c>
      <c r="J37" s="176">
        <v>173728</v>
      </c>
      <c r="K37" s="177">
        <v>2595830</v>
      </c>
      <c r="L37" s="116">
        <v>2707094</v>
      </c>
      <c r="M37" s="110">
        <v>0</v>
      </c>
      <c r="N37" s="114">
        <v>17360</v>
      </c>
      <c r="O37" s="113">
        <v>17360</v>
      </c>
      <c r="P37" s="110">
        <v>0</v>
      </c>
      <c r="Q37" s="114">
        <v>72872</v>
      </c>
      <c r="R37" s="114">
        <v>228976</v>
      </c>
      <c r="S37" s="114">
        <v>122928</v>
      </c>
      <c r="T37" s="114">
        <v>499666</v>
      </c>
      <c r="U37" s="114">
        <v>0</v>
      </c>
      <c r="V37" s="113">
        <v>924442</v>
      </c>
      <c r="W37" s="116">
        <v>941802</v>
      </c>
      <c r="X37" s="110">
        <v>0</v>
      </c>
      <c r="Y37" s="114">
        <v>0</v>
      </c>
      <c r="Z37" s="113">
        <v>0</v>
      </c>
      <c r="AA37" s="110">
        <v>0</v>
      </c>
      <c r="AB37" s="114">
        <v>9920</v>
      </c>
      <c r="AC37" s="114">
        <v>113872</v>
      </c>
      <c r="AD37" s="114">
        <v>53003</v>
      </c>
      <c r="AE37" s="114">
        <v>314696</v>
      </c>
      <c r="AF37" s="114">
        <v>0</v>
      </c>
      <c r="AG37" s="113">
        <v>491491</v>
      </c>
      <c r="AH37" s="116">
        <v>491491</v>
      </c>
      <c r="AI37" s="110">
        <v>0</v>
      </c>
      <c r="AJ37" s="114">
        <v>0</v>
      </c>
      <c r="AK37" s="113">
        <v>0</v>
      </c>
      <c r="AL37" s="110">
        <v>0</v>
      </c>
      <c r="AM37" s="114">
        <v>0</v>
      </c>
      <c r="AN37" s="114">
        <v>0</v>
      </c>
      <c r="AO37" s="114">
        <v>0</v>
      </c>
      <c r="AP37" s="114">
        <v>93098</v>
      </c>
      <c r="AQ37" s="114">
        <v>0</v>
      </c>
      <c r="AR37" s="113">
        <v>93098</v>
      </c>
      <c r="AS37" s="116">
        <v>93098</v>
      </c>
      <c r="AT37" s="110">
        <v>0</v>
      </c>
      <c r="AU37" s="114">
        <v>17360</v>
      </c>
      <c r="AV37" s="113">
        <v>17360</v>
      </c>
      <c r="AW37" s="110">
        <v>0</v>
      </c>
      <c r="AX37" s="114">
        <v>62952</v>
      </c>
      <c r="AY37" s="114">
        <v>99456</v>
      </c>
      <c r="AZ37" s="114">
        <v>45093</v>
      </c>
      <c r="BA37" s="114">
        <v>22944</v>
      </c>
      <c r="BB37" s="114">
        <v>0</v>
      </c>
      <c r="BC37" s="113">
        <v>230445</v>
      </c>
      <c r="BD37" s="116">
        <v>247805</v>
      </c>
      <c r="BE37" s="110">
        <v>0</v>
      </c>
      <c r="BF37" s="114">
        <v>0</v>
      </c>
      <c r="BG37" s="112">
        <v>0</v>
      </c>
      <c r="BH37" s="111">
        <v>0</v>
      </c>
      <c r="BI37" s="114">
        <v>0</v>
      </c>
      <c r="BJ37" s="114">
        <v>0</v>
      </c>
      <c r="BK37" s="114">
        <v>0</v>
      </c>
      <c r="BL37" s="114">
        <v>0</v>
      </c>
      <c r="BM37" s="114">
        <v>0</v>
      </c>
      <c r="BN37" s="113">
        <v>0</v>
      </c>
      <c r="BO37" s="116">
        <v>0</v>
      </c>
      <c r="BP37" s="110">
        <v>0</v>
      </c>
      <c r="BQ37" s="114">
        <v>0</v>
      </c>
      <c r="BR37" s="113">
        <v>0</v>
      </c>
      <c r="BS37" s="110">
        <v>0</v>
      </c>
      <c r="BT37" s="114">
        <v>0</v>
      </c>
      <c r="BU37" s="114">
        <v>15648</v>
      </c>
      <c r="BV37" s="114">
        <v>24832</v>
      </c>
      <c r="BW37" s="114">
        <v>68928</v>
      </c>
      <c r="BX37" s="114">
        <v>0</v>
      </c>
      <c r="BY37" s="113">
        <v>109408</v>
      </c>
      <c r="BZ37" s="116">
        <v>109408</v>
      </c>
      <c r="CA37" s="110">
        <v>0</v>
      </c>
      <c r="CB37" s="114">
        <v>0</v>
      </c>
      <c r="CC37" s="113">
        <v>0</v>
      </c>
      <c r="CD37" s="110">
        <v>0</v>
      </c>
      <c r="CE37" s="114">
        <v>315786</v>
      </c>
      <c r="CF37" s="114">
        <v>40944</v>
      </c>
      <c r="CG37" s="114">
        <v>132312</v>
      </c>
      <c r="CH37" s="114">
        <v>0</v>
      </c>
      <c r="CI37" s="114">
        <v>109524</v>
      </c>
      <c r="CJ37" s="113">
        <v>598566</v>
      </c>
      <c r="CK37" s="116">
        <v>598566</v>
      </c>
      <c r="CL37" s="110">
        <v>0</v>
      </c>
      <c r="CM37" s="114">
        <v>0</v>
      </c>
      <c r="CN37" s="113">
        <v>0</v>
      </c>
      <c r="CO37" s="111">
        <v>0</v>
      </c>
      <c r="CP37" s="114">
        <v>174544</v>
      </c>
      <c r="CQ37" s="114">
        <v>40944</v>
      </c>
      <c r="CR37" s="114">
        <v>132312</v>
      </c>
      <c r="CS37" s="114">
        <v>0</v>
      </c>
      <c r="CT37" s="114">
        <v>32636</v>
      </c>
      <c r="CU37" s="113">
        <v>380436</v>
      </c>
      <c r="CV37" s="116">
        <v>380436</v>
      </c>
      <c r="CW37" s="110">
        <v>0</v>
      </c>
      <c r="CX37" s="114">
        <v>0</v>
      </c>
      <c r="CY37" s="113">
        <v>0</v>
      </c>
      <c r="CZ37" s="110">
        <v>0</v>
      </c>
      <c r="DA37" s="114">
        <v>141242</v>
      </c>
      <c r="DB37" s="114">
        <v>0</v>
      </c>
      <c r="DC37" s="114">
        <v>0</v>
      </c>
      <c r="DD37" s="114">
        <v>0</v>
      </c>
      <c r="DE37" s="114">
        <v>76888</v>
      </c>
      <c r="DF37" s="113">
        <v>218130</v>
      </c>
      <c r="DG37" s="116">
        <v>218130</v>
      </c>
      <c r="DH37" s="110">
        <v>0</v>
      </c>
      <c r="DI37" s="114">
        <v>0</v>
      </c>
      <c r="DJ37" s="112">
        <v>0</v>
      </c>
      <c r="DK37" s="111">
        <v>0</v>
      </c>
      <c r="DL37" s="114">
        <v>7200</v>
      </c>
      <c r="DM37" s="114">
        <v>0</v>
      </c>
      <c r="DN37" s="114">
        <v>62210</v>
      </c>
      <c r="DO37" s="114">
        <v>0</v>
      </c>
      <c r="DP37" s="114">
        <v>0</v>
      </c>
      <c r="DQ37" s="113">
        <v>69410</v>
      </c>
      <c r="DR37" s="116">
        <v>69410</v>
      </c>
      <c r="DS37" s="110">
        <v>0</v>
      </c>
      <c r="DT37" s="114">
        <v>0</v>
      </c>
      <c r="DU37" s="113">
        <v>0</v>
      </c>
      <c r="DV37" s="110">
        <v>0</v>
      </c>
      <c r="DW37" s="114">
        <v>7200</v>
      </c>
      <c r="DX37" s="114">
        <v>0</v>
      </c>
      <c r="DY37" s="114">
        <v>62210</v>
      </c>
      <c r="DZ37" s="114">
        <v>0</v>
      </c>
      <c r="EA37" s="114">
        <v>0</v>
      </c>
      <c r="EB37" s="113">
        <v>69410</v>
      </c>
      <c r="EC37" s="116">
        <v>69410</v>
      </c>
      <c r="ED37" s="110">
        <v>0</v>
      </c>
      <c r="EE37" s="112">
        <v>0</v>
      </c>
      <c r="EF37" s="113">
        <v>0</v>
      </c>
      <c r="EG37" s="110">
        <v>0</v>
      </c>
      <c r="EH37" s="114">
        <v>0</v>
      </c>
      <c r="EI37" s="114">
        <v>0</v>
      </c>
      <c r="EJ37" s="114">
        <v>0</v>
      </c>
      <c r="EK37" s="114">
        <v>0</v>
      </c>
      <c r="EL37" s="114">
        <v>0</v>
      </c>
      <c r="EM37" s="112">
        <v>0</v>
      </c>
      <c r="EN37" s="116">
        <v>0</v>
      </c>
      <c r="EO37" s="110">
        <v>0</v>
      </c>
      <c r="EP37" s="114">
        <v>0</v>
      </c>
      <c r="EQ37" s="112">
        <v>0</v>
      </c>
      <c r="ER37" s="111">
        <v>0</v>
      </c>
      <c r="ES37" s="114">
        <v>0</v>
      </c>
      <c r="ET37" s="114">
        <v>0</v>
      </c>
      <c r="EU37" s="114">
        <v>0</v>
      </c>
      <c r="EV37" s="114">
        <v>0</v>
      </c>
      <c r="EW37" s="114">
        <v>0</v>
      </c>
      <c r="EX37" s="113">
        <v>0</v>
      </c>
      <c r="EY37" s="116">
        <v>0</v>
      </c>
      <c r="EZ37" s="110">
        <v>0</v>
      </c>
      <c r="FA37" s="114">
        <v>0</v>
      </c>
      <c r="FB37" s="112">
        <v>0</v>
      </c>
      <c r="FC37" s="348"/>
      <c r="FD37" s="114">
        <v>0</v>
      </c>
      <c r="FE37" s="114">
        <v>0</v>
      </c>
      <c r="FF37" s="114">
        <v>0</v>
      </c>
      <c r="FG37" s="114">
        <v>0</v>
      </c>
      <c r="FH37" s="114">
        <v>0</v>
      </c>
      <c r="FI37" s="113">
        <v>0</v>
      </c>
      <c r="FJ37" s="116">
        <v>0</v>
      </c>
      <c r="FK37" s="110">
        <v>0</v>
      </c>
      <c r="FL37" s="114">
        <v>7200</v>
      </c>
      <c r="FM37" s="113">
        <v>7200</v>
      </c>
      <c r="FN37" s="110">
        <v>0</v>
      </c>
      <c r="FO37" s="114">
        <v>19360</v>
      </c>
      <c r="FP37" s="114">
        <v>61104</v>
      </c>
      <c r="FQ37" s="114">
        <v>50768</v>
      </c>
      <c r="FR37" s="114">
        <v>41624</v>
      </c>
      <c r="FS37" s="114">
        <v>64204</v>
      </c>
      <c r="FT37" s="113">
        <v>237060</v>
      </c>
      <c r="FU37" s="116">
        <v>244260</v>
      </c>
      <c r="FV37" s="115">
        <v>0</v>
      </c>
      <c r="FW37" s="114">
        <v>7200</v>
      </c>
      <c r="FX37" s="112">
        <v>7200</v>
      </c>
      <c r="FY37" s="111">
        <v>0</v>
      </c>
      <c r="FZ37" s="114">
        <v>19360</v>
      </c>
      <c r="GA37" s="114">
        <v>61104</v>
      </c>
      <c r="GB37" s="114">
        <v>50768</v>
      </c>
      <c r="GC37" s="114">
        <v>41624</v>
      </c>
      <c r="GD37" s="114">
        <v>17080</v>
      </c>
      <c r="GE37" s="113">
        <v>189936</v>
      </c>
      <c r="GF37" s="319">
        <v>197136</v>
      </c>
      <c r="GG37" s="115">
        <v>0</v>
      </c>
      <c r="GH37" s="114">
        <v>0</v>
      </c>
      <c r="GI37" s="112">
        <v>0</v>
      </c>
      <c r="GJ37" s="111">
        <v>0</v>
      </c>
      <c r="GK37" s="114">
        <v>0</v>
      </c>
      <c r="GL37" s="114">
        <v>0</v>
      </c>
      <c r="GM37" s="114">
        <v>0</v>
      </c>
      <c r="GN37" s="114">
        <v>0</v>
      </c>
      <c r="GO37" s="114">
        <v>47124</v>
      </c>
      <c r="GP37" s="113">
        <v>47124</v>
      </c>
      <c r="GQ37" s="116">
        <v>47124</v>
      </c>
      <c r="GR37" s="110">
        <v>0</v>
      </c>
      <c r="GS37" s="114">
        <v>0</v>
      </c>
      <c r="GT37" s="113">
        <v>0</v>
      </c>
      <c r="GU37" s="110">
        <v>0</v>
      </c>
      <c r="GV37" s="114">
        <v>0</v>
      </c>
      <c r="GW37" s="114">
        <v>0</v>
      </c>
      <c r="GX37" s="114">
        <v>0</v>
      </c>
      <c r="GY37" s="114">
        <v>0</v>
      </c>
      <c r="GZ37" s="114">
        <v>0</v>
      </c>
      <c r="HA37" s="112">
        <v>0</v>
      </c>
      <c r="HB37" s="116">
        <v>0</v>
      </c>
      <c r="HC37" s="110">
        <v>0</v>
      </c>
      <c r="HD37" s="114">
        <v>86704</v>
      </c>
      <c r="HE37" s="112">
        <v>86704</v>
      </c>
      <c r="HF37" s="111">
        <v>0</v>
      </c>
      <c r="HG37" s="114">
        <v>0</v>
      </c>
      <c r="HH37" s="114">
        <v>168920</v>
      </c>
      <c r="HI37" s="114">
        <v>187912</v>
      </c>
      <c r="HJ37" s="114">
        <v>409520</v>
      </c>
      <c r="HK37" s="114">
        <v>0</v>
      </c>
      <c r="HL37" s="113">
        <v>766352</v>
      </c>
      <c r="HM37" s="109">
        <v>853056</v>
      </c>
      <c r="HN37" s="329"/>
      <c r="HO37" s="330"/>
      <c r="HP37" s="331"/>
      <c r="HQ37" s="332"/>
      <c r="HR37" s="330"/>
      <c r="HS37" s="330"/>
      <c r="HT37" s="330"/>
      <c r="HU37" s="330"/>
      <c r="HV37" s="330"/>
      <c r="HW37" s="333"/>
      <c r="HX37" s="334"/>
      <c r="HY37" s="131">
        <v>0</v>
      </c>
      <c r="HZ37" s="132">
        <v>0</v>
      </c>
      <c r="IA37" s="133">
        <v>0</v>
      </c>
      <c r="IB37" s="146">
        <v>0</v>
      </c>
      <c r="IC37" s="132">
        <v>124564</v>
      </c>
      <c r="ID37" s="147">
        <v>308888</v>
      </c>
      <c r="IE37" s="133">
        <v>558136</v>
      </c>
      <c r="IF37" s="132">
        <v>114720</v>
      </c>
      <c r="IG37" s="133">
        <v>0</v>
      </c>
      <c r="IH37" s="148">
        <v>1106308</v>
      </c>
      <c r="II37" s="139">
        <v>1106308</v>
      </c>
      <c r="IJ37" s="232">
        <v>0</v>
      </c>
      <c r="IK37" s="236">
        <v>0</v>
      </c>
      <c r="IL37" s="237">
        <v>0</v>
      </c>
      <c r="IM37" s="140"/>
      <c r="IN37" s="119">
        <v>0</v>
      </c>
      <c r="IO37" s="119">
        <v>0</v>
      </c>
      <c r="IP37" s="119">
        <v>0</v>
      </c>
      <c r="IQ37" s="119">
        <v>0</v>
      </c>
      <c r="IR37" s="119">
        <v>0</v>
      </c>
      <c r="IS37" s="141">
        <v>0</v>
      </c>
      <c r="IT37" s="321">
        <v>0</v>
      </c>
      <c r="IU37" s="142">
        <v>0</v>
      </c>
      <c r="IV37" s="119">
        <v>0</v>
      </c>
      <c r="IW37" s="120">
        <v>0</v>
      </c>
      <c r="IX37" s="144"/>
      <c r="IY37" s="119">
        <v>0</v>
      </c>
      <c r="IZ37" s="119">
        <v>0</v>
      </c>
      <c r="JA37" s="119">
        <v>0</v>
      </c>
      <c r="JB37" s="119">
        <v>0</v>
      </c>
      <c r="JC37" s="119">
        <v>0</v>
      </c>
      <c r="JD37" s="120">
        <v>0</v>
      </c>
      <c r="JE37" s="121">
        <v>0</v>
      </c>
      <c r="JF37" s="142">
        <v>0</v>
      </c>
      <c r="JG37" s="119">
        <v>0</v>
      </c>
      <c r="JH37" s="141">
        <v>0</v>
      </c>
      <c r="JI37" s="118">
        <v>0</v>
      </c>
      <c r="JJ37" s="119">
        <v>124564</v>
      </c>
      <c r="JK37" s="119">
        <v>68720</v>
      </c>
      <c r="JL37" s="119">
        <v>124256</v>
      </c>
      <c r="JM37" s="119">
        <v>0</v>
      </c>
      <c r="JN37" s="119">
        <v>0</v>
      </c>
      <c r="JO37" s="120">
        <v>317540</v>
      </c>
      <c r="JP37" s="321">
        <v>317540</v>
      </c>
      <c r="JQ37" s="142">
        <v>0</v>
      </c>
      <c r="JR37" s="119">
        <v>0</v>
      </c>
      <c r="JS37" s="141">
        <v>0</v>
      </c>
      <c r="JT37" s="118">
        <v>0</v>
      </c>
      <c r="JU37" s="119">
        <v>0</v>
      </c>
      <c r="JV37" s="119">
        <v>0</v>
      </c>
      <c r="JW37" s="119">
        <v>0</v>
      </c>
      <c r="JX37" s="119">
        <v>114720</v>
      </c>
      <c r="JY37" s="119">
        <v>0</v>
      </c>
      <c r="JZ37" s="120">
        <v>114720</v>
      </c>
      <c r="KA37" s="321">
        <v>114720</v>
      </c>
      <c r="KB37" s="234">
        <v>0</v>
      </c>
      <c r="KC37" s="230">
        <v>0</v>
      </c>
      <c r="KD37" s="120">
        <v>0</v>
      </c>
      <c r="KE37" s="118">
        <v>0</v>
      </c>
      <c r="KF37" s="119">
        <v>0</v>
      </c>
      <c r="KG37" s="119">
        <v>0</v>
      </c>
      <c r="KH37" s="119">
        <v>0</v>
      </c>
      <c r="KI37" s="119">
        <v>0</v>
      </c>
      <c r="KJ37" s="119">
        <v>0</v>
      </c>
      <c r="KK37" s="120">
        <v>0</v>
      </c>
      <c r="KL37" s="143">
        <v>0</v>
      </c>
      <c r="KM37" s="232">
        <v>0</v>
      </c>
      <c r="KN37" s="236">
        <v>0</v>
      </c>
      <c r="KO37" s="237">
        <v>0</v>
      </c>
      <c r="KP37" s="140"/>
      <c r="KQ37" s="119">
        <v>0</v>
      </c>
      <c r="KR37" s="119">
        <v>240168</v>
      </c>
      <c r="KS37" s="119">
        <v>234200</v>
      </c>
      <c r="KT37" s="119">
        <v>0</v>
      </c>
      <c r="KU37" s="119">
        <v>0</v>
      </c>
      <c r="KV37" s="120">
        <v>474368</v>
      </c>
      <c r="KW37" s="321">
        <v>474368</v>
      </c>
      <c r="KX37" s="142">
        <v>0</v>
      </c>
      <c r="KY37" s="119">
        <v>0</v>
      </c>
      <c r="KZ37" s="120">
        <v>0</v>
      </c>
      <c r="LA37" s="145"/>
      <c r="LB37" s="119">
        <v>0</v>
      </c>
      <c r="LC37" s="119">
        <v>0</v>
      </c>
      <c r="LD37" s="119">
        <v>0</v>
      </c>
      <c r="LE37" s="119">
        <v>0</v>
      </c>
      <c r="LF37" s="119">
        <v>0</v>
      </c>
      <c r="LG37" s="120">
        <v>0</v>
      </c>
      <c r="LH37" s="121">
        <v>0</v>
      </c>
      <c r="LI37" s="142">
        <v>0</v>
      </c>
      <c r="LJ37" s="119">
        <v>0</v>
      </c>
      <c r="LK37" s="120">
        <v>0</v>
      </c>
      <c r="LL37" s="145"/>
      <c r="LM37" s="119">
        <v>0</v>
      </c>
      <c r="LN37" s="119">
        <v>0</v>
      </c>
      <c r="LO37" s="119">
        <v>199680</v>
      </c>
      <c r="LP37" s="119">
        <v>0</v>
      </c>
      <c r="LQ37" s="119">
        <v>0</v>
      </c>
      <c r="LR37" s="120">
        <v>199680</v>
      </c>
      <c r="LS37" s="321">
        <v>199680</v>
      </c>
      <c r="LT37" s="142">
        <v>0</v>
      </c>
      <c r="LU37" s="119">
        <v>0</v>
      </c>
      <c r="LV37" s="120">
        <v>0</v>
      </c>
      <c r="LW37" s="145"/>
      <c r="LX37" s="119">
        <v>0</v>
      </c>
      <c r="LY37" s="119">
        <v>0</v>
      </c>
      <c r="LZ37" s="119">
        <v>0</v>
      </c>
      <c r="MA37" s="119">
        <v>0</v>
      </c>
      <c r="MB37" s="119">
        <v>0</v>
      </c>
      <c r="MC37" s="120">
        <v>0</v>
      </c>
      <c r="MD37" s="121">
        <v>0</v>
      </c>
      <c r="ME37" s="142">
        <v>0</v>
      </c>
      <c r="MF37" s="119">
        <v>0</v>
      </c>
      <c r="MG37" s="120">
        <v>0</v>
      </c>
      <c r="MH37" s="145"/>
      <c r="MI37" s="119">
        <v>229592</v>
      </c>
      <c r="MJ37" s="119">
        <v>0</v>
      </c>
      <c r="MK37" s="119">
        <v>269300</v>
      </c>
      <c r="ML37" s="119">
        <v>723455</v>
      </c>
      <c r="MM37" s="119">
        <v>589775</v>
      </c>
      <c r="MN37" s="120">
        <v>1812122</v>
      </c>
      <c r="MO37" s="143">
        <v>1812122</v>
      </c>
      <c r="MP37" s="142">
        <v>0</v>
      </c>
      <c r="MQ37" s="119">
        <v>0</v>
      </c>
      <c r="MR37" s="120">
        <v>0</v>
      </c>
      <c r="MS37" s="145"/>
      <c r="MT37" s="119">
        <v>0</v>
      </c>
      <c r="MU37" s="119">
        <v>0</v>
      </c>
      <c r="MV37" s="119">
        <v>0</v>
      </c>
      <c r="MW37" s="119">
        <v>506647</v>
      </c>
      <c r="MX37" s="119">
        <v>277488</v>
      </c>
      <c r="MY37" s="120">
        <v>784135</v>
      </c>
      <c r="MZ37" s="143">
        <v>784135</v>
      </c>
      <c r="NA37" s="142">
        <v>0</v>
      </c>
      <c r="NB37" s="119">
        <v>0</v>
      </c>
      <c r="NC37" s="120">
        <v>0</v>
      </c>
      <c r="ND37" s="145"/>
      <c r="NE37" s="119">
        <v>229592</v>
      </c>
      <c r="NF37" s="119">
        <v>0</v>
      </c>
      <c r="NG37" s="119">
        <v>269300</v>
      </c>
      <c r="NH37" s="119">
        <v>0</v>
      </c>
      <c r="NI37" s="119">
        <v>312287</v>
      </c>
      <c r="NJ37" s="120">
        <v>811179</v>
      </c>
      <c r="NK37" s="321">
        <v>811179</v>
      </c>
      <c r="NL37" s="142">
        <v>0</v>
      </c>
      <c r="NM37" s="119">
        <v>0</v>
      </c>
      <c r="NN37" s="120">
        <v>0</v>
      </c>
      <c r="NO37" s="145"/>
      <c r="NP37" s="119">
        <v>0</v>
      </c>
      <c r="NQ37" s="119">
        <v>0</v>
      </c>
      <c r="NR37" s="119">
        <v>0</v>
      </c>
      <c r="NS37" s="119">
        <v>0</v>
      </c>
      <c r="NT37" s="119">
        <v>0</v>
      </c>
      <c r="NU37" s="120">
        <v>0</v>
      </c>
      <c r="NV37" s="121">
        <v>0</v>
      </c>
      <c r="NW37" s="142">
        <v>0</v>
      </c>
      <c r="NX37" s="119">
        <v>0</v>
      </c>
      <c r="NY37" s="120">
        <v>0</v>
      </c>
      <c r="NZ37" s="145"/>
      <c r="OA37" s="119">
        <v>0</v>
      </c>
      <c r="OB37" s="119">
        <v>0</v>
      </c>
      <c r="OC37" s="119">
        <v>0</v>
      </c>
      <c r="OD37" s="119">
        <v>216808</v>
      </c>
      <c r="OE37" s="119">
        <v>0</v>
      </c>
      <c r="OF37" s="120">
        <v>216808</v>
      </c>
      <c r="OG37" s="121">
        <v>216808</v>
      </c>
      <c r="OH37" s="142">
        <v>0</v>
      </c>
      <c r="OI37" s="119">
        <v>111264</v>
      </c>
      <c r="OJ37" s="141">
        <v>111264</v>
      </c>
      <c r="OK37" s="118">
        <v>0</v>
      </c>
      <c r="OL37" s="119">
        <v>769374</v>
      </c>
      <c r="OM37" s="119">
        <v>808832</v>
      </c>
      <c r="ON37" s="119">
        <v>1383566</v>
      </c>
      <c r="OO37" s="119">
        <v>1788985</v>
      </c>
      <c r="OP37" s="119">
        <v>763503</v>
      </c>
      <c r="OQ37" s="120">
        <v>5514260</v>
      </c>
      <c r="OR37" s="143">
        <v>5625524</v>
      </c>
    </row>
    <row r="38" spans="1:408" ht="20.25" customHeight="1" x14ac:dyDescent="0.2">
      <c r="A38" s="126" t="s">
        <v>33</v>
      </c>
      <c r="B38" s="110">
        <v>94896</v>
      </c>
      <c r="C38" s="114">
        <v>63069</v>
      </c>
      <c r="D38" s="113">
        <v>157965</v>
      </c>
      <c r="E38" s="109">
        <v>0</v>
      </c>
      <c r="F38" s="114">
        <v>160339</v>
      </c>
      <c r="G38" s="114">
        <v>155350</v>
      </c>
      <c r="H38" s="114">
        <v>0</v>
      </c>
      <c r="I38" s="114">
        <v>0</v>
      </c>
      <c r="J38" s="114">
        <v>0</v>
      </c>
      <c r="K38" s="173">
        <v>315689</v>
      </c>
      <c r="L38" s="116">
        <v>473654</v>
      </c>
      <c r="M38" s="110">
        <v>70708</v>
      </c>
      <c r="N38" s="114">
        <v>63069</v>
      </c>
      <c r="O38" s="113">
        <v>133777</v>
      </c>
      <c r="P38" s="110">
        <v>0</v>
      </c>
      <c r="Q38" s="114">
        <v>110308</v>
      </c>
      <c r="R38" s="114">
        <v>0</v>
      </c>
      <c r="S38" s="114">
        <v>0</v>
      </c>
      <c r="T38" s="114">
        <v>0</v>
      </c>
      <c r="U38" s="114">
        <v>0</v>
      </c>
      <c r="V38" s="113">
        <v>110308</v>
      </c>
      <c r="W38" s="116">
        <v>244085</v>
      </c>
      <c r="X38" s="110">
        <v>0</v>
      </c>
      <c r="Y38" s="114">
        <v>0</v>
      </c>
      <c r="Z38" s="113">
        <v>0</v>
      </c>
      <c r="AA38" s="110">
        <v>0</v>
      </c>
      <c r="AB38" s="114">
        <v>10111</v>
      </c>
      <c r="AC38" s="114">
        <v>0</v>
      </c>
      <c r="AD38" s="114">
        <v>0</v>
      </c>
      <c r="AE38" s="114">
        <v>0</v>
      </c>
      <c r="AF38" s="114">
        <v>0</v>
      </c>
      <c r="AG38" s="113">
        <v>10111</v>
      </c>
      <c r="AH38" s="116">
        <v>10111</v>
      </c>
      <c r="AI38" s="110">
        <v>0</v>
      </c>
      <c r="AJ38" s="114">
        <v>0</v>
      </c>
      <c r="AK38" s="113">
        <v>0</v>
      </c>
      <c r="AL38" s="110">
        <v>0</v>
      </c>
      <c r="AM38" s="114">
        <v>0</v>
      </c>
      <c r="AN38" s="114">
        <v>0</v>
      </c>
      <c r="AO38" s="114">
        <v>0</v>
      </c>
      <c r="AP38" s="114">
        <v>0</v>
      </c>
      <c r="AQ38" s="114">
        <v>0</v>
      </c>
      <c r="AR38" s="113">
        <v>0</v>
      </c>
      <c r="AS38" s="116">
        <v>0</v>
      </c>
      <c r="AT38" s="110">
        <v>0</v>
      </c>
      <c r="AU38" s="114">
        <v>0</v>
      </c>
      <c r="AV38" s="113">
        <v>0</v>
      </c>
      <c r="AW38" s="110">
        <v>0</v>
      </c>
      <c r="AX38" s="114">
        <v>87157</v>
      </c>
      <c r="AY38" s="114">
        <v>0</v>
      </c>
      <c r="AZ38" s="114">
        <v>0</v>
      </c>
      <c r="BA38" s="114">
        <v>0</v>
      </c>
      <c r="BB38" s="114">
        <v>0</v>
      </c>
      <c r="BC38" s="113">
        <v>87157</v>
      </c>
      <c r="BD38" s="116">
        <v>87157</v>
      </c>
      <c r="BE38" s="110">
        <v>70708</v>
      </c>
      <c r="BF38" s="114">
        <v>63069</v>
      </c>
      <c r="BG38" s="112">
        <v>133777</v>
      </c>
      <c r="BH38" s="111">
        <v>0</v>
      </c>
      <c r="BI38" s="114">
        <v>0</v>
      </c>
      <c r="BJ38" s="114">
        <v>0</v>
      </c>
      <c r="BK38" s="114">
        <v>0</v>
      </c>
      <c r="BL38" s="114">
        <v>0</v>
      </c>
      <c r="BM38" s="114">
        <v>0</v>
      </c>
      <c r="BN38" s="113">
        <v>0</v>
      </c>
      <c r="BO38" s="116">
        <v>133777</v>
      </c>
      <c r="BP38" s="110">
        <v>0</v>
      </c>
      <c r="BQ38" s="114">
        <v>0</v>
      </c>
      <c r="BR38" s="113">
        <v>0</v>
      </c>
      <c r="BS38" s="110">
        <v>0</v>
      </c>
      <c r="BT38" s="114">
        <v>13040</v>
      </c>
      <c r="BU38" s="114">
        <v>0</v>
      </c>
      <c r="BV38" s="114">
        <v>0</v>
      </c>
      <c r="BW38" s="114">
        <v>0</v>
      </c>
      <c r="BX38" s="114">
        <v>0</v>
      </c>
      <c r="BY38" s="113">
        <v>13040</v>
      </c>
      <c r="BZ38" s="116">
        <v>13040</v>
      </c>
      <c r="CA38" s="110">
        <v>21788</v>
      </c>
      <c r="CB38" s="114">
        <v>0</v>
      </c>
      <c r="CC38" s="113">
        <v>21788</v>
      </c>
      <c r="CD38" s="110">
        <v>0</v>
      </c>
      <c r="CE38" s="114">
        <v>12431</v>
      </c>
      <c r="CF38" s="114">
        <v>82847</v>
      </c>
      <c r="CG38" s="114">
        <v>0</v>
      </c>
      <c r="CH38" s="114">
        <v>0</v>
      </c>
      <c r="CI38" s="114">
        <v>0</v>
      </c>
      <c r="CJ38" s="113">
        <v>95278</v>
      </c>
      <c r="CK38" s="116">
        <v>117066</v>
      </c>
      <c r="CL38" s="110">
        <v>0</v>
      </c>
      <c r="CM38" s="114">
        <v>0</v>
      </c>
      <c r="CN38" s="113">
        <v>0</v>
      </c>
      <c r="CO38" s="111">
        <v>0</v>
      </c>
      <c r="CP38" s="114">
        <v>0</v>
      </c>
      <c r="CQ38" s="114">
        <v>0</v>
      </c>
      <c r="CR38" s="114">
        <v>0</v>
      </c>
      <c r="CS38" s="114">
        <v>0</v>
      </c>
      <c r="CT38" s="114">
        <v>0</v>
      </c>
      <c r="CU38" s="113">
        <v>0</v>
      </c>
      <c r="CV38" s="116">
        <v>0</v>
      </c>
      <c r="CW38" s="110">
        <v>21788</v>
      </c>
      <c r="CX38" s="114">
        <v>0</v>
      </c>
      <c r="CY38" s="113">
        <v>21788</v>
      </c>
      <c r="CZ38" s="110">
        <v>0</v>
      </c>
      <c r="DA38" s="114">
        <v>12431</v>
      </c>
      <c r="DB38" s="114">
        <v>82847</v>
      </c>
      <c r="DC38" s="114">
        <v>0</v>
      </c>
      <c r="DD38" s="114">
        <v>0</v>
      </c>
      <c r="DE38" s="114">
        <v>0</v>
      </c>
      <c r="DF38" s="113">
        <v>95278</v>
      </c>
      <c r="DG38" s="116">
        <v>117066</v>
      </c>
      <c r="DH38" s="110">
        <v>0</v>
      </c>
      <c r="DI38" s="114">
        <v>0</v>
      </c>
      <c r="DJ38" s="112">
        <v>0</v>
      </c>
      <c r="DK38" s="111">
        <v>0</v>
      </c>
      <c r="DL38" s="114">
        <v>0</v>
      </c>
      <c r="DM38" s="114">
        <v>63703</v>
      </c>
      <c r="DN38" s="114">
        <v>0</v>
      </c>
      <c r="DO38" s="114">
        <v>0</v>
      </c>
      <c r="DP38" s="114">
        <v>0</v>
      </c>
      <c r="DQ38" s="113">
        <v>63703</v>
      </c>
      <c r="DR38" s="116">
        <v>63703</v>
      </c>
      <c r="DS38" s="110">
        <v>0</v>
      </c>
      <c r="DT38" s="114">
        <v>0</v>
      </c>
      <c r="DU38" s="113">
        <v>0</v>
      </c>
      <c r="DV38" s="110">
        <v>0</v>
      </c>
      <c r="DW38" s="114">
        <v>0</v>
      </c>
      <c r="DX38" s="114">
        <v>0</v>
      </c>
      <c r="DY38" s="114">
        <v>0</v>
      </c>
      <c r="DZ38" s="114">
        <v>0</v>
      </c>
      <c r="EA38" s="114">
        <v>0</v>
      </c>
      <c r="EB38" s="113">
        <v>0</v>
      </c>
      <c r="EC38" s="116">
        <v>0</v>
      </c>
      <c r="ED38" s="110">
        <v>0</v>
      </c>
      <c r="EE38" s="112">
        <v>0</v>
      </c>
      <c r="EF38" s="113">
        <v>0</v>
      </c>
      <c r="EG38" s="110">
        <v>0</v>
      </c>
      <c r="EH38" s="114">
        <v>0</v>
      </c>
      <c r="EI38" s="114">
        <v>63703</v>
      </c>
      <c r="EJ38" s="114">
        <v>0</v>
      </c>
      <c r="EK38" s="114">
        <v>0</v>
      </c>
      <c r="EL38" s="114">
        <v>0</v>
      </c>
      <c r="EM38" s="112">
        <v>63703</v>
      </c>
      <c r="EN38" s="116">
        <v>63703</v>
      </c>
      <c r="EO38" s="110">
        <v>0</v>
      </c>
      <c r="EP38" s="114">
        <v>0</v>
      </c>
      <c r="EQ38" s="112">
        <v>0</v>
      </c>
      <c r="ER38" s="111">
        <v>0</v>
      </c>
      <c r="ES38" s="114">
        <v>0</v>
      </c>
      <c r="ET38" s="114">
        <v>0</v>
      </c>
      <c r="EU38" s="114">
        <v>0</v>
      </c>
      <c r="EV38" s="114">
        <v>0</v>
      </c>
      <c r="EW38" s="114">
        <v>0</v>
      </c>
      <c r="EX38" s="113">
        <v>0</v>
      </c>
      <c r="EY38" s="116">
        <v>0</v>
      </c>
      <c r="EZ38" s="110">
        <v>0</v>
      </c>
      <c r="FA38" s="114">
        <v>0</v>
      </c>
      <c r="FB38" s="112">
        <v>0</v>
      </c>
      <c r="FC38" s="348"/>
      <c r="FD38" s="114">
        <v>0</v>
      </c>
      <c r="FE38" s="114">
        <v>0</v>
      </c>
      <c r="FF38" s="114">
        <v>0</v>
      </c>
      <c r="FG38" s="114">
        <v>0</v>
      </c>
      <c r="FH38" s="114">
        <v>0</v>
      </c>
      <c r="FI38" s="113">
        <v>0</v>
      </c>
      <c r="FJ38" s="116">
        <v>0</v>
      </c>
      <c r="FK38" s="110">
        <v>2400</v>
      </c>
      <c r="FL38" s="114">
        <v>0</v>
      </c>
      <c r="FM38" s="113">
        <v>2400</v>
      </c>
      <c r="FN38" s="110">
        <v>0</v>
      </c>
      <c r="FO38" s="114">
        <v>37600</v>
      </c>
      <c r="FP38" s="114">
        <v>8800</v>
      </c>
      <c r="FQ38" s="114">
        <v>0</v>
      </c>
      <c r="FR38" s="114">
        <v>0</v>
      </c>
      <c r="FS38" s="114">
        <v>0</v>
      </c>
      <c r="FT38" s="113">
        <v>46400</v>
      </c>
      <c r="FU38" s="116">
        <v>48800</v>
      </c>
      <c r="FV38" s="115">
        <v>2400</v>
      </c>
      <c r="FW38" s="114">
        <v>0</v>
      </c>
      <c r="FX38" s="112">
        <v>2400</v>
      </c>
      <c r="FY38" s="111">
        <v>0</v>
      </c>
      <c r="FZ38" s="114">
        <v>37600</v>
      </c>
      <c r="GA38" s="114">
        <v>8800</v>
      </c>
      <c r="GB38" s="114">
        <v>0</v>
      </c>
      <c r="GC38" s="114">
        <v>0</v>
      </c>
      <c r="GD38" s="114">
        <v>0</v>
      </c>
      <c r="GE38" s="113">
        <v>46400</v>
      </c>
      <c r="GF38" s="319">
        <v>48800</v>
      </c>
      <c r="GG38" s="115">
        <v>0</v>
      </c>
      <c r="GH38" s="114">
        <v>0</v>
      </c>
      <c r="GI38" s="112">
        <v>0</v>
      </c>
      <c r="GJ38" s="111">
        <v>0</v>
      </c>
      <c r="GK38" s="114">
        <v>0</v>
      </c>
      <c r="GL38" s="114">
        <v>0</v>
      </c>
      <c r="GM38" s="114">
        <v>0</v>
      </c>
      <c r="GN38" s="114">
        <v>0</v>
      </c>
      <c r="GO38" s="114">
        <v>0</v>
      </c>
      <c r="GP38" s="113">
        <v>0</v>
      </c>
      <c r="GQ38" s="116">
        <v>0</v>
      </c>
      <c r="GR38" s="110">
        <v>0</v>
      </c>
      <c r="GS38" s="114">
        <v>0</v>
      </c>
      <c r="GT38" s="113">
        <v>0</v>
      </c>
      <c r="GU38" s="110">
        <v>0</v>
      </c>
      <c r="GV38" s="114">
        <v>0</v>
      </c>
      <c r="GW38" s="114">
        <v>0</v>
      </c>
      <c r="GX38" s="114">
        <v>0</v>
      </c>
      <c r="GY38" s="114">
        <v>0</v>
      </c>
      <c r="GZ38" s="114">
        <v>0</v>
      </c>
      <c r="HA38" s="112">
        <v>0</v>
      </c>
      <c r="HB38" s="116">
        <v>0</v>
      </c>
      <c r="HC38" s="110">
        <v>0</v>
      </c>
      <c r="HD38" s="114">
        <v>0</v>
      </c>
      <c r="HE38" s="112">
        <v>0</v>
      </c>
      <c r="HF38" s="111">
        <v>0</v>
      </c>
      <c r="HG38" s="114">
        <v>0</v>
      </c>
      <c r="HH38" s="114">
        <v>0</v>
      </c>
      <c r="HI38" s="114">
        <v>0</v>
      </c>
      <c r="HJ38" s="114">
        <v>0</v>
      </c>
      <c r="HK38" s="114">
        <v>0</v>
      </c>
      <c r="HL38" s="113">
        <v>0</v>
      </c>
      <c r="HM38" s="109">
        <v>0</v>
      </c>
      <c r="HN38" s="329"/>
      <c r="HO38" s="330"/>
      <c r="HP38" s="331"/>
      <c r="HQ38" s="332"/>
      <c r="HR38" s="330"/>
      <c r="HS38" s="330"/>
      <c r="HT38" s="330"/>
      <c r="HU38" s="330"/>
      <c r="HV38" s="330"/>
      <c r="HW38" s="333"/>
      <c r="HX38" s="334"/>
      <c r="HY38" s="150">
        <v>0</v>
      </c>
      <c r="HZ38" s="135">
        <v>0</v>
      </c>
      <c r="IA38" s="150">
        <v>0</v>
      </c>
      <c r="IB38" s="146">
        <v>0</v>
      </c>
      <c r="IC38" s="132">
        <v>180831</v>
      </c>
      <c r="ID38" s="147">
        <v>0</v>
      </c>
      <c r="IE38" s="133">
        <v>242848</v>
      </c>
      <c r="IF38" s="132">
        <v>0</v>
      </c>
      <c r="IG38" s="133">
        <v>0</v>
      </c>
      <c r="IH38" s="148">
        <v>423679</v>
      </c>
      <c r="II38" s="150">
        <v>423679</v>
      </c>
      <c r="IJ38" s="232">
        <v>0</v>
      </c>
      <c r="IK38" s="236">
        <v>0</v>
      </c>
      <c r="IL38" s="237">
        <v>0</v>
      </c>
      <c r="IM38" s="140"/>
      <c r="IN38" s="119">
        <v>0</v>
      </c>
      <c r="IO38" s="119">
        <v>0</v>
      </c>
      <c r="IP38" s="119">
        <v>0</v>
      </c>
      <c r="IQ38" s="119">
        <v>0</v>
      </c>
      <c r="IR38" s="119">
        <v>0</v>
      </c>
      <c r="IS38" s="141">
        <v>0</v>
      </c>
      <c r="IT38" s="321">
        <v>0</v>
      </c>
      <c r="IU38" s="142">
        <v>0</v>
      </c>
      <c r="IV38" s="119">
        <v>0</v>
      </c>
      <c r="IW38" s="120">
        <v>0</v>
      </c>
      <c r="IX38" s="144"/>
      <c r="IY38" s="119">
        <v>0</v>
      </c>
      <c r="IZ38" s="119">
        <v>0</v>
      </c>
      <c r="JA38" s="119">
        <v>0</v>
      </c>
      <c r="JB38" s="119">
        <v>0</v>
      </c>
      <c r="JC38" s="119">
        <v>0</v>
      </c>
      <c r="JD38" s="120">
        <v>0</v>
      </c>
      <c r="JE38" s="121">
        <v>0</v>
      </c>
      <c r="JF38" s="142">
        <v>0</v>
      </c>
      <c r="JG38" s="119">
        <v>0</v>
      </c>
      <c r="JH38" s="141">
        <v>0</v>
      </c>
      <c r="JI38" s="118">
        <v>0</v>
      </c>
      <c r="JJ38" s="119">
        <v>34937</v>
      </c>
      <c r="JK38" s="119">
        <v>0</v>
      </c>
      <c r="JL38" s="119">
        <v>0</v>
      </c>
      <c r="JM38" s="119">
        <v>0</v>
      </c>
      <c r="JN38" s="119">
        <v>0</v>
      </c>
      <c r="JO38" s="120">
        <v>34937</v>
      </c>
      <c r="JP38" s="321">
        <v>34937</v>
      </c>
      <c r="JQ38" s="142">
        <v>0</v>
      </c>
      <c r="JR38" s="119">
        <v>0</v>
      </c>
      <c r="JS38" s="141">
        <v>0</v>
      </c>
      <c r="JT38" s="118">
        <v>0</v>
      </c>
      <c r="JU38" s="119">
        <v>0</v>
      </c>
      <c r="JV38" s="119">
        <v>0</v>
      </c>
      <c r="JW38" s="119">
        <v>0</v>
      </c>
      <c r="JX38" s="119">
        <v>0</v>
      </c>
      <c r="JY38" s="119">
        <v>0</v>
      </c>
      <c r="JZ38" s="120">
        <v>0</v>
      </c>
      <c r="KA38" s="321">
        <v>0</v>
      </c>
      <c r="KB38" s="234">
        <v>0</v>
      </c>
      <c r="KC38" s="230">
        <v>0</v>
      </c>
      <c r="KD38" s="120">
        <v>0</v>
      </c>
      <c r="KE38" s="118">
        <v>0</v>
      </c>
      <c r="KF38" s="119">
        <v>0</v>
      </c>
      <c r="KG38" s="119">
        <v>0</v>
      </c>
      <c r="KH38" s="119">
        <v>0</v>
      </c>
      <c r="KI38" s="119">
        <v>0</v>
      </c>
      <c r="KJ38" s="119">
        <v>0</v>
      </c>
      <c r="KK38" s="120">
        <v>0</v>
      </c>
      <c r="KL38" s="143">
        <v>0</v>
      </c>
      <c r="KM38" s="232">
        <v>0</v>
      </c>
      <c r="KN38" s="236">
        <v>0</v>
      </c>
      <c r="KO38" s="237">
        <v>0</v>
      </c>
      <c r="KP38" s="140"/>
      <c r="KQ38" s="119">
        <v>0</v>
      </c>
      <c r="KR38" s="119">
        <v>0</v>
      </c>
      <c r="KS38" s="119">
        <v>242848</v>
      </c>
      <c r="KT38" s="119">
        <v>0</v>
      </c>
      <c r="KU38" s="119">
        <v>0</v>
      </c>
      <c r="KV38" s="120">
        <v>242848</v>
      </c>
      <c r="KW38" s="321">
        <v>242848</v>
      </c>
      <c r="KX38" s="142">
        <v>0</v>
      </c>
      <c r="KY38" s="119">
        <v>0</v>
      </c>
      <c r="KZ38" s="120">
        <v>0</v>
      </c>
      <c r="LA38" s="145"/>
      <c r="LB38" s="119">
        <v>0</v>
      </c>
      <c r="LC38" s="119">
        <v>0</v>
      </c>
      <c r="LD38" s="119">
        <v>0</v>
      </c>
      <c r="LE38" s="119">
        <v>0</v>
      </c>
      <c r="LF38" s="119">
        <v>0</v>
      </c>
      <c r="LG38" s="120">
        <v>0</v>
      </c>
      <c r="LH38" s="121">
        <v>0</v>
      </c>
      <c r="LI38" s="142">
        <v>0</v>
      </c>
      <c r="LJ38" s="119">
        <v>0</v>
      </c>
      <c r="LK38" s="120">
        <v>0</v>
      </c>
      <c r="LL38" s="145"/>
      <c r="LM38" s="119">
        <v>0</v>
      </c>
      <c r="LN38" s="119">
        <v>0</v>
      </c>
      <c r="LO38" s="119">
        <v>0</v>
      </c>
      <c r="LP38" s="119">
        <v>0</v>
      </c>
      <c r="LQ38" s="119">
        <v>0</v>
      </c>
      <c r="LR38" s="120">
        <v>0</v>
      </c>
      <c r="LS38" s="321">
        <v>0</v>
      </c>
      <c r="LT38" s="142">
        <v>0</v>
      </c>
      <c r="LU38" s="119">
        <v>0</v>
      </c>
      <c r="LV38" s="120">
        <v>0</v>
      </c>
      <c r="LW38" s="145"/>
      <c r="LX38" s="119">
        <v>145894</v>
      </c>
      <c r="LY38" s="119">
        <v>0</v>
      </c>
      <c r="LZ38" s="119">
        <v>0</v>
      </c>
      <c r="MA38" s="119">
        <v>0</v>
      </c>
      <c r="MB38" s="119">
        <v>0</v>
      </c>
      <c r="MC38" s="120">
        <v>145894</v>
      </c>
      <c r="MD38" s="121">
        <v>145894</v>
      </c>
      <c r="ME38" s="142">
        <v>0</v>
      </c>
      <c r="MF38" s="119">
        <v>0</v>
      </c>
      <c r="MG38" s="120">
        <v>0</v>
      </c>
      <c r="MH38" s="145"/>
      <c r="MI38" s="119">
        <v>284600</v>
      </c>
      <c r="MJ38" s="119">
        <v>0</v>
      </c>
      <c r="MK38" s="119">
        <v>314180</v>
      </c>
      <c r="ML38" s="119">
        <v>341428</v>
      </c>
      <c r="MM38" s="119">
        <v>305765</v>
      </c>
      <c r="MN38" s="120">
        <v>1245973</v>
      </c>
      <c r="MO38" s="143">
        <v>1245973</v>
      </c>
      <c r="MP38" s="142">
        <v>0</v>
      </c>
      <c r="MQ38" s="119">
        <v>0</v>
      </c>
      <c r="MR38" s="120">
        <v>0</v>
      </c>
      <c r="MS38" s="145"/>
      <c r="MT38" s="119">
        <v>0</v>
      </c>
      <c r="MU38" s="119">
        <v>0</v>
      </c>
      <c r="MV38" s="119">
        <v>0</v>
      </c>
      <c r="MW38" s="119">
        <v>0</v>
      </c>
      <c r="MX38" s="119">
        <v>0</v>
      </c>
      <c r="MY38" s="120">
        <v>0</v>
      </c>
      <c r="MZ38" s="143">
        <v>0</v>
      </c>
      <c r="NA38" s="142">
        <v>0</v>
      </c>
      <c r="NB38" s="119">
        <v>0</v>
      </c>
      <c r="NC38" s="120">
        <v>0</v>
      </c>
      <c r="ND38" s="145"/>
      <c r="NE38" s="119">
        <v>284600</v>
      </c>
      <c r="NF38" s="119">
        <v>0</v>
      </c>
      <c r="NG38" s="119">
        <v>0</v>
      </c>
      <c r="NH38" s="119">
        <v>0</v>
      </c>
      <c r="NI38" s="119">
        <v>305765</v>
      </c>
      <c r="NJ38" s="120">
        <v>590365</v>
      </c>
      <c r="NK38" s="321">
        <v>590365</v>
      </c>
      <c r="NL38" s="142">
        <v>0</v>
      </c>
      <c r="NM38" s="119">
        <v>0</v>
      </c>
      <c r="NN38" s="120">
        <v>0</v>
      </c>
      <c r="NO38" s="145"/>
      <c r="NP38" s="119">
        <v>0</v>
      </c>
      <c r="NQ38" s="119">
        <v>0</v>
      </c>
      <c r="NR38" s="119">
        <v>0</v>
      </c>
      <c r="NS38" s="119">
        <v>0</v>
      </c>
      <c r="NT38" s="119">
        <v>0</v>
      </c>
      <c r="NU38" s="120">
        <v>0</v>
      </c>
      <c r="NV38" s="121">
        <v>0</v>
      </c>
      <c r="NW38" s="142">
        <v>0</v>
      </c>
      <c r="NX38" s="119">
        <v>0</v>
      </c>
      <c r="NY38" s="120">
        <v>0</v>
      </c>
      <c r="NZ38" s="145"/>
      <c r="OA38" s="119">
        <v>0</v>
      </c>
      <c r="OB38" s="119">
        <v>0</v>
      </c>
      <c r="OC38" s="119">
        <v>314180</v>
      </c>
      <c r="OD38" s="119">
        <v>341428</v>
      </c>
      <c r="OE38" s="119">
        <v>0</v>
      </c>
      <c r="OF38" s="120">
        <v>655608</v>
      </c>
      <c r="OG38" s="121">
        <v>655608</v>
      </c>
      <c r="OH38" s="142">
        <v>94896</v>
      </c>
      <c r="OI38" s="119">
        <v>63069</v>
      </c>
      <c r="OJ38" s="141">
        <v>157965</v>
      </c>
      <c r="OK38" s="118">
        <v>0</v>
      </c>
      <c r="OL38" s="119">
        <v>625770</v>
      </c>
      <c r="OM38" s="119">
        <v>155350</v>
      </c>
      <c r="ON38" s="119">
        <v>557028</v>
      </c>
      <c r="OO38" s="119">
        <v>341428</v>
      </c>
      <c r="OP38" s="119">
        <v>305765</v>
      </c>
      <c r="OQ38" s="120">
        <v>1985341</v>
      </c>
      <c r="OR38" s="143">
        <v>2143306</v>
      </c>
    </row>
    <row r="39" spans="1:408" ht="20.25" customHeight="1" x14ac:dyDescent="0.2">
      <c r="A39" s="126" t="s">
        <v>34</v>
      </c>
      <c r="B39" s="110">
        <v>0</v>
      </c>
      <c r="C39" s="114">
        <v>26240</v>
      </c>
      <c r="D39" s="174">
        <v>26240</v>
      </c>
      <c r="E39" s="175">
        <v>0</v>
      </c>
      <c r="F39" s="176">
        <v>318743</v>
      </c>
      <c r="G39" s="176">
        <v>349322</v>
      </c>
      <c r="H39" s="176">
        <v>280736</v>
      </c>
      <c r="I39" s="176">
        <v>0</v>
      </c>
      <c r="J39" s="176">
        <v>242160</v>
      </c>
      <c r="K39" s="177">
        <v>1190961</v>
      </c>
      <c r="L39" s="116">
        <v>1217201</v>
      </c>
      <c r="M39" s="110">
        <v>0</v>
      </c>
      <c r="N39" s="114">
        <v>26240</v>
      </c>
      <c r="O39" s="113">
        <v>26240</v>
      </c>
      <c r="P39" s="110">
        <v>0</v>
      </c>
      <c r="Q39" s="114">
        <v>54928</v>
      </c>
      <c r="R39" s="114">
        <v>107546</v>
      </c>
      <c r="S39" s="114">
        <v>32928</v>
      </c>
      <c r="T39" s="114">
        <v>0</v>
      </c>
      <c r="U39" s="114">
        <v>4144</v>
      </c>
      <c r="V39" s="113">
        <v>199546</v>
      </c>
      <c r="W39" s="116">
        <v>225786</v>
      </c>
      <c r="X39" s="110">
        <v>0</v>
      </c>
      <c r="Y39" s="114">
        <v>0</v>
      </c>
      <c r="Z39" s="113">
        <v>0</v>
      </c>
      <c r="AA39" s="110">
        <v>0</v>
      </c>
      <c r="AB39" s="114">
        <v>36456</v>
      </c>
      <c r="AC39" s="114">
        <v>45170</v>
      </c>
      <c r="AD39" s="114">
        <v>4184</v>
      </c>
      <c r="AE39" s="114">
        <v>0</v>
      </c>
      <c r="AF39" s="114">
        <v>0</v>
      </c>
      <c r="AG39" s="113">
        <v>85810</v>
      </c>
      <c r="AH39" s="116">
        <v>85810</v>
      </c>
      <c r="AI39" s="110">
        <v>0</v>
      </c>
      <c r="AJ39" s="114">
        <v>0</v>
      </c>
      <c r="AK39" s="113">
        <v>0</v>
      </c>
      <c r="AL39" s="110">
        <v>0</v>
      </c>
      <c r="AM39" s="114">
        <v>0</v>
      </c>
      <c r="AN39" s="114">
        <v>0</v>
      </c>
      <c r="AO39" s="114">
        <v>0</v>
      </c>
      <c r="AP39" s="114">
        <v>0</v>
      </c>
      <c r="AQ39" s="114">
        <v>0</v>
      </c>
      <c r="AR39" s="113">
        <v>0</v>
      </c>
      <c r="AS39" s="116">
        <v>0</v>
      </c>
      <c r="AT39" s="110">
        <v>0</v>
      </c>
      <c r="AU39" s="114">
        <v>26240</v>
      </c>
      <c r="AV39" s="113">
        <v>26240</v>
      </c>
      <c r="AW39" s="110">
        <v>0</v>
      </c>
      <c r="AX39" s="114">
        <v>0</v>
      </c>
      <c r="AY39" s="114">
        <v>15040</v>
      </c>
      <c r="AZ39" s="114">
        <v>0</v>
      </c>
      <c r="BA39" s="114">
        <v>0</v>
      </c>
      <c r="BB39" s="114">
        <v>0</v>
      </c>
      <c r="BC39" s="113">
        <v>15040</v>
      </c>
      <c r="BD39" s="116">
        <v>41280</v>
      </c>
      <c r="BE39" s="110">
        <v>0</v>
      </c>
      <c r="BF39" s="114">
        <v>0</v>
      </c>
      <c r="BG39" s="112">
        <v>0</v>
      </c>
      <c r="BH39" s="111">
        <v>0</v>
      </c>
      <c r="BI39" s="114">
        <v>0</v>
      </c>
      <c r="BJ39" s="114">
        <v>42568</v>
      </c>
      <c r="BK39" s="114">
        <v>0</v>
      </c>
      <c r="BL39" s="114">
        <v>0</v>
      </c>
      <c r="BM39" s="114">
        <v>0</v>
      </c>
      <c r="BN39" s="113">
        <v>42568</v>
      </c>
      <c r="BO39" s="116">
        <v>42568</v>
      </c>
      <c r="BP39" s="110">
        <v>0</v>
      </c>
      <c r="BQ39" s="114">
        <v>0</v>
      </c>
      <c r="BR39" s="113">
        <v>0</v>
      </c>
      <c r="BS39" s="110">
        <v>0</v>
      </c>
      <c r="BT39" s="114">
        <v>18472</v>
      </c>
      <c r="BU39" s="114">
        <v>4768</v>
      </c>
      <c r="BV39" s="114">
        <v>28744</v>
      </c>
      <c r="BW39" s="114">
        <v>0</v>
      </c>
      <c r="BX39" s="114">
        <v>4144</v>
      </c>
      <c r="BY39" s="113">
        <v>56128</v>
      </c>
      <c r="BZ39" s="116">
        <v>56128</v>
      </c>
      <c r="CA39" s="110">
        <v>0</v>
      </c>
      <c r="CB39" s="114">
        <v>0</v>
      </c>
      <c r="CC39" s="113">
        <v>0</v>
      </c>
      <c r="CD39" s="110">
        <v>0</v>
      </c>
      <c r="CE39" s="114">
        <v>89752</v>
      </c>
      <c r="CF39" s="114">
        <v>231792</v>
      </c>
      <c r="CG39" s="114">
        <v>0</v>
      </c>
      <c r="CH39" s="114">
        <v>0</v>
      </c>
      <c r="CI39" s="114">
        <v>0</v>
      </c>
      <c r="CJ39" s="113">
        <v>321544</v>
      </c>
      <c r="CK39" s="116">
        <v>321544</v>
      </c>
      <c r="CL39" s="110">
        <v>0</v>
      </c>
      <c r="CM39" s="114">
        <v>0</v>
      </c>
      <c r="CN39" s="113">
        <v>0</v>
      </c>
      <c r="CO39" s="111">
        <v>0</v>
      </c>
      <c r="CP39" s="114">
        <v>47888</v>
      </c>
      <c r="CQ39" s="114">
        <v>161768</v>
      </c>
      <c r="CR39" s="114">
        <v>0</v>
      </c>
      <c r="CS39" s="114">
        <v>0</v>
      </c>
      <c r="CT39" s="114">
        <v>0</v>
      </c>
      <c r="CU39" s="113">
        <v>209656</v>
      </c>
      <c r="CV39" s="116">
        <v>209656</v>
      </c>
      <c r="CW39" s="110">
        <v>0</v>
      </c>
      <c r="CX39" s="114">
        <v>0</v>
      </c>
      <c r="CY39" s="113">
        <v>0</v>
      </c>
      <c r="CZ39" s="110">
        <v>0</v>
      </c>
      <c r="DA39" s="114">
        <v>41864</v>
      </c>
      <c r="DB39" s="114">
        <v>70024</v>
      </c>
      <c r="DC39" s="114">
        <v>0</v>
      </c>
      <c r="DD39" s="114">
        <v>0</v>
      </c>
      <c r="DE39" s="114">
        <v>0</v>
      </c>
      <c r="DF39" s="113">
        <v>111888</v>
      </c>
      <c r="DG39" s="116">
        <v>111888</v>
      </c>
      <c r="DH39" s="110">
        <v>0</v>
      </c>
      <c r="DI39" s="114">
        <v>0</v>
      </c>
      <c r="DJ39" s="112">
        <v>0</v>
      </c>
      <c r="DK39" s="111">
        <v>0</v>
      </c>
      <c r="DL39" s="114">
        <v>0</v>
      </c>
      <c r="DM39" s="114">
        <v>0</v>
      </c>
      <c r="DN39" s="114">
        <v>0</v>
      </c>
      <c r="DO39" s="114">
        <v>0</v>
      </c>
      <c r="DP39" s="114">
        <v>0</v>
      </c>
      <c r="DQ39" s="113">
        <v>0</v>
      </c>
      <c r="DR39" s="116">
        <v>0</v>
      </c>
      <c r="DS39" s="110">
        <v>0</v>
      </c>
      <c r="DT39" s="114">
        <v>0</v>
      </c>
      <c r="DU39" s="113">
        <v>0</v>
      </c>
      <c r="DV39" s="110">
        <v>0</v>
      </c>
      <c r="DW39" s="114">
        <v>0</v>
      </c>
      <c r="DX39" s="114">
        <v>0</v>
      </c>
      <c r="DY39" s="114">
        <v>0</v>
      </c>
      <c r="DZ39" s="114">
        <v>0</v>
      </c>
      <c r="EA39" s="114">
        <v>0</v>
      </c>
      <c r="EB39" s="113">
        <v>0</v>
      </c>
      <c r="EC39" s="116">
        <v>0</v>
      </c>
      <c r="ED39" s="110">
        <v>0</v>
      </c>
      <c r="EE39" s="112">
        <v>0</v>
      </c>
      <c r="EF39" s="113">
        <v>0</v>
      </c>
      <c r="EG39" s="110">
        <v>0</v>
      </c>
      <c r="EH39" s="114">
        <v>0</v>
      </c>
      <c r="EI39" s="114">
        <v>0</v>
      </c>
      <c r="EJ39" s="114">
        <v>0</v>
      </c>
      <c r="EK39" s="114">
        <v>0</v>
      </c>
      <c r="EL39" s="114">
        <v>0</v>
      </c>
      <c r="EM39" s="112">
        <v>0</v>
      </c>
      <c r="EN39" s="116">
        <v>0</v>
      </c>
      <c r="EO39" s="110">
        <v>0</v>
      </c>
      <c r="EP39" s="114">
        <v>0</v>
      </c>
      <c r="EQ39" s="112">
        <v>0</v>
      </c>
      <c r="ER39" s="111">
        <v>0</v>
      </c>
      <c r="ES39" s="114">
        <v>0</v>
      </c>
      <c r="ET39" s="114">
        <v>0</v>
      </c>
      <c r="EU39" s="114">
        <v>0</v>
      </c>
      <c r="EV39" s="114">
        <v>0</v>
      </c>
      <c r="EW39" s="114">
        <v>0</v>
      </c>
      <c r="EX39" s="113">
        <v>0</v>
      </c>
      <c r="EY39" s="116">
        <v>0</v>
      </c>
      <c r="EZ39" s="110">
        <v>0</v>
      </c>
      <c r="FA39" s="114">
        <v>0</v>
      </c>
      <c r="FB39" s="112">
        <v>0</v>
      </c>
      <c r="FC39" s="348"/>
      <c r="FD39" s="114">
        <v>0</v>
      </c>
      <c r="FE39" s="114">
        <v>0</v>
      </c>
      <c r="FF39" s="114">
        <v>0</v>
      </c>
      <c r="FG39" s="114">
        <v>0</v>
      </c>
      <c r="FH39" s="114">
        <v>0</v>
      </c>
      <c r="FI39" s="113">
        <v>0</v>
      </c>
      <c r="FJ39" s="116">
        <v>0</v>
      </c>
      <c r="FK39" s="110">
        <v>0</v>
      </c>
      <c r="FL39" s="114">
        <v>0</v>
      </c>
      <c r="FM39" s="113">
        <v>0</v>
      </c>
      <c r="FN39" s="110">
        <v>0</v>
      </c>
      <c r="FO39" s="114">
        <v>20800</v>
      </c>
      <c r="FP39" s="114">
        <v>9984</v>
      </c>
      <c r="FQ39" s="114">
        <v>62616</v>
      </c>
      <c r="FR39" s="114">
        <v>0</v>
      </c>
      <c r="FS39" s="114">
        <v>0</v>
      </c>
      <c r="FT39" s="113">
        <v>93400</v>
      </c>
      <c r="FU39" s="116">
        <v>93400</v>
      </c>
      <c r="FV39" s="115">
        <v>0</v>
      </c>
      <c r="FW39" s="114">
        <v>0</v>
      </c>
      <c r="FX39" s="112">
        <v>0</v>
      </c>
      <c r="FY39" s="111">
        <v>0</v>
      </c>
      <c r="FZ39" s="114">
        <v>20800</v>
      </c>
      <c r="GA39" s="114">
        <v>9984</v>
      </c>
      <c r="GB39" s="114">
        <v>62616</v>
      </c>
      <c r="GC39" s="114">
        <v>0</v>
      </c>
      <c r="GD39" s="114">
        <v>0</v>
      </c>
      <c r="GE39" s="113">
        <v>93400</v>
      </c>
      <c r="GF39" s="319">
        <v>93400</v>
      </c>
      <c r="GG39" s="115">
        <v>0</v>
      </c>
      <c r="GH39" s="114">
        <v>0</v>
      </c>
      <c r="GI39" s="112">
        <v>0</v>
      </c>
      <c r="GJ39" s="111">
        <v>0</v>
      </c>
      <c r="GK39" s="114">
        <v>0</v>
      </c>
      <c r="GL39" s="114">
        <v>0</v>
      </c>
      <c r="GM39" s="114">
        <v>0</v>
      </c>
      <c r="GN39" s="114">
        <v>0</v>
      </c>
      <c r="GO39" s="114">
        <v>0</v>
      </c>
      <c r="GP39" s="113">
        <v>0</v>
      </c>
      <c r="GQ39" s="116">
        <v>0</v>
      </c>
      <c r="GR39" s="110">
        <v>0</v>
      </c>
      <c r="GS39" s="114">
        <v>0</v>
      </c>
      <c r="GT39" s="113">
        <v>0</v>
      </c>
      <c r="GU39" s="110">
        <v>0</v>
      </c>
      <c r="GV39" s="114">
        <v>0</v>
      </c>
      <c r="GW39" s="114">
        <v>0</v>
      </c>
      <c r="GX39" s="114">
        <v>0</v>
      </c>
      <c r="GY39" s="114">
        <v>0</v>
      </c>
      <c r="GZ39" s="114">
        <v>0</v>
      </c>
      <c r="HA39" s="112">
        <v>0</v>
      </c>
      <c r="HB39" s="116">
        <v>0</v>
      </c>
      <c r="HC39" s="110">
        <v>0</v>
      </c>
      <c r="HD39" s="114">
        <v>0</v>
      </c>
      <c r="HE39" s="112">
        <v>0</v>
      </c>
      <c r="HF39" s="111">
        <v>0</v>
      </c>
      <c r="HG39" s="114">
        <v>153263</v>
      </c>
      <c r="HH39" s="114">
        <v>0</v>
      </c>
      <c r="HI39" s="114">
        <v>185192</v>
      </c>
      <c r="HJ39" s="114">
        <v>0</v>
      </c>
      <c r="HK39" s="114">
        <v>238016</v>
      </c>
      <c r="HL39" s="113">
        <v>576471</v>
      </c>
      <c r="HM39" s="109">
        <v>576471</v>
      </c>
      <c r="HN39" s="329"/>
      <c r="HO39" s="330"/>
      <c r="HP39" s="331"/>
      <c r="HQ39" s="332"/>
      <c r="HR39" s="330"/>
      <c r="HS39" s="330"/>
      <c r="HT39" s="330"/>
      <c r="HU39" s="330"/>
      <c r="HV39" s="330"/>
      <c r="HW39" s="333"/>
      <c r="HX39" s="334"/>
      <c r="HY39" s="131">
        <v>0</v>
      </c>
      <c r="HZ39" s="132">
        <v>0</v>
      </c>
      <c r="IA39" s="133">
        <v>0</v>
      </c>
      <c r="IB39" s="146">
        <v>0</v>
      </c>
      <c r="IC39" s="132">
        <v>282096</v>
      </c>
      <c r="ID39" s="147">
        <v>0</v>
      </c>
      <c r="IE39" s="133">
        <v>246008</v>
      </c>
      <c r="IF39" s="132">
        <v>0</v>
      </c>
      <c r="IG39" s="133">
        <v>0</v>
      </c>
      <c r="IH39" s="148">
        <v>528104</v>
      </c>
      <c r="II39" s="139">
        <v>528104</v>
      </c>
      <c r="IJ39" s="232">
        <v>0</v>
      </c>
      <c r="IK39" s="236">
        <v>0</v>
      </c>
      <c r="IL39" s="237">
        <v>0</v>
      </c>
      <c r="IM39" s="140"/>
      <c r="IN39" s="119">
        <v>0</v>
      </c>
      <c r="IO39" s="119">
        <v>0</v>
      </c>
      <c r="IP39" s="119">
        <v>0</v>
      </c>
      <c r="IQ39" s="119">
        <v>0</v>
      </c>
      <c r="IR39" s="119">
        <v>0</v>
      </c>
      <c r="IS39" s="141">
        <v>0</v>
      </c>
      <c r="IT39" s="321">
        <v>0</v>
      </c>
      <c r="IU39" s="142">
        <v>0</v>
      </c>
      <c r="IV39" s="119">
        <v>0</v>
      </c>
      <c r="IW39" s="120">
        <v>0</v>
      </c>
      <c r="IX39" s="144"/>
      <c r="IY39" s="119">
        <v>0</v>
      </c>
      <c r="IZ39" s="119">
        <v>0</v>
      </c>
      <c r="JA39" s="119">
        <v>0</v>
      </c>
      <c r="JB39" s="119">
        <v>0</v>
      </c>
      <c r="JC39" s="119">
        <v>0</v>
      </c>
      <c r="JD39" s="120">
        <v>0</v>
      </c>
      <c r="JE39" s="121">
        <v>0</v>
      </c>
      <c r="JF39" s="142">
        <v>0</v>
      </c>
      <c r="JG39" s="119">
        <v>0</v>
      </c>
      <c r="JH39" s="141">
        <v>0</v>
      </c>
      <c r="JI39" s="118">
        <v>0</v>
      </c>
      <c r="JJ39" s="119">
        <v>171384</v>
      </c>
      <c r="JK39" s="119">
        <v>0</v>
      </c>
      <c r="JL39" s="119">
        <v>0</v>
      </c>
      <c r="JM39" s="119">
        <v>0</v>
      </c>
      <c r="JN39" s="119">
        <v>0</v>
      </c>
      <c r="JO39" s="120">
        <v>171384</v>
      </c>
      <c r="JP39" s="321">
        <v>171384</v>
      </c>
      <c r="JQ39" s="142">
        <v>0</v>
      </c>
      <c r="JR39" s="119">
        <v>0</v>
      </c>
      <c r="JS39" s="141">
        <v>0</v>
      </c>
      <c r="JT39" s="118">
        <v>0</v>
      </c>
      <c r="JU39" s="119">
        <v>0</v>
      </c>
      <c r="JV39" s="119">
        <v>0</v>
      </c>
      <c r="JW39" s="119">
        <v>0</v>
      </c>
      <c r="JX39" s="119">
        <v>0</v>
      </c>
      <c r="JY39" s="119">
        <v>0</v>
      </c>
      <c r="JZ39" s="120">
        <v>0</v>
      </c>
      <c r="KA39" s="321">
        <v>0</v>
      </c>
      <c r="KB39" s="234">
        <v>0</v>
      </c>
      <c r="KC39" s="230">
        <v>0</v>
      </c>
      <c r="KD39" s="120">
        <v>0</v>
      </c>
      <c r="KE39" s="118">
        <v>0</v>
      </c>
      <c r="KF39" s="119">
        <v>110712</v>
      </c>
      <c r="KG39" s="119">
        <v>0</v>
      </c>
      <c r="KH39" s="119">
        <v>0</v>
      </c>
      <c r="KI39" s="119">
        <v>0</v>
      </c>
      <c r="KJ39" s="119">
        <v>0</v>
      </c>
      <c r="KK39" s="120">
        <v>110712</v>
      </c>
      <c r="KL39" s="143">
        <v>110712</v>
      </c>
      <c r="KM39" s="232">
        <v>0</v>
      </c>
      <c r="KN39" s="236">
        <v>0</v>
      </c>
      <c r="KO39" s="237">
        <v>0</v>
      </c>
      <c r="KP39" s="140"/>
      <c r="KQ39" s="119">
        <v>0</v>
      </c>
      <c r="KR39" s="119">
        <v>0</v>
      </c>
      <c r="KS39" s="119">
        <v>0</v>
      </c>
      <c r="KT39" s="119">
        <v>0</v>
      </c>
      <c r="KU39" s="119">
        <v>0</v>
      </c>
      <c r="KV39" s="120">
        <v>0</v>
      </c>
      <c r="KW39" s="321">
        <v>0</v>
      </c>
      <c r="KX39" s="142">
        <v>0</v>
      </c>
      <c r="KY39" s="119">
        <v>0</v>
      </c>
      <c r="KZ39" s="120">
        <v>0</v>
      </c>
      <c r="LA39" s="145"/>
      <c r="LB39" s="119">
        <v>0</v>
      </c>
      <c r="LC39" s="119">
        <v>0</v>
      </c>
      <c r="LD39" s="119">
        <v>0</v>
      </c>
      <c r="LE39" s="119">
        <v>0</v>
      </c>
      <c r="LF39" s="119">
        <v>0</v>
      </c>
      <c r="LG39" s="120">
        <v>0</v>
      </c>
      <c r="LH39" s="121">
        <v>0</v>
      </c>
      <c r="LI39" s="142">
        <v>0</v>
      </c>
      <c r="LJ39" s="119">
        <v>0</v>
      </c>
      <c r="LK39" s="120">
        <v>0</v>
      </c>
      <c r="LL39" s="145"/>
      <c r="LM39" s="119">
        <v>0</v>
      </c>
      <c r="LN39" s="119">
        <v>0</v>
      </c>
      <c r="LO39" s="119">
        <v>0</v>
      </c>
      <c r="LP39" s="119">
        <v>0</v>
      </c>
      <c r="LQ39" s="119">
        <v>0</v>
      </c>
      <c r="LR39" s="120">
        <v>0</v>
      </c>
      <c r="LS39" s="321">
        <v>0</v>
      </c>
      <c r="LT39" s="142">
        <v>0</v>
      </c>
      <c r="LU39" s="119">
        <v>0</v>
      </c>
      <c r="LV39" s="120">
        <v>0</v>
      </c>
      <c r="LW39" s="145"/>
      <c r="LX39" s="119">
        <v>0</v>
      </c>
      <c r="LY39" s="119">
        <v>0</v>
      </c>
      <c r="LZ39" s="119">
        <v>246008</v>
      </c>
      <c r="MA39" s="119">
        <v>0</v>
      </c>
      <c r="MB39" s="119">
        <v>0</v>
      </c>
      <c r="MC39" s="120">
        <v>246008</v>
      </c>
      <c r="MD39" s="121">
        <v>246008</v>
      </c>
      <c r="ME39" s="142">
        <v>0</v>
      </c>
      <c r="MF39" s="119">
        <v>0</v>
      </c>
      <c r="MG39" s="120">
        <v>0</v>
      </c>
      <c r="MH39" s="145"/>
      <c r="MI39" s="119">
        <v>0</v>
      </c>
      <c r="MJ39" s="119">
        <v>0</v>
      </c>
      <c r="MK39" s="119">
        <v>215272</v>
      </c>
      <c r="ML39" s="119">
        <v>0</v>
      </c>
      <c r="MM39" s="119">
        <v>0</v>
      </c>
      <c r="MN39" s="120">
        <v>215272</v>
      </c>
      <c r="MO39" s="143">
        <v>215272</v>
      </c>
      <c r="MP39" s="142">
        <v>0</v>
      </c>
      <c r="MQ39" s="119">
        <v>0</v>
      </c>
      <c r="MR39" s="120">
        <v>0</v>
      </c>
      <c r="MS39" s="145"/>
      <c r="MT39" s="119">
        <v>0</v>
      </c>
      <c r="MU39" s="119">
        <v>0</v>
      </c>
      <c r="MV39" s="119">
        <v>215272</v>
      </c>
      <c r="MW39" s="119">
        <v>0</v>
      </c>
      <c r="MX39" s="119">
        <v>0</v>
      </c>
      <c r="MY39" s="120">
        <v>215272</v>
      </c>
      <c r="MZ39" s="143">
        <v>215272</v>
      </c>
      <c r="NA39" s="142">
        <v>0</v>
      </c>
      <c r="NB39" s="119">
        <v>0</v>
      </c>
      <c r="NC39" s="120">
        <v>0</v>
      </c>
      <c r="ND39" s="145"/>
      <c r="NE39" s="119">
        <v>0</v>
      </c>
      <c r="NF39" s="119">
        <v>0</v>
      </c>
      <c r="NG39" s="119">
        <v>0</v>
      </c>
      <c r="NH39" s="119">
        <v>0</v>
      </c>
      <c r="NI39" s="119">
        <v>0</v>
      </c>
      <c r="NJ39" s="120">
        <v>0</v>
      </c>
      <c r="NK39" s="321">
        <v>0</v>
      </c>
      <c r="NL39" s="142">
        <v>0</v>
      </c>
      <c r="NM39" s="119">
        <v>0</v>
      </c>
      <c r="NN39" s="120">
        <v>0</v>
      </c>
      <c r="NO39" s="145"/>
      <c r="NP39" s="119">
        <v>0</v>
      </c>
      <c r="NQ39" s="119">
        <v>0</v>
      </c>
      <c r="NR39" s="119">
        <v>0</v>
      </c>
      <c r="NS39" s="119">
        <v>0</v>
      </c>
      <c r="NT39" s="119">
        <v>0</v>
      </c>
      <c r="NU39" s="120">
        <v>0</v>
      </c>
      <c r="NV39" s="121">
        <v>0</v>
      </c>
      <c r="NW39" s="142">
        <v>0</v>
      </c>
      <c r="NX39" s="119">
        <v>0</v>
      </c>
      <c r="NY39" s="120">
        <v>0</v>
      </c>
      <c r="NZ39" s="145"/>
      <c r="OA39" s="119">
        <v>0</v>
      </c>
      <c r="OB39" s="119">
        <v>0</v>
      </c>
      <c r="OC39" s="119">
        <v>0</v>
      </c>
      <c r="OD39" s="119">
        <v>0</v>
      </c>
      <c r="OE39" s="119">
        <v>0</v>
      </c>
      <c r="OF39" s="120">
        <v>0</v>
      </c>
      <c r="OG39" s="121">
        <v>0</v>
      </c>
      <c r="OH39" s="142">
        <v>0</v>
      </c>
      <c r="OI39" s="119">
        <v>26240</v>
      </c>
      <c r="OJ39" s="141">
        <v>26240</v>
      </c>
      <c r="OK39" s="118">
        <v>0</v>
      </c>
      <c r="OL39" s="119">
        <v>600839</v>
      </c>
      <c r="OM39" s="119">
        <v>349322</v>
      </c>
      <c r="ON39" s="119">
        <v>742016</v>
      </c>
      <c r="OO39" s="119">
        <v>0</v>
      </c>
      <c r="OP39" s="119">
        <v>242160</v>
      </c>
      <c r="OQ39" s="120">
        <v>1934337</v>
      </c>
      <c r="OR39" s="143">
        <v>1960577</v>
      </c>
    </row>
    <row r="40" spans="1:408" ht="20.25" customHeight="1" x14ac:dyDescent="0.2">
      <c r="A40" s="126" t="s">
        <v>35</v>
      </c>
      <c r="B40" s="110">
        <v>263287</v>
      </c>
      <c r="C40" s="114">
        <v>22672</v>
      </c>
      <c r="D40" s="113">
        <v>285959</v>
      </c>
      <c r="E40" s="109">
        <v>0</v>
      </c>
      <c r="F40" s="114">
        <v>1548872</v>
      </c>
      <c r="G40" s="114">
        <v>1609391</v>
      </c>
      <c r="H40" s="114">
        <v>584482</v>
      </c>
      <c r="I40" s="114">
        <v>667992</v>
      </c>
      <c r="J40" s="114">
        <v>486407</v>
      </c>
      <c r="K40" s="173">
        <v>4897144</v>
      </c>
      <c r="L40" s="116">
        <v>5183103</v>
      </c>
      <c r="M40" s="110">
        <v>38952</v>
      </c>
      <c r="N40" s="114">
        <v>19472</v>
      </c>
      <c r="O40" s="113">
        <v>58424</v>
      </c>
      <c r="P40" s="110">
        <v>0</v>
      </c>
      <c r="Q40" s="114">
        <v>266576</v>
      </c>
      <c r="R40" s="114">
        <v>685527</v>
      </c>
      <c r="S40" s="114">
        <v>114640</v>
      </c>
      <c r="T40" s="114">
        <v>79208</v>
      </c>
      <c r="U40" s="114">
        <v>235464</v>
      </c>
      <c r="V40" s="113">
        <v>1381415</v>
      </c>
      <c r="W40" s="116">
        <v>1439839</v>
      </c>
      <c r="X40" s="110">
        <v>0</v>
      </c>
      <c r="Y40" s="114">
        <v>0</v>
      </c>
      <c r="Z40" s="113">
        <v>0</v>
      </c>
      <c r="AA40" s="110">
        <v>0</v>
      </c>
      <c r="AB40" s="114">
        <v>103968</v>
      </c>
      <c r="AC40" s="114">
        <v>295307</v>
      </c>
      <c r="AD40" s="114">
        <v>0</v>
      </c>
      <c r="AE40" s="114">
        <v>16224</v>
      </c>
      <c r="AF40" s="114">
        <v>181840</v>
      </c>
      <c r="AG40" s="113">
        <v>597339</v>
      </c>
      <c r="AH40" s="116">
        <v>597339</v>
      </c>
      <c r="AI40" s="110">
        <v>0</v>
      </c>
      <c r="AJ40" s="114">
        <v>0</v>
      </c>
      <c r="AK40" s="113">
        <v>0</v>
      </c>
      <c r="AL40" s="110">
        <v>0</v>
      </c>
      <c r="AM40" s="114">
        <v>0</v>
      </c>
      <c r="AN40" s="114">
        <v>0</v>
      </c>
      <c r="AO40" s="114">
        <v>0</v>
      </c>
      <c r="AP40" s="114">
        <v>0</v>
      </c>
      <c r="AQ40" s="114">
        <v>21632</v>
      </c>
      <c r="AR40" s="113">
        <v>21632</v>
      </c>
      <c r="AS40" s="116">
        <v>21632</v>
      </c>
      <c r="AT40" s="110">
        <v>0</v>
      </c>
      <c r="AU40" s="114">
        <v>0</v>
      </c>
      <c r="AV40" s="113">
        <v>0</v>
      </c>
      <c r="AW40" s="110">
        <v>0</v>
      </c>
      <c r="AX40" s="114">
        <v>0</v>
      </c>
      <c r="AY40" s="114">
        <v>211140</v>
      </c>
      <c r="AZ40" s="114">
        <v>0</v>
      </c>
      <c r="BA40" s="114">
        <v>31144</v>
      </c>
      <c r="BB40" s="114">
        <v>0</v>
      </c>
      <c r="BC40" s="113">
        <v>242284</v>
      </c>
      <c r="BD40" s="116">
        <v>242284</v>
      </c>
      <c r="BE40" s="110">
        <v>0</v>
      </c>
      <c r="BF40" s="114">
        <v>0</v>
      </c>
      <c r="BG40" s="112">
        <v>0</v>
      </c>
      <c r="BH40" s="111">
        <v>0</v>
      </c>
      <c r="BI40" s="114">
        <v>77264</v>
      </c>
      <c r="BJ40" s="114">
        <v>30592</v>
      </c>
      <c r="BK40" s="114">
        <v>56160</v>
      </c>
      <c r="BL40" s="114">
        <v>0</v>
      </c>
      <c r="BM40" s="114">
        <v>0</v>
      </c>
      <c r="BN40" s="113">
        <v>164016</v>
      </c>
      <c r="BO40" s="116">
        <v>164016</v>
      </c>
      <c r="BP40" s="110">
        <v>38952</v>
      </c>
      <c r="BQ40" s="114">
        <v>19472</v>
      </c>
      <c r="BR40" s="113">
        <v>58424</v>
      </c>
      <c r="BS40" s="110">
        <v>0</v>
      </c>
      <c r="BT40" s="114">
        <v>85344</v>
      </c>
      <c r="BU40" s="114">
        <v>148488</v>
      </c>
      <c r="BV40" s="114">
        <v>58480</v>
      </c>
      <c r="BW40" s="114">
        <v>31840</v>
      </c>
      <c r="BX40" s="114">
        <v>31992</v>
      </c>
      <c r="BY40" s="113">
        <v>356144</v>
      </c>
      <c r="BZ40" s="116">
        <v>414568</v>
      </c>
      <c r="CA40" s="110">
        <v>0</v>
      </c>
      <c r="CB40" s="114">
        <v>0</v>
      </c>
      <c r="CC40" s="113">
        <v>0</v>
      </c>
      <c r="CD40" s="110">
        <v>0</v>
      </c>
      <c r="CE40" s="114">
        <v>463496</v>
      </c>
      <c r="CF40" s="114">
        <v>464304</v>
      </c>
      <c r="CG40" s="114">
        <v>80560</v>
      </c>
      <c r="CH40" s="114">
        <v>132680</v>
      </c>
      <c r="CI40" s="114">
        <v>0</v>
      </c>
      <c r="CJ40" s="113">
        <v>1141040</v>
      </c>
      <c r="CK40" s="116">
        <v>1141040</v>
      </c>
      <c r="CL40" s="110">
        <v>0</v>
      </c>
      <c r="CM40" s="114">
        <v>0</v>
      </c>
      <c r="CN40" s="113">
        <v>0</v>
      </c>
      <c r="CO40" s="111">
        <v>0</v>
      </c>
      <c r="CP40" s="114">
        <v>357264</v>
      </c>
      <c r="CQ40" s="114">
        <v>322960</v>
      </c>
      <c r="CR40" s="114">
        <v>80560</v>
      </c>
      <c r="CS40" s="114">
        <v>0</v>
      </c>
      <c r="CT40" s="114">
        <v>0</v>
      </c>
      <c r="CU40" s="113">
        <v>760784</v>
      </c>
      <c r="CV40" s="116">
        <v>760784</v>
      </c>
      <c r="CW40" s="110">
        <v>0</v>
      </c>
      <c r="CX40" s="114">
        <v>0</v>
      </c>
      <c r="CY40" s="113">
        <v>0</v>
      </c>
      <c r="CZ40" s="110">
        <v>0</v>
      </c>
      <c r="DA40" s="114">
        <v>106232</v>
      </c>
      <c r="DB40" s="114">
        <v>141344</v>
      </c>
      <c r="DC40" s="114">
        <v>0</v>
      </c>
      <c r="DD40" s="114">
        <v>132680</v>
      </c>
      <c r="DE40" s="114">
        <v>0</v>
      </c>
      <c r="DF40" s="113">
        <v>380256</v>
      </c>
      <c r="DG40" s="116">
        <v>380256</v>
      </c>
      <c r="DH40" s="110">
        <v>0</v>
      </c>
      <c r="DI40" s="114">
        <v>0</v>
      </c>
      <c r="DJ40" s="112">
        <v>0</v>
      </c>
      <c r="DK40" s="111">
        <v>0</v>
      </c>
      <c r="DL40" s="114">
        <v>0</v>
      </c>
      <c r="DM40" s="114">
        <v>42824</v>
      </c>
      <c r="DN40" s="114">
        <v>0</v>
      </c>
      <c r="DO40" s="114">
        <v>0</v>
      </c>
      <c r="DP40" s="114">
        <v>0</v>
      </c>
      <c r="DQ40" s="113">
        <v>42824</v>
      </c>
      <c r="DR40" s="116">
        <v>42824</v>
      </c>
      <c r="DS40" s="110">
        <v>0</v>
      </c>
      <c r="DT40" s="114">
        <v>0</v>
      </c>
      <c r="DU40" s="113">
        <v>0</v>
      </c>
      <c r="DV40" s="110">
        <v>0</v>
      </c>
      <c r="DW40" s="114">
        <v>0</v>
      </c>
      <c r="DX40" s="114">
        <v>42824</v>
      </c>
      <c r="DY40" s="114">
        <v>0</v>
      </c>
      <c r="DZ40" s="114">
        <v>0</v>
      </c>
      <c r="EA40" s="114">
        <v>0</v>
      </c>
      <c r="EB40" s="113">
        <v>42824</v>
      </c>
      <c r="EC40" s="116">
        <v>42824</v>
      </c>
      <c r="ED40" s="110">
        <v>0</v>
      </c>
      <c r="EE40" s="112">
        <v>0</v>
      </c>
      <c r="EF40" s="113">
        <v>0</v>
      </c>
      <c r="EG40" s="110">
        <v>0</v>
      </c>
      <c r="EH40" s="114">
        <v>0</v>
      </c>
      <c r="EI40" s="114">
        <v>0</v>
      </c>
      <c r="EJ40" s="114">
        <v>0</v>
      </c>
      <c r="EK40" s="114">
        <v>0</v>
      </c>
      <c r="EL40" s="114">
        <v>0</v>
      </c>
      <c r="EM40" s="112">
        <v>0</v>
      </c>
      <c r="EN40" s="116">
        <v>0</v>
      </c>
      <c r="EO40" s="110">
        <v>0</v>
      </c>
      <c r="EP40" s="114">
        <v>0</v>
      </c>
      <c r="EQ40" s="112">
        <v>0</v>
      </c>
      <c r="ER40" s="111">
        <v>0</v>
      </c>
      <c r="ES40" s="114">
        <v>0</v>
      </c>
      <c r="ET40" s="114">
        <v>0</v>
      </c>
      <c r="EU40" s="114">
        <v>0</v>
      </c>
      <c r="EV40" s="114">
        <v>0</v>
      </c>
      <c r="EW40" s="114">
        <v>0</v>
      </c>
      <c r="EX40" s="113">
        <v>0</v>
      </c>
      <c r="EY40" s="116">
        <v>0</v>
      </c>
      <c r="EZ40" s="110">
        <v>0</v>
      </c>
      <c r="FA40" s="114">
        <v>0</v>
      </c>
      <c r="FB40" s="112">
        <v>0</v>
      </c>
      <c r="FC40" s="348"/>
      <c r="FD40" s="114">
        <v>0</v>
      </c>
      <c r="FE40" s="114">
        <v>0</v>
      </c>
      <c r="FF40" s="114">
        <v>0</v>
      </c>
      <c r="FG40" s="114">
        <v>0</v>
      </c>
      <c r="FH40" s="114">
        <v>0</v>
      </c>
      <c r="FI40" s="113">
        <v>0</v>
      </c>
      <c r="FJ40" s="116">
        <v>0</v>
      </c>
      <c r="FK40" s="110">
        <v>800</v>
      </c>
      <c r="FL40" s="114">
        <v>3200</v>
      </c>
      <c r="FM40" s="113">
        <v>4000</v>
      </c>
      <c r="FN40" s="110">
        <v>0</v>
      </c>
      <c r="FO40" s="114">
        <v>49424</v>
      </c>
      <c r="FP40" s="114">
        <v>75280</v>
      </c>
      <c r="FQ40" s="114">
        <v>2800</v>
      </c>
      <c r="FR40" s="114">
        <v>33704</v>
      </c>
      <c r="FS40" s="114">
        <v>8800</v>
      </c>
      <c r="FT40" s="113">
        <v>170008</v>
      </c>
      <c r="FU40" s="116">
        <v>174008</v>
      </c>
      <c r="FV40" s="115">
        <v>800</v>
      </c>
      <c r="FW40" s="114">
        <v>3200</v>
      </c>
      <c r="FX40" s="112">
        <v>4000</v>
      </c>
      <c r="FY40" s="111">
        <v>0</v>
      </c>
      <c r="FZ40" s="114">
        <v>27600</v>
      </c>
      <c r="GA40" s="114">
        <v>75280</v>
      </c>
      <c r="GB40" s="114">
        <v>2800</v>
      </c>
      <c r="GC40" s="114">
        <v>33704</v>
      </c>
      <c r="GD40" s="114">
        <v>8800</v>
      </c>
      <c r="GE40" s="113">
        <v>148184</v>
      </c>
      <c r="GF40" s="319">
        <v>152184</v>
      </c>
      <c r="GG40" s="115">
        <v>0</v>
      </c>
      <c r="GH40" s="114">
        <v>0</v>
      </c>
      <c r="GI40" s="112">
        <v>0</v>
      </c>
      <c r="GJ40" s="111">
        <v>0</v>
      </c>
      <c r="GK40" s="114">
        <v>21824</v>
      </c>
      <c r="GL40" s="114">
        <v>0</v>
      </c>
      <c r="GM40" s="114">
        <v>0</v>
      </c>
      <c r="GN40" s="114">
        <v>0</v>
      </c>
      <c r="GO40" s="114">
        <v>0</v>
      </c>
      <c r="GP40" s="113">
        <v>21824</v>
      </c>
      <c r="GQ40" s="116">
        <v>21824</v>
      </c>
      <c r="GR40" s="110">
        <v>0</v>
      </c>
      <c r="GS40" s="114">
        <v>0</v>
      </c>
      <c r="GT40" s="113">
        <v>0</v>
      </c>
      <c r="GU40" s="110">
        <v>0</v>
      </c>
      <c r="GV40" s="114">
        <v>0</v>
      </c>
      <c r="GW40" s="114">
        <v>0</v>
      </c>
      <c r="GX40" s="114">
        <v>0</v>
      </c>
      <c r="GY40" s="114">
        <v>0</v>
      </c>
      <c r="GZ40" s="114">
        <v>0</v>
      </c>
      <c r="HA40" s="112">
        <v>0</v>
      </c>
      <c r="HB40" s="116">
        <v>0</v>
      </c>
      <c r="HC40" s="110">
        <v>223535</v>
      </c>
      <c r="HD40" s="114">
        <v>0</v>
      </c>
      <c r="HE40" s="112">
        <v>223535</v>
      </c>
      <c r="HF40" s="111">
        <v>0</v>
      </c>
      <c r="HG40" s="114">
        <v>769376</v>
      </c>
      <c r="HH40" s="114">
        <v>341456</v>
      </c>
      <c r="HI40" s="114">
        <v>386482</v>
      </c>
      <c r="HJ40" s="114">
        <v>422400</v>
      </c>
      <c r="HK40" s="114">
        <v>242143</v>
      </c>
      <c r="HL40" s="113">
        <v>2161857</v>
      </c>
      <c r="HM40" s="109">
        <v>2385392</v>
      </c>
      <c r="HN40" s="329"/>
      <c r="HO40" s="330"/>
      <c r="HP40" s="331"/>
      <c r="HQ40" s="332"/>
      <c r="HR40" s="330"/>
      <c r="HS40" s="330"/>
      <c r="HT40" s="330"/>
      <c r="HU40" s="330"/>
      <c r="HV40" s="330"/>
      <c r="HW40" s="333"/>
      <c r="HX40" s="334"/>
      <c r="HY40" s="150">
        <v>0</v>
      </c>
      <c r="HZ40" s="135">
        <v>0</v>
      </c>
      <c r="IA40" s="150">
        <v>0</v>
      </c>
      <c r="IB40" s="146">
        <v>0</v>
      </c>
      <c r="IC40" s="132">
        <v>126224</v>
      </c>
      <c r="ID40" s="147">
        <v>376392</v>
      </c>
      <c r="IE40" s="133">
        <v>0</v>
      </c>
      <c r="IF40" s="132">
        <v>0</v>
      </c>
      <c r="IG40" s="133">
        <v>0</v>
      </c>
      <c r="IH40" s="148">
        <v>502616</v>
      </c>
      <c r="II40" s="150">
        <v>502616</v>
      </c>
      <c r="IJ40" s="232">
        <v>0</v>
      </c>
      <c r="IK40" s="236">
        <v>0</v>
      </c>
      <c r="IL40" s="237">
        <v>0</v>
      </c>
      <c r="IM40" s="140"/>
      <c r="IN40" s="119">
        <v>0</v>
      </c>
      <c r="IO40" s="119">
        <v>61720</v>
      </c>
      <c r="IP40" s="119">
        <v>0</v>
      </c>
      <c r="IQ40" s="119">
        <v>0</v>
      </c>
      <c r="IR40" s="119">
        <v>0</v>
      </c>
      <c r="IS40" s="141">
        <v>61720</v>
      </c>
      <c r="IT40" s="321">
        <v>61720</v>
      </c>
      <c r="IU40" s="142">
        <v>0</v>
      </c>
      <c r="IV40" s="119">
        <v>0</v>
      </c>
      <c r="IW40" s="120">
        <v>0</v>
      </c>
      <c r="IX40" s="144"/>
      <c r="IY40" s="119">
        <v>0</v>
      </c>
      <c r="IZ40" s="119">
        <v>0</v>
      </c>
      <c r="JA40" s="119">
        <v>0</v>
      </c>
      <c r="JB40" s="119">
        <v>0</v>
      </c>
      <c r="JC40" s="119">
        <v>0</v>
      </c>
      <c r="JD40" s="120">
        <v>0</v>
      </c>
      <c r="JE40" s="121">
        <v>0</v>
      </c>
      <c r="JF40" s="142">
        <v>0</v>
      </c>
      <c r="JG40" s="119">
        <v>0</v>
      </c>
      <c r="JH40" s="141">
        <v>0</v>
      </c>
      <c r="JI40" s="118">
        <v>0</v>
      </c>
      <c r="JJ40" s="119">
        <v>0</v>
      </c>
      <c r="JK40" s="119">
        <v>76752</v>
      </c>
      <c r="JL40" s="119">
        <v>0</v>
      </c>
      <c r="JM40" s="119">
        <v>0</v>
      </c>
      <c r="JN40" s="119">
        <v>0</v>
      </c>
      <c r="JO40" s="120">
        <v>76752</v>
      </c>
      <c r="JP40" s="321">
        <v>76752</v>
      </c>
      <c r="JQ40" s="142">
        <v>0</v>
      </c>
      <c r="JR40" s="119">
        <v>0</v>
      </c>
      <c r="JS40" s="141">
        <v>0</v>
      </c>
      <c r="JT40" s="118">
        <v>0</v>
      </c>
      <c r="JU40" s="119">
        <v>0</v>
      </c>
      <c r="JV40" s="119">
        <v>0</v>
      </c>
      <c r="JW40" s="119">
        <v>0</v>
      </c>
      <c r="JX40" s="119">
        <v>0</v>
      </c>
      <c r="JY40" s="119">
        <v>0</v>
      </c>
      <c r="JZ40" s="120">
        <v>0</v>
      </c>
      <c r="KA40" s="321">
        <v>0</v>
      </c>
      <c r="KB40" s="234">
        <v>0</v>
      </c>
      <c r="KC40" s="230">
        <v>0</v>
      </c>
      <c r="KD40" s="120">
        <v>0</v>
      </c>
      <c r="KE40" s="118">
        <v>0</v>
      </c>
      <c r="KF40" s="119">
        <v>126224</v>
      </c>
      <c r="KG40" s="119">
        <v>0</v>
      </c>
      <c r="KH40" s="119">
        <v>0</v>
      </c>
      <c r="KI40" s="119">
        <v>0</v>
      </c>
      <c r="KJ40" s="119">
        <v>0</v>
      </c>
      <c r="KK40" s="120">
        <v>126224</v>
      </c>
      <c r="KL40" s="143">
        <v>126224</v>
      </c>
      <c r="KM40" s="232">
        <v>0</v>
      </c>
      <c r="KN40" s="236">
        <v>0</v>
      </c>
      <c r="KO40" s="237">
        <v>0</v>
      </c>
      <c r="KP40" s="140"/>
      <c r="KQ40" s="119">
        <v>0</v>
      </c>
      <c r="KR40" s="119">
        <v>237920</v>
      </c>
      <c r="KS40" s="119">
        <v>0</v>
      </c>
      <c r="KT40" s="119">
        <v>0</v>
      </c>
      <c r="KU40" s="119">
        <v>0</v>
      </c>
      <c r="KV40" s="120">
        <v>237920</v>
      </c>
      <c r="KW40" s="321">
        <v>237920</v>
      </c>
      <c r="KX40" s="142">
        <v>0</v>
      </c>
      <c r="KY40" s="119">
        <v>0</v>
      </c>
      <c r="KZ40" s="120">
        <v>0</v>
      </c>
      <c r="LA40" s="145"/>
      <c r="LB40" s="119">
        <v>0</v>
      </c>
      <c r="LC40" s="119">
        <v>0</v>
      </c>
      <c r="LD40" s="119">
        <v>0</v>
      </c>
      <c r="LE40" s="119">
        <v>0</v>
      </c>
      <c r="LF40" s="119">
        <v>0</v>
      </c>
      <c r="LG40" s="120">
        <v>0</v>
      </c>
      <c r="LH40" s="121">
        <v>0</v>
      </c>
      <c r="LI40" s="142">
        <v>0</v>
      </c>
      <c r="LJ40" s="119">
        <v>0</v>
      </c>
      <c r="LK40" s="120">
        <v>0</v>
      </c>
      <c r="LL40" s="145"/>
      <c r="LM40" s="119">
        <v>0</v>
      </c>
      <c r="LN40" s="119">
        <v>0</v>
      </c>
      <c r="LO40" s="119">
        <v>0</v>
      </c>
      <c r="LP40" s="119">
        <v>0</v>
      </c>
      <c r="LQ40" s="119">
        <v>0</v>
      </c>
      <c r="LR40" s="120">
        <v>0</v>
      </c>
      <c r="LS40" s="321">
        <v>0</v>
      </c>
      <c r="LT40" s="142">
        <v>0</v>
      </c>
      <c r="LU40" s="119">
        <v>0</v>
      </c>
      <c r="LV40" s="120">
        <v>0</v>
      </c>
      <c r="LW40" s="145"/>
      <c r="LX40" s="119">
        <v>0</v>
      </c>
      <c r="LY40" s="119">
        <v>0</v>
      </c>
      <c r="LZ40" s="119">
        <v>0</v>
      </c>
      <c r="MA40" s="119">
        <v>0</v>
      </c>
      <c r="MB40" s="119">
        <v>0</v>
      </c>
      <c r="MC40" s="120">
        <v>0</v>
      </c>
      <c r="MD40" s="121">
        <v>0</v>
      </c>
      <c r="ME40" s="142">
        <v>0</v>
      </c>
      <c r="MF40" s="119">
        <v>0</v>
      </c>
      <c r="MG40" s="120">
        <v>0</v>
      </c>
      <c r="MH40" s="145"/>
      <c r="MI40" s="119">
        <v>0</v>
      </c>
      <c r="MJ40" s="119">
        <v>0</v>
      </c>
      <c r="MK40" s="119">
        <v>273896</v>
      </c>
      <c r="ML40" s="119">
        <v>1318912</v>
      </c>
      <c r="MM40" s="119">
        <v>252432</v>
      </c>
      <c r="MN40" s="120">
        <v>1845240</v>
      </c>
      <c r="MO40" s="143">
        <v>1845240</v>
      </c>
      <c r="MP40" s="142">
        <v>0</v>
      </c>
      <c r="MQ40" s="119">
        <v>0</v>
      </c>
      <c r="MR40" s="120">
        <v>0</v>
      </c>
      <c r="MS40" s="145"/>
      <c r="MT40" s="119">
        <v>0</v>
      </c>
      <c r="MU40" s="119">
        <v>0</v>
      </c>
      <c r="MV40" s="119">
        <v>0</v>
      </c>
      <c r="MW40" s="119">
        <v>755376</v>
      </c>
      <c r="MX40" s="119">
        <v>252432</v>
      </c>
      <c r="MY40" s="120">
        <v>1007808</v>
      </c>
      <c r="MZ40" s="143">
        <v>1007808</v>
      </c>
      <c r="NA40" s="142">
        <v>0</v>
      </c>
      <c r="NB40" s="119">
        <v>0</v>
      </c>
      <c r="NC40" s="120">
        <v>0</v>
      </c>
      <c r="ND40" s="145"/>
      <c r="NE40" s="119">
        <v>0</v>
      </c>
      <c r="NF40" s="119">
        <v>0</v>
      </c>
      <c r="NG40" s="119">
        <v>273896</v>
      </c>
      <c r="NH40" s="119">
        <v>563536</v>
      </c>
      <c r="NI40" s="119">
        <v>0</v>
      </c>
      <c r="NJ40" s="120">
        <v>837432</v>
      </c>
      <c r="NK40" s="321">
        <v>837432</v>
      </c>
      <c r="NL40" s="142">
        <v>0</v>
      </c>
      <c r="NM40" s="119">
        <v>0</v>
      </c>
      <c r="NN40" s="120">
        <v>0</v>
      </c>
      <c r="NO40" s="145"/>
      <c r="NP40" s="119">
        <v>0</v>
      </c>
      <c r="NQ40" s="119">
        <v>0</v>
      </c>
      <c r="NR40" s="119">
        <v>0</v>
      </c>
      <c r="NS40" s="119">
        <v>0</v>
      </c>
      <c r="NT40" s="119">
        <v>0</v>
      </c>
      <c r="NU40" s="120">
        <v>0</v>
      </c>
      <c r="NV40" s="121">
        <v>0</v>
      </c>
      <c r="NW40" s="142">
        <v>0</v>
      </c>
      <c r="NX40" s="119">
        <v>0</v>
      </c>
      <c r="NY40" s="120">
        <v>0</v>
      </c>
      <c r="NZ40" s="145"/>
      <c r="OA40" s="119">
        <v>0</v>
      </c>
      <c r="OB40" s="119">
        <v>0</v>
      </c>
      <c r="OC40" s="119">
        <v>0</v>
      </c>
      <c r="OD40" s="119">
        <v>0</v>
      </c>
      <c r="OE40" s="119">
        <v>0</v>
      </c>
      <c r="OF40" s="120">
        <v>0</v>
      </c>
      <c r="OG40" s="121">
        <v>0</v>
      </c>
      <c r="OH40" s="142">
        <v>263287</v>
      </c>
      <c r="OI40" s="119">
        <v>22672</v>
      </c>
      <c r="OJ40" s="141">
        <v>285959</v>
      </c>
      <c r="OK40" s="118">
        <v>0</v>
      </c>
      <c r="OL40" s="119">
        <v>1675096</v>
      </c>
      <c r="OM40" s="119">
        <v>1985783</v>
      </c>
      <c r="ON40" s="119">
        <v>858378</v>
      </c>
      <c r="OO40" s="119">
        <v>1986904</v>
      </c>
      <c r="OP40" s="119">
        <v>738839</v>
      </c>
      <c r="OQ40" s="120">
        <v>7245000</v>
      </c>
      <c r="OR40" s="143">
        <v>7530959</v>
      </c>
    </row>
    <row r="41" spans="1:408" ht="20.25" customHeight="1" x14ac:dyDescent="0.2">
      <c r="A41" s="126" t="s">
        <v>36</v>
      </c>
      <c r="B41" s="110">
        <v>67046</v>
      </c>
      <c r="C41" s="114">
        <v>98351</v>
      </c>
      <c r="D41" s="113">
        <v>165397</v>
      </c>
      <c r="E41" s="109">
        <v>0</v>
      </c>
      <c r="F41" s="114">
        <v>454155</v>
      </c>
      <c r="G41" s="114">
        <v>254279</v>
      </c>
      <c r="H41" s="114">
        <v>437810</v>
      </c>
      <c r="I41" s="114">
        <v>419787</v>
      </c>
      <c r="J41" s="114">
        <v>35536</v>
      </c>
      <c r="K41" s="173">
        <v>1601567</v>
      </c>
      <c r="L41" s="116">
        <v>1766964</v>
      </c>
      <c r="M41" s="110">
        <v>20673</v>
      </c>
      <c r="N41" s="114">
        <v>31391</v>
      </c>
      <c r="O41" s="113">
        <v>52064</v>
      </c>
      <c r="P41" s="110">
        <v>0</v>
      </c>
      <c r="Q41" s="114">
        <v>335051</v>
      </c>
      <c r="R41" s="114">
        <v>55659</v>
      </c>
      <c r="S41" s="114">
        <v>106637</v>
      </c>
      <c r="T41" s="114">
        <v>277492</v>
      </c>
      <c r="U41" s="114">
        <v>0</v>
      </c>
      <c r="V41" s="113">
        <v>774839</v>
      </c>
      <c r="W41" s="116">
        <v>826903</v>
      </c>
      <c r="X41" s="110">
        <v>0</v>
      </c>
      <c r="Y41" s="114">
        <v>0</v>
      </c>
      <c r="Z41" s="113">
        <v>0</v>
      </c>
      <c r="AA41" s="110">
        <v>0</v>
      </c>
      <c r="AB41" s="114">
        <v>143259</v>
      </c>
      <c r="AC41" s="114">
        <v>13079</v>
      </c>
      <c r="AD41" s="114">
        <v>0</v>
      </c>
      <c r="AE41" s="114">
        <v>0</v>
      </c>
      <c r="AF41" s="114">
        <v>0</v>
      </c>
      <c r="AG41" s="113">
        <v>156338</v>
      </c>
      <c r="AH41" s="116">
        <v>156338</v>
      </c>
      <c r="AI41" s="110">
        <v>0</v>
      </c>
      <c r="AJ41" s="114">
        <v>0</v>
      </c>
      <c r="AK41" s="113">
        <v>0</v>
      </c>
      <c r="AL41" s="110">
        <v>0</v>
      </c>
      <c r="AM41" s="114">
        <v>0</v>
      </c>
      <c r="AN41" s="114">
        <v>0</v>
      </c>
      <c r="AO41" s="114">
        <v>0</v>
      </c>
      <c r="AP41" s="114">
        <v>46238</v>
      </c>
      <c r="AQ41" s="114">
        <v>0</v>
      </c>
      <c r="AR41" s="113">
        <v>46238</v>
      </c>
      <c r="AS41" s="116">
        <v>46238</v>
      </c>
      <c r="AT41" s="110">
        <v>12417</v>
      </c>
      <c r="AU41" s="114">
        <v>27263</v>
      </c>
      <c r="AV41" s="113">
        <v>39680</v>
      </c>
      <c r="AW41" s="110">
        <v>0</v>
      </c>
      <c r="AX41" s="114">
        <v>170864</v>
      </c>
      <c r="AY41" s="114">
        <v>34340</v>
      </c>
      <c r="AZ41" s="114">
        <v>56957</v>
      </c>
      <c r="BA41" s="114">
        <v>220110</v>
      </c>
      <c r="BB41" s="114">
        <v>0</v>
      </c>
      <c r="BC41" s="113">
        <v>482271</v>
      </c>
      <c r="BD41" s="116">
        <v>521951</v>
      </c>
      <c r="BE41" s="110">
        <v>0</v>
      </c>
      <c r="BF41" s="114">
        <v>0</v>
      </c>
      <c r="BG41" s="112">
        <v>0</v>
      </c>
      <c r="BH41" s="111">
        <v>0</v>
      </c>
      <c r="BI41" s="114">
        <v>0</v>
      </c>
      <c r="BJ41" s="114">
        <v>0</v>
      </c>
      <c r="BK41" s="114">
        <v>0</v>
      </c>
      <c r="BL41" s="114">
        <v>0</v>
      </c>
      <c r="BM41" s="114">
        <v>0</v>
      </c>
      <c r="BN41" s="113">
        <v>0</v>
      </c>
      <c r="BO41" s="116">
        <v>0</v>
      </c>
      <c r="BP41" s="110">
        <v>8256</v>
      </c>
      <c r="BQ41" s="114">
        <v>4128</v>
      </c>
      <c r="BR41" s="113">
        <v>12384</v>
      </c>
      <c r="BS41" s="110">
        <v>0</v>
      </c>
      <c r="BT41" s="114">
        <v>20928</v>
      </c>
      <c r="BU41" s="114">
        <v>8240</v>
      </c>
      <c r="BV41" s="114">
        <v>49680</v>
      </c>
      <c r="BW41" s="114">
        <v>11144</v>
      </c>
      <c r="BX41" s="114">
        <v>0</v>
      </c>
      <c r="BY41" s="113">
        <v>89992</v>
      </c>
      <c r="BZ41" s="116">
        <v>102376</v>
      </c>
      <c r="CA41" s="110">
        <v>0</v>
      </c>
      <c r="CB41" s="114">
        <v>37312</v>
      </c>
      <c r="CC41" s="113">
        <v>37312</v>
      </c>
      <c r="CD41" s="110">
        <v>0</v>
      </c>
      <c r="CE41" s="114">
        <v>63392</v>
      </c>
      <c r="CF41" s="114">
        <v>156888</v>
      </c>
      <c r="CG41" s="114">
        <v>71469</v>
      </c>
      <c r="CH41" s="114">
        <v>37820</v>
      </c>
      <c r="CI41" s="114">
        <v>0</v>
      </c>
      <c r="CJ41" s="113">
        <v>329569</v>
      </c>
      <c r="CK41" s="116">
        <v>366881</v>
      </c>
      <c r="CL41" s="110">
        <v>0</v>
      </c>
      <c r="CM41" s="114">
        <v>0</v>
      </c>
      <c r="CN41" s="113">
        <v>0</v>
      </c>
      <c r="CO41" s="111">
        <v>0</v>
      </c>
      <c r="CP41" s="114">
        <v>63392</v>
      </c>
      <c r="CQ41" s="114">
        <v>100028</v>
      </c>
      <c r="CR41" s="114">
        <v>0</v>
      </c>
      <c r="CS41" s="114">
        <v>37820</v>
      </c>
      <c r="CT41" s="114">
        <v>0</v>
      </c>
      <c r="CU41" s="113">
        <v>201240</v>
      </c>
      <c r="CV41" s="116">
        <v>201240</v>
      </c>
      <c r="CW41" s="110">
        <v>0</v>
      </c>
      <c r="CX41" s="114">
        <v>37312</v>
      </c>
      <c r="CY41" s="113">
        <v>37312</v>
      </c>
      <c r="CZ41" s="110">
        <v>0</v>
      </c>
      <c r="DA41" s="114">
        <v>0</v>
      </c>
      <c r="DB41" s="114">
        <v>56860</v>
      </c>
      <c r="DC41" s="114">
        <v>71469</v>
      </c>
      <c r="DD41" s="114">
        <v>0</v>
      </c>
      <c r="DE41" s="114">
        <v>0</v>
      </c>
      <c r="DF41" s="113">
        <v>128329</v>
      </c>
      <c r="DG41" s="116">
        <v>165641</v>
      </c>
      <c r="DH41" s="110">
        <v>0</v>
      </c>
      <c r="DI41" s="114">
        <v>0</v>
      </c>
      <c r="DJ41" s="112">
        <v>0</v>
      </c>
      <c r="DK41" s="111">
        <v>0</v>
      </c>
      <c r="DL41" s="114">
        <v>0</v>
      </c>
      <c r="DM41" s="114">
        <v>0</v>
      </c>
      <c r="DN41" s="114">
        <v>19639</v>
      </c>
      <c r="DO41" s="114">
        <v>50715</v>
      </c>
      <c r="DP41" s="114">
        <v>0</v>
      </c>
      <c r="DQ41" s="113">
        <v>70354</v>
      </c>
      <c r="DR41" s="116">
        <v>70354</v>
      </c>
      <c r="DS41" s="110">
        <v>0</v>
      </c>
      <c r="DT41" s="114">
        <v>0</v>
      </c>
      <c r="DU41" s="113">
        <v>0</v>
      </c>
      <c r="DV41" s="110">
        <v>0</v>
      </c>
      <c r="DW41" s="114">
        <v>0</v>
      </c>
      <c r="DX41" s="114">
        <v>0</v>
      </c>
      <c r="DY41" s="114">
        <v>19639</v>
      </c>
      <c r="DZ41" s="114">
        <v>50715</v>
      </c>
      <c r="EA41" s="114">
        <v>0</v>
      </c>
      <c r="EB41" s="113">
        <v>70354</v>
      </c>
      <c r="EC41" s="116">
        <v>70354</v>
      </c>
      <c r="ED41" s="110">
        <v>0</v>
      </c>
      <c r="EE41" s="112">
        <v>0</v>
      </c>
      <c r="EF41" s="113">
        <v>0</v>
      </c>
      <c r="EG41" s="110">
        <v>0</v>
      </c>
      <c r="EH41" s="114">
        <v>0</v>
      </c>
      <c r="EI41" s="114">
        <v>0</v>
      </c>
      <c r="EJ41" s="114">
        <v>0</v>
      </c>
      <c r="EK41" s="114">
        <v>0</v>
      </c>
      <c r="EL41" s="114">
        <v>0</v>
      </c>
      <c r="EM41" s="112">
        <v>0</v>
      </c>
      <c r="EN41" s="116">
        <v>0</v>
      </c>
      <c r="EO41" s="110">
        <v>0</v>
      </c>
      <c r="EP41" s="114">
        <v>0</v>
      </c>
      <c r="EQ41" s="112">
        <v>0</v>
      </c>
      <c r="ER41" s="111">
        <v>0</v>
      </c>
      <c r="ES41" s="114">
        <v>0</v>
      </c>
      <c r="ET41" s="114">
        <v>0</v>
      </c>
      <c r="EU41" s="114">
        <v>0</v>
      </c>
      <c r="EV41" s="114">
        <v>0</v>
      </c>
      <c r="EW41" s="114">
        <v>0</v>
      </c>
      <c r="EX41" s="113">
        <v>0</v>
      </c>
      <c r="EY41" s="116">
        <v>0</v>
      </c>
      <c r="EZ41" s="110">
        <v>0</v>
      </c>
      <c r="FA41" s="114">
        <v>0</v>
      </c>
      <c r="FB41" s="112">
        <v>0</v>
      </c>
      <c r="FC41" s="348"/>
      <c r="FD41" s="114">
        <v>0</v>
      </c>
      <c r="FE41" s="114">
        <v>0</v>
      </c>
      <c r="FF41" s="114">
        <v>0</v>
      </c>
      <c r="FG41" s="114">
        <v>0</v>
      </c>
      <c r="FH41" s="114">
        <v>0</v>
      </c>
      <c r="FI41" s="113">
        <v>0</v>
      </c>
      <c r="FJ41" s="116">
        <v>0</v>
      </c>
      <c r="FK41" s="110">
        <v>17688</v>
      </c>
      <c r="FL41" s="114">
        <v>29648</v>
      </c>
      <c r="FM41" s="113">
        <v>47336</v>
      </c>
      <c r="FN41" s="110">
        <v>0</v>
      </c>
      <c r="FO41" s="114">
        <v>55712</v>
      </c>
      <c r="FP41" s="114">
        <v>35744</v>
      </c>
      <c r="FQ41" s="114">
        <v>44768</v>
      </c>
      <c r="FR41" s="114">
        <v>53760</v>
      </c>
      <c r="FS41" s="114">
        <v>35536</v>
      </c>
      <c r="FT41" s="113">
        <v>225520</v>
      </c>
      <c r="FU41" s="116">
        <v>272856</v>
      </c>
      <c r="FV41" s="115">
        <v>2200</v>
      </c>
      <c r="FW41" s="114">
        <v>29648</v>
      </c>
      <c r="FX41" s="112">
        <v>31848</v>
      </c>
      <c r="FY41" s="111">
        <v>0</v>
      </c>
      <c r="FZ41" s="114">
        <v>41632</v>
      </c>
      <c r="GA41" s="114">
        <v>35744</v>
      </c>
      <c r="GB41" s="114">
        <v>44768</v>
      </c>
      <c r="GC41" s="114">
        <v>53760</v>
      </c>
      <c r="GD41" s="114">
        <v>35536</v>
      </c>
      <c r="GE41" s="113">
        <v>211440</v>
      </c>
      <c r="GF41" s="319">
        <v>243288</v>
      </c>
      <c r="GG41" s="115">
        <v>15488</v>
      </c>
      <c r="GH41" s="114">
        <v>0</v>
      </c>
      <c r="GI41" s="112">
        <v>15488</v>
      </c>
      <c r="GJ41" s="111">
        <v>0</v>
      </c>
      <c r="GK41" s="114">
        <v>14080</v>
      </c>
      <c r="GL41" s="114">
        <v>0</v>
      </c>
      <c r="GM41" s="114">
        <v>0</v>
      </c>
      <c r="GN41" s="114">
        <v>0</v>
      </c>
      <c r="GO41" s="114">
        <v>0</v>
      </c>
      <c r="GP41" s="113">
        <v>14080</v>
      </c>
      <c r="GQ41" s="116">
        <v>29568</v>
      </c>
      <c r="GR41" s="110">
        <v>0</v>
      </c>
      <c r="GS41" s="114">
        <v>0</v>
      </c>
      <c r="GT41" s="113">
        <v>0</v>
      </c>
      <c r="GU41" s="110">
        <v>0</v>
      </c>
      <c r="GV41" s="114">
        <v>0</v>
      </c>
      <c r="GW41" s="114">
        <v>0</v>
      </c>
      <c r="GX41" s="114">
        <v>0</v>
      </c>
      <c r="GY41" s="114">
        <v>0</v>
      </c>
      <c r="GZ41" s="114">
        <v>0</v>
      </c>
      <c r="HA41" s="112">
        <v>0</v>
      </c>
      <c r="HB41" s="116">
        <v>0</v>
      </c>
      <c r="HC41" s="110">
        <v>28685</v>
      </c>
      <c r="HD41" s="114">
        <v>0</v>
      </c>
      <c r="HE41" s="112">
        <v>28685</v>
      </c>
      <c r="HF41" s="111">
        <v>0</v>
      </c>
      <c r="HG41" s="114">
        <v>0</v>
      </c>
      <c r="HH41" s="114">
        <v>5988</v>
      </c>
      <c r="HI41" s="114">
        <v>195297</v>
      </c>
      <c r="HJ41" s="114">
        <v>0</v>
      </c>
      <c r="HK41" s="114">
        <v>0</v>
      </c>
      <c r="HL41" s="113">
        <v>201285</v>
      </c>
      <c r="HM41" s="109">
        <v>229970</v>
      </c>
      <c r="HN41" s="329"/>
      <c r="HO41" s="330"/>
      <c r="HP41" s="331"/>
      <c r="HQ41" s="332"/>
      <c r="HR41" s="330"/>
      <c r="HS41" s="330"/>
      <c r="HT41" s="330"/>
      <c r="HU41" s="330"/>
      <c r="HV41" s="330"/>
      <c r="HW41" s="333"/>
      <c r="HX41" s="334"/>
      <c r="HY41" s="131">
        <v>0</v>
      </c>
      <c r="HZ41" s="132">
        <v>0</v>
      </c>
      <c r="IA41" s="133">
        <v>0</v>
      </c>
      <c r="IB41" s="146">
        <v>0</v>
      </c>
      <c r="IC41" s="132">
        <v>94617</v>
      </c>
      <c r="ID41" s="147">
        <v>276406</v>
      </c>
      <c r="IE41" s="133">
        <v>280535</v>
      </c>
      <c r="IF41" s="132">
        <v>240624</v>
      </c>
      <c r="IG41" s="133">
        <v>214472</v>
      </c>
      <c r="IH41" s="148">
        <v>1106654</v>
      </c>
      <c r="II41" s="139">
        <v>1106654</v>
      </c>
      <c r="IJ41" s="232">
        <v>0</v>
      </c>
      <c r="IK41" s="236">
        <v>0</v>
      </c>
      <c r="IL41" s="237">
        <v>0</v>
      </c>
      <c r="IM41" s="140"/>
      <c r="IN41" s="119">
        <v>0</v>
      </c>
      <c r="IO41" s="119">
        <v>0</v>
      </c>
      <c r="IP41" s="119">
        <v>0</v>
      </c>
      <c r="IQ41" s="119">
        <v>0</v>
      </c>
      <c r="IR41" s="119">
        <v>0</v>
      </c>
      <c r="IS41" s="141">
        <v>0</v>
      </c>
      <c r="IT41" s="321">
        <v>0</v>
      </c>
      <c r="IU41" s="142">
        <v>0</v>
      </c>
      <c r="IV41" s="119">
        <v>0</v>
      </c>
      <c r="IW41" s="120">
        <v>0</v>
      </c>
      <c r="IX41" s="144"/>
      <c r="IY41" s="119">
        <v>0</v>
      </c>
      <c r="IZ41" s="119">
        <v>0</v>
      </c>
      <c r="JA41" s="119">
        <v>0</v>
      </c>
      <c r="JB41" s="119">
        <v>0</v>
      </c>
      <c r="JC41" s="119">
        <v>0</v>
      </c>
      <c r="JD41" s="120">
        <v>0</v>
      </c>
      <c r="JE41" s="121">
        <v>0</v>
      </c>
      <c r="JF41" s="142">
        <v>0</v>
      </c>
      <c r="JG41" s="119">
        <v>0</v>
      </c>
      <c r="JH41" s="141">
        <v>0</v>
      </c>
      <c r="JI41" s="118">
        <v>0</v>
      </c>
      <c r="JJ41" s="119">
        <v>94617</v>
      </c>
      <c r="JK41" s="119">
        <v>36583</v>
      </c>
      <c r="JL41" s="119">
        <v>0</v>
      </c>
      <c r="JM41" s="119">
        <v>0</v>
      </c>
      <c r="JN41" s="119">
        <v>214472</v>
      </c>
      <c r="JO41" s="120">
        <v>345672</v>
      </c>
      <c r="JP41" s="321">
        <v>345672</v>
      </c>
      <c r="JQ41" s="142">
        <v>0</v>
      </c>
      <c r="JR41" s="119">
        <v>0</v>
      </c>
      <c r="JS41" s="141">
        <v>0</v>
      </c>
      <c r="JT41" s="118">
        <v>0</v>
      </c>
      <c r="JU41" s="119">
        <v>0</v>
      </c>
      <c r="JV41" s="119">
        <v>0</v>
      </c>
      <c r="JW41" s="119">
        <v>0</v>
      </c>
      <c r="JX41" s="119">
        <v>0</v>
      </c>
      <c r="JY41" s="119">
        <v>0</v>
      </c>
      <c r="JZ41" s="120">
        <v>0</v>
      </c>
      <c r="KA41" s="321">
        <v>0</v>
      </c>
      <c r="KB41" s="234">
        <v>0</v>
      </c>
      <c r="KC41" s="230">
        <v>0</v>
      </c>
      <c r="KD41" s="120">
        <v>0</v>
      </c>
      <c r="KE41" s="118">
        <v>0</v>
      </c>
      <c r="KF41" s="119">
        <v>0</v>
      </c>
      <c r="KG41" s="119">
        <v>0</v>
      </c>
      <c r="KH41" s="119">
        <v>0</v>
      </c>
      <c r="KI41" s="119">
        <v>240624</v>
      </c>
      <c r="KJ41" s="119">
        <v>0</v>
      </c>
      <c r="KK41" s="120">
        <v>240624</v>
      </c>
      <c r="KL41" s="143">
        <v>240624</v>
      </c>
      <c r="KM41" s="232">
        <v>0</v>
      </c>
      <c r="KN41" s="236">
        <v>0</v>
      </c>
      <c r="KO41" s="237">
        <v>0</v>
      </c>
      <c r="KP41" s="140"/>
      <c r="KQ41" s="119">
        <v>0</v>
      </c>
      <c r="KR41" s="119">
        <v>239823</v>
      </c>
      <c r="KS41" s="119">
        <v>280535</v>
      </c>
      <c r="KT41" s="119">
        <v>0</v>
      </c>
      <c r="KU41" s="119">
        <v>0</v>
      </c>
      <c r="KV41" s="120">
        <v>520358</v>
      </c>
      <c r="KW41" s="321">
        <v>520358</v>
      </c>
      <c r="KX41" s="142">
        <v>0</v>
      </c>
      <c r="KY41" s="119">
        <v>0</v>
      </c>
      <c r="KZ41" s="120">
        <v>0</v>
      </c>
      <c r="LA41" s="145"/>
      <c r="LB41" s="119">
        <v>0</v>
      </c>
      <c r="LC41" s="119">
        <v>0</v>
      </c>
      <c r="LD41" s="119">
        <v>0</v>
      </c>
      <c r="LE41" s="119">
        <v>0</v>
      </c>
      <c r="LF41" s="119">
        <v>0</v>
      </c>
      <c r="LG41" s="120">
        <v>0</v>
      </c>
      <c r="LH41" s="121">
        <v>0</v>
      </c>
      <c r="LI41" s="142">
        <v>0</v>
      </c>
      <c r="LJ41" s="119">
        <v>0</v>
      </c>
      <c r="LK41" s="120">
        <v>0</v>
      </c>
      <c r="LL41" s="145"/>
      <c r="LM41" s="119">
        <v>0</v>
      </c>
      <c r="LN41" s="119">
        <v>0</v>
      </c>
      <c r="LO41" s="119">
        <v>0</v>
      </c>
      <c r="LP41" s="119">
        <v>0</v>
      </c>
      <c r="LQ41" s="119">
        <v>0</v>
      </c>
      <c r="LR41" s="120">
        <v>0</v>
      </c>
      <c r="LS41" s="321">
        <v>0</v>
      </c>
      <c r="LT41" s="142">
        <v>0</v>
      </c>
      <c r="LU41" s="119">
        <v>0</v>
      </c>
      <c r="LV41" s="120">
        <v>0</v>
      </c>
      <c r="LW41" s="145"/>
      <c r="LX41" s="119">
        <v>0</v>
      </c>
      <c r="LY41" s="119">
        <v>0</v>
      </c>
      <c r="LZ41" s="119">
        <v>0</v>
      </c>
      <c r="MA41" s="119">
        <v>0</v>
      </c>
      <c r="MB41" s="119">
        <v>0</v>
      </c>
      <c r="MC41" s="120">
        <v>0</v>
      </c>
      <c r="MD41" s="121">
        <v>0</v>
      </c>
      <c r="ME41" s="142">
        <v>0</v>
      </c>
      <c r="MF41" s="119">
        <v>0</v>
      </c>
      <c r="MG41" s="120">
        <v>0</v>
      </c>
      <c r="MH41" s="145"/>
      <c r="MI41" s="119">
        <v>0</v>
      </c>
      <c r="MJ41" s="119">
        <v>0</v>
      </c>
      <c r="MK41" s="119">
        <v>769016</v>
      </c>
      <c r="ML41" s="119">
        <v>1413271</v>
      </c>
      <c r="MM41" s="119">
        <v>1091902</v>
      </c>
      <c r="MN41" s="120">
        <v>3274189</v>
      </c>
      <c r="MO41" s="143">
        <v>3274189</v>
      </c>
      <c r="MP41" s="142">
        <v>0</v>
      </c>
      <c r="MQ41" s="119">
        <v>0</v>
      </c>
      <c r="MR41" s="120">
        <v>0</v>
      </c>
      <c r="MS41" s="145"/>
      <c r="MT41" s="119">
        <v>0</v>
      </c>
      <c r="MU41" s="119">
        <v>0</v>
      </c>
      <c r="MV41" s="119">
        <v>0</v>
      </c>
      <c r="MW41" s="119">
        <v>1413271</v>
      </c>
      <c r="MX41" s="119">
        <v>1091902</v>
      </c>
      <c r="MY41" s="120">
        <v>2505173</v>
      </c>
      <c r="MZ41" s="143">
        <v>2505173</v>
      </c>
      <c r="NA41" s="142">
        <v>0</v>
      </c>
      <c r="NB41" s="119">
        <v>0</v>
      </c>
      <c r="NC41" s="120">
        <v>0</v>
      </c>
      <c r="ND41" s="145"/>
      <c r="NE41" s="119">
        <v>0</v>
      </c>
      <c r="NF41" s="119">
        <v>0</v>
      </c>
      <c r="NG41" s="119">
        <v>769016</v>
      </c>
      <c r="NH41" s="119">
        <v>0</v>
      </c>
      <c r="NI41" s="119">
        <v>0</v>
      </c>
      <c r="NJ41" s="120">
        <v>769016</v>
      </c>
      <c r="NK41" s="321">
        <v>769016</v>
      </c>
      <c r="NL41" s="142">
        <v>0</v>
      </c>
      <c r="NM41" s="119">
        <v>0</v>
      </c>
      <c r="NN41" s="120">
        <v>0</v>
      </c>
      <c r="NO41" s="145"/>
      <c r="NP41" s="119">
        <v>0</v>
      </c>
      <c r="NQ41" s="119">
        <v>0</v>
      </c>
      <c r="NR41" s="119">
        <v>0</v>
      </c>
      <c r="NS41" s="119">
        <v>0</v>
      </c>
      <c r="NT41" s="119">
        <v>0</v>
      </c>
      <c r="NU41" s="120">
        <v>0</v>
      </c>
      <c r="NV41" s="121">
        <v>0</v>
      </c>
      <c r="NW41" s="142">
        <v>0</v>
      </c>
      <c r="NX41" s="119">
        <v>0</v>
      </c>
      <c r="NY41" s="120">
        <v>0</v>
      </c>
      <c r="NZ41" s="145"/>
      <c r="OA41" s="119">
        <v>0</v>
      </c>
      <c r="OB41" s="119">
        <v>0</v>
      </c>
      <c r="OC41" s="119">
        <v>0</v>
      </c>
      <c r="OD41" s="119">
        <v>0</v>
      </c>
      <c r="OE41" s="119">
        <v>0</v>
      </c>
      <c r="OF41" s="120">
        <v>0</v>
      </c>
      <c r="OG41" s="121">
        <v>0</v>
      </c>
      <c r="OH41" s="142">
        <v>67046</v>
      </c>
      <c r="OI41" s="119">
        <v>98351</v>
      </c>
      <c r="OJ41" s="141">
        <v>165397</v>
      </c>
      <c r="OK41" s="118">
        <v>0</v>
      </c>
      <c r="OL41" s="119">
        <v>548772</v>
      </c>
      <c r="OM41" s="119">
        <v>530685</v>
      </c>
      <c r="ON41" s="119">
        <v>1487361</v>
      </c>
      <c r="OO41" s="119">
        <v>2073682</v>
      </c>
      <c r="OP41" s="119">
        <v>1341910</v>
      </c>
      <c r="OQ41" s="120">
        <v>5982410</v>
      </c>
      <c r="OR41" s="143">
        <v>6147807</v>
      </c>
    </row>
    <row r="42" spans="1:408" ht="20.25" customHeight="1" thickBot="1" x14ac:dyDescent="0.25">
      <c r="A42" s="127" t="s">
        <v>37</v>
      </c>
      <c r="B42" s="117">
        <v>3200</v>
      </c>
      <c r="C42" s="178">
        <v>0</v>
      </c>
      <c r="D42" s="179">
        <v>3200</v>
      </c>
      <c r="E42" s="180">
        <v>0</v>
      </c>
      <c r="F42" s="178">
        <v>152910</v>
      </c>
      <c r="G42" s="178">
        <v>244613</v>
      </c>
      <c r="H42" s="178">
        <v>0</v>
      </c>
      <c r="I42" s="178">
        <v>0</v>
      </c>
      <c r="J42" s="178">
        <v>247377</v>
      </c>
      <c r="K42" s="180">
        <v>644900</v>
      </c>
      <c r="L42" s="181">
        <v>648100</v>
      </c>
      <c r="M42" s="117">
        <v>0</v>
      </c>
      <c r="N42" s="178">
        <v>0</v>
      </c>
      <c r="O42" s="179">
        <v>0</v>
      </c>
      <c r="P42" s="117">
        <v>0</v>
      </c>
      <c r="Q42" s="178">
        <v>120687</v>
      </c>
      <c r="R42" s="178">
        <v>0</v>
      </c>
      <c r="S42" s="178">
        <v>0</v>
      </c>
      <c r="T42" s="178">
        <v>0</v>
      </c>
      <c r="U42" s="178">
        <v>8592</v>
      </c>
      <c r="V42" s="179">
        <v>129279</v>
      </c>
      <c r="W42" s="181">
        <v>129279</v>
      </c>
      <c r="X42" s="117">
        <v>0</v>
      </c>
      <c r="Y42" s="178">
        <v>0</v>
      </c>
      <c r="Z42" s="179">
        <v>0</v>
      </c>
      <c r="AA42" s="117">
        <v>0</v>
      </c>
      <c r="AB42" s="178">
        <v>0</v>
      </c>
      <c r="AC42" s="178">
        <v>0</v>
      </c>
      <c r="AD42" s="178">
        <v>0</v>
      </c>
      <c r="AE42" s="178">
        <v>0</v>
      </c>
      <c r="AF42" s="178">
        <v>0</v>
      </c>
      <c r="AG42" s="179">
        <v>0</v>
      </c>
      <c r="AH42" s="181">
        <v>0</v>
      </c>
      <c r="AI42" s="117">
        <v>0</v>
      </c>
      <c r="AJ42" s="178">
        <v>0</v>
      </c>
      <c r="AK42" s="179">
        <v>0</v>
      </c>
      <c r="AL42" s="117">
        <v>0</v>
      </c>
      <c r="AM42" s="178">
        <v>0</v>
      </c>
      <c r="AN42" s="178">
        <v>0</v>
      </c>
      <c r="AO42" s="178">
        <v>0</v>
      </c>
      <c r="AP42" s="178">
        <v>0</v>
      </c>
      <c r="AQ42" s="178">
        <v>0</v>
      </c>
      <c r="AR42" s="179">
        <v>0</v>
      </c>
      <c r="AS42" s="181">
        <v>0</v>
      </c>
      <c r="AT42" s="117">
        <v>0</v>
      </c>
      <c r="AU42" s="178">
        <v>0</v>
      </c>
      <c r="AV42" s="179">
        <v>0</v>
      </c>
      <c r="AW42" s="117">
        <v>0</v>
      </c>
      <c r="AX42" s="178">
        <v>47773</v>
      </c>
      <c r="AY42" s="178">
        <v>0</v>
      </c>
      <c r="AZ42" s="178">
        <v>0</v>
      </c>
      <c r="BA42" s="178">
        <v>0</v>
      </c>
      <c r="BB42" s="178">
        <v>0</v>
      </c>
      <c r="BC42" s="179">
        <v>47773</v>
      </c>
      <c r="BD42" s="181">
        <v>47773</v>
      </c>
      <c r="BE42" s="117">
        <v>0</v>
      </c>
      <c r="BF42" s="178">
        <v>0</v>
      </c>
      <c r="BG42" s="183">
        <v>0</v>
      </c>
      <c r="BH42" s="182">
        <v>0</v>
      </c>
      <c r="BI42" s="178">
        <v>72914</v>
      </c>
      <c r="BJ42" s="178">
        <v>0</v>
      </c>
      <c r="BK42" s="178">
        <v>0</v>
      </c>
      <c r="BL42" s="178">
        <v>0</v>
      </c>
      <c r="BM42" s="178">
        <v>0</v>
      </c>
      <c r="BN42" s="179">
        <v>72914</v>
      </c>
      <c r="BO42" s="181">
        <v>72914</v>
      </c>
      <c r="BP42" s="117">
        <v>0</v>
      </c>
      <c r="BQ42" s="178">
        <v>0</v>
      </c>
      <c r="BR42" s="179">
        <v>0</v>
      </c>
      <c r="BS42" s="117">
        <v>0</v>
      </c>
      <c r="BT42" s="178">
        <v>0</v>
      </c>
      <c r="BU42" s="178">
        <v>0</v>
      </c>
      <c r="BV42" s="178">
        <v>0</v>
      </c>
      <c r="BW42" s="178">
        <v>0</v>
      </c>
      <c r="BX42" s="178">
        <v>8592</v>
      </c>
      <c r="BY42" s="179">
        <v>8592</v>
      </c>
      <c r="BZ42" s="181">
        <v>8592</v>
      </c>
      <c r="CA42" s="117">
        <v>0</v>
      </c>
      <c r="CB42" s="178">
        <v>0</v>
      </c>
      <c r="CC42" s="179">
        <v>0</v>
      </c>
      <c r="CD42" s="117">
        <v>0</v>
      </c>
      <c r="CE42" s="178">
        <v>28255</v>
      </c>
      <c r="CF42" s="178">
        <v>200453</v>
      </c>
      <c r="CG42" s="178">
        <v>0</v>
      </c>
      <c r="CH42" s="178">
        <v>0</v>
      </c>
      <c r="CI42" s="178">
        <v>0</v>
      </c>
      <c r="CJ42" s="179">
        <v>228708</v>
      </c>
      <c r="CK42" s="181">
        <v>228708</v>
      </c>
      <c r="CL42" s="117">
        <v>0</v>
      </c>
      <c r="CM42" s="178">
        <v>0</v>
      </c>
      <c r="CN42" s="179">
        <v>0</v>
      </c>
      <c r="CO42" s="182">
        <v>0</v>
      </c>
      <c r="CP42" s="178">
        <v>28255</v>
      </c>
      <c r="CQ42" s="178">
        <v>90229</v>
      </c>
      <c r="CR42" s="178">
        <v>0</v>
      </c>
      <c r="CS42" s="178">
        <v>0</v>
      </c>
      <c r="CT42" s="178">
        <v>0</v>
      </c>
      <c r="CU42" s="179">
        <v>118484</v>
      </c>
      <c r="CV42" s="181">
        <v>118484</v>
      </c>
      <c r="CW42" s="117">
        <v>0</v>
      </c>
      <c r="CX42" s="178">
        <v>0</v>
      </c>
      <c r="CY42" s="179">
        <v>0</v>
      </c>
      <c r="CZ42" s="117">
        <v>0</v>
      </c>
      <c r="DA42" s="178">
        <v>0</v>
      </c>
      <c r="DB42" s="178">
        <v>110224</v>
      </c>
      <c r="DC42" s="178">
        <v>0</v>
      </c>
      <c r="DD42" s="178">
        <v>0</v>
      </c>
      <c r="DE42" s="178">
        <v>0</v>
      </c>
      <c r="DF42" s="179">
        <v>110224</v>
      </c>
      <c r="DG42" s="181">
        <v>110224</v>
      </c>
      <c r="DH42" s="117">
        <v>0</v>
      </c>
      <c r="DI42" s="178">
        <v>0</v>
      </c>
      <c r="DJ42" s="183">
        <v>0</v>
      </c>
      <c r="DK42" s="182">
        <v>0</v>
      </c>
      <c r="DL42" s="178">
        <v>0</v>
      </c>
      <c r="DM42" s="178">
        <v>0</v>
      </c>
      <c r="DN42" s="178">
        <v>0</v>
      </c>
      <c r="DO42" s="178">
        <v>0</v>
      </c>
      <c r="DP42" s="178">
        <v>0</v>
      </c>
      <c r="DQ42" s="179">
        <v>0</v>
      </c>
      <c r="DR42" s="181">
        <v>0</v>
      </c>
      <c r="DS42" s="117">
        <v>0</v>
      </c>
      <c r="DT42" s="178">
        <v>0</v>
      </c>
      <c r="DU42" s="179">
        <v>0</v>
      </c>
      <c r="DV42" s="117">
        <v>0</v>
      </c>
      <c r="DW42" s="178">
        <v>0</v>
      </c>
      <c r="DX42" s="178">
        <v>0</v>
      </c>
      <c r="DY42" s="178">
        <v>0</v>
      </c>
      <c r="DZ42" s="178">
        <v>0</v>
      </c>
      <c r="EA42" s="178">
        <v>0</v>
      </c>
      <c r="EB42" s="179">
        <v>0</v>
      </c>
      <c r="EC42" s="181">
        <v>0</v>
      </c>
      <c r="ED42" s="117">
        <v>0</v>
      </c>
      <c r="EE42" s="183">
        <v>0</v>
      </c>
      <c r="EF42" s="179">
        <v>0</v>
      </c>
      <c r="EG42" s="117">
        <v>0</v>
      </c>
      <c r="EH42" s="178">
        <v>0</v>
      </c>
      <c r="EI42" s="178">
        <v>0</v>
      </c>
      <c r="EJ42" s="178">
        <v>0</v>
      </c>
      <c r="EK42" s="178">
        <v>0</v>
      </c>
      <c r="EL42" s="178">
        <v>0</v>
      </c>
      <c r="EM42" s="183">
        <v>0</v>
      </c>
      <c r="EN42" s="181">
        <v>0</v>
      </c>
      <c r="EO42" s="117">
        <v>0</v>
      </c>
      <c r="EP42" s="178">
        <v>0</v>
      </c>
      <c r="EQ42" s="183">
        <v>0</v>
      </c>
      <c r="ER42" s="182">
        <v>0</v>
      </c>
      <c r="ES42" s="178">
        <v>0</v>
      </c>
      <c r="ET42" s="178">
        <v>0</v>
      </c>
      <c r="EU42" s="178">
        <v>0</v>
      </c>
      <c r="EV42" s="178">
        <v>0</v>
      </c>
      <c r="EW42" s="178">
        <v>0</v>
      </c>
      <c r="EX42" s="179">
        <v>0</v>
      </c>
      <c r="EY42" s="181">
        <v>0</v>
      </c>
      <c r="EZ42" s="117">
        <v>0</v>
      </c>
      <c r="FA42" s="178">
        <v>0</v>
      </c>
      <c r="FB42" s="183">
        <v>0</v>
      </c>
      <c r="FC42" s="349"/>
      <c r="FD42" s="178">
        <v>0</v>
      </c>
      <c r="FE42" s="178">
        <v>0</v>
      </c>
      <c r="FF42" s="178">
        <v>0</v>
      </c>
      <c r="FG42" s="178">
        <v>0</v>
      </c>
      <c r="FH42" s="178">
        <v>0</v>
      </c>
      <c r="FI42" s="179">
        <v>0</v>
      </c>
      <c r="FJ42" s="181">
        <v>0</v>
      </c>
      <c r="FK42" s="117">
        <v>3200</v>
      </c>
      <c r="FL42" s="178">
        <v>0</v>
      </c>
      <c r="FM42" s="179">
        <v>3200</v>
      </c>
      <c r="FN42" s="117">
        <v>0</v>
      </c>
      <c r="FO42" s="178">
        <v>3968</v>
      </c>
      <c r="FP42" s="178">
        <v>44160</v>
      </c>
      <c r="FQ42" s="178">
        <v>0</v>
      </c>
      <c r="FR42" s="178">
        <v>0</v>
      </c>
      <c r="FS42" s="178">
        <v>0</v>
      </c>
      <c r="FT42" s="179">
        <v>48128</v>
      </c>
      <c r="FU42" s="181">
        <v>51328</v>
      </c>
      <c r="FV42" s="184">
        <v>3200</v>
      </c>
      <c r="FW42" s="178">
        <v>0</v>
      </c>
      <c r="FX42" s="183">
        <v>3200</v>
      </c>
      <c r="FY42" s="182">
        <v>0</v>
      </c>
      <c r="FZ42" s="178">
        <v>3968</v>
      </c>
      <c r="GA42" s="178">
        <v>44160</v>
      </c>
      <c r="GB42" s="178">
        <v>0</v>
      </c>
      <c r="GC42" s="178">
        <v>0</v>
      </c>
      <c r="GD42" s="178">
        <v>0</v>
      </c>
      <c r="GE42" s="179">
        <v>48128</v>
      </c>
      <c r="GF42" s="320">
        <v>51328</v>
      </c>
      <c r="GG42" s="184">
        <v>0</v>
      </c>
      <c r="GH42" s="178">
        <v>0</v>
      </c>
      <c r="GI42" s="183">
        <v>0</v>
      </c>
      <c r="GJ42" s="182">
        <v>0</v>
      </c>
      <c r="GK42" s="178">
        <v>0</v>
      </c>
      <c r="GL42" s="178">
        <v>0</v>
      </c>
      <c r="GM42" s="178">
        <v>0</v>
      </c>
      <c r="GN42" s="178">
        <v>0</v>
      </c>
      <c r="GO42" s="178">
        <v>0</v>
      </c>
      <c r="GP42" s="179">
        <v>0</v>
      </c>
      <c r="GQ42" s="181">
        <v>0</v>
      </c>
      <c r="GR42" s="117">
        <v>0</v>
      </c>
      <c r="GS42" s="178">
        <v>0</v>
      </c>
      <c r="GT42" s="179">
        <v>0</v>
      </c>
      <c r="GU42" s="117">
        <v>0</v>
      </c>
      <c r="GV42" s="178">
        <v>0</v>
      </c>
      <c r="GW42" s="178">
        <v>0</v>
      </c>
      <c r="GX42" s="178">
        <v>0</v>
      </c>
      <c r="GY42" s="178">
        <v>0</v>
      </c>
      <c r="GZ42" s="178">
        <v>0</v>
      </c>
      <c r="HA42" s="183">
        <v>0</v>
      </c>
      <c r="HB42" s="181">
        <v>0</v>
      </c>
      <c r="HC42" s="117">
        <v>0</v>
      </c>
      <c r="HD42" s="178">
        <v>0</v>
      </c>
      <c r="HE42" s="183">
        <v>0</v>
      </c>
      <c r="HF42" s="182">
        <v>0</v>
      </c>
      <c r="HG42" s="178">
        <v>0</v>
      </c>
      <c r="HH42" s="178">
        <v>0</v>
      </c>
      <c r="HI42" s="178">
        <v>0</v>
      </c>
      <c r="HJ42" s="178">
        <v>0</v>
      </c>
      <c r="HK42" s="178">
        <v>238785</v>
      </c>
      <c r="HL42" s="179">
        <v>238785</v>
      </c>
      <c r="HM42" s="180">
        <v>238785</v>
      </c>
      <c r="HN42" s="335"/>
      <c r="HO42" s="336"/>
      <c r="HP42" s="337"/>
      <c r="HQ42" s="338"/>
      <c r="HR42" s="336"/>
      <c r="HS42" s="336"/>
      <c r="HT42" s="336"/>
      <c r="HU42" s="336"/>
      <c r="HV42" s="336"/>
      <c r="HW42" s="339"/>
      <c r="HX42" s="340"/>
      <c r="HY42" s="151">
        <v>0</v>
      </c>
      <c r="HZ42" s="152">
        <v>0</v>
      </c>
      <c r="IA42" s="153">
        <v>0</v>
      </c>
      <c r="IB42" s="154">
        <v>0</v>
      </c>
      <c r="IC42" s="155">
        <v>0</v>
      </c>
      <c r="ID42" s="156">
        <v>0</v>
      </c>
      <c r="IE42" s="157">
        <v>0</v>
      </c>
      <c r="IF42" s="155">
        <v>0</v>
      </c>
      <c r="IG42" s="157">
        <v>0</v>
      </c>
      <c r="IH42" s="158">
        <v>0</v>
      </c>
      <c r="II42" s="159">
        <v>0</v>
      </c>
      <c r="IJ42" s="233">
        <v>0</v>
      </c>
      <c r="IK42" s="238">
        <v>0</v>
      </c>
      <c r="IL42" s="239">
        <v>0</v>
      </c>
      <c r="IM42" s="160"/>
      <c r="IN42" s="161">
        <v>0</v>
      </c>
      <c r="IO42" s="161">
        <v>0</v>
      </c>
      <c r="IP42" s="161">
        <v>0</v>
      </c>
      <c r="IQ42" s="161">
        <v>0</v>
      </c>
      <c r="IR42" s="161">
        <v>0</v>
      </c>
      <c r="IS42" s="162">
        <v>0</v>
      </c>
      <c r="IT42" s="322">
        <v>0</v>
      </c>
      <c r="IU42" s="163">
        <v>0</v>
      </c>
      <c r="IV42" s="161">
        <v>0</v>
      </c>
      <c r="IW42" s="165">
        <v>0</v>
      </c>
      <c r="IX42" s="168"/>
      <c r="IY42" s="161">
        <v>0</v>
      </c>
      <c r="IZ42" s="161">
        <v>0</v>
      </c>
      <c r="JA42" s="161">
        <v>0</v>
      </c>
      <c r="JB42" s="161">
        <v>0</v>
      </c>
      <c r="JC42" s="161">
        <v>0</v>
      </c>
      <c r="JD42" s="165">
        <v>0</v>
      </c>
      <c r="JE42" s="166">
        <v>0</v>
      </c>
      <c r="JF42" s="163">
        <v>0</v>
      </c>
      <c r="JG42" s="161">
        <v>0</v>
      </c>
      <c r="JH42" s="162">
        <v>0</v>
      </c>
      <c r="JI42" s="164">
        <v>0</v>
      </c>
      <c r="JJ42" s="161">
        <v>0</v>
      </c>
      <c r="JK42" s="161">
        <v>0</v>
      </c>
      <c r="JL42" s="161">
        <v>0</v>
      </c>
      <c r="JM42" s="161">
        <v>0</v>
      </c>
      <c r="JN42" s="161">
        <v>0</v>
      </c>
      <c r="JO42" s="165">
        <v>0</v>
      </c>
      <c r="JP42" s="322">
        <v>0</v>
      </c>
      <c r="JQ42" s="163">
        <v>0</v>
      </c>
      <c r="JR42" s="161">
        <v>0</v>
      </c>
      <c r="JS42" s="162">
        <v>0</v>
      </c>
      <c r="JT42" s="164">
        <v>0</v>
      </c>
      <c r="JU42" s="161">
        <v>0</v>
      </c>
      <c r="JV42" s="161">
        <v>0</v>
      </c>
      <c r="JW42" s="161">
        <v>0</v>
      </c>
      <c r="JX42" s="161">
        <v>0</v>
      </c>
      <c r="JY42" s="161">
        <v>0</v>
      </c>
      <c r="JZ42" s="165">
        <v>0</v>
      </c>
      <c r="KA42" s="322">
        <v>0</v>
      </c>
      <c r="KB42" s="235">
        <v>0</v>
      </c>
      <c r="KC42" s="231">
        <v>0</v>
      </c>
      <c r="KD42" s="165">
        <v>0</v>
      </c>
      <c r="KE42" s="164">
        <v>0</v>
      </c>
      <c r="KF42" s="161">
        <v>0</v>
      </c>
      <c r="KG42" s="161">
        <v>0</v>
      </c>
      <c r="KH42" s="161">
        <v>0</v>
      </c>
      <c r="KI42" s="161">
        <v>0</v>
      </c>
      <c r="KJ42" s="161">
        <v>0</v>
      </c>
      <c r="KK42" s="165">
        <v>0</v>
      </c>
      <c r="KL42" s="167">
        <v>0</v>
      </c>
      <c r="KM42" s="233">
        <v>0</v>
      </c>
      <c r="KN42" s="238">
        <v>0</v>
      </c>
      <c r="KO42" s="239">
        <v>0</v>
      </c>
      <c r="KP42" s="160"/>
      <c r="KQ42" s="161">
        <v>0</v>
      </c>
      <c r="KR42" s="161">
        <v>0</v>
      </c>
      <c r="KS42" s="161">
        <v>0</v>
      </c>
      <c r="KT42" s="161">
        <v>0</v>
      </c>
      <c r="KU42" s="161">
        <v>0</v>
      </c>
      <c r="KV42" s="165">
        <v>0</v>
      </c>
      <c r="KW42" s="322">
        <v>0</v>
      </c>
      <c r="KX42" s="163">
        <v>0</v>
      </c>
      <c r="KY42" s="161">
        <v>0</v>
      </c>
      <c r="KZ42" s="165">
        <v>0</v>
      </c>
      <c r="LA42" s="169"/>
      <c r="LB42" s="161">
        <v>0</v>
      </c>
      <c r="LC42" s="161">
        <v>0</v>
      </c>
      <c r="LD42" s="161">
        <v>0</v>
      </c>
      <c r="LE42" s="161">
        <v>0</v>
      </c>
      <c r="LF42" s="161">
        <v>0</v>
      </c>
      <c r="LG42" s="165">
        <v>0</v>
      </c>
      <c r="LH42" s="166">
        <v>0</v>
      </c>
      <c r="LI42" s="163">
        <v>0</v>
      </c>
      <c r="LJ42" s="161">
        <v>0</v>
      </c>
      <c r="LK42" s="165">
        <v>0</v>
      </c>
      <c r="LL42" s="169"/>
      <c r="LM42" s="161">
        <v>0</v>
      </c>
      <c r="LN42" s="161">
        <v>0</v>
      </c>
      <c r="LO42" s="161">
        <v>0</v>
      </c>
      <c r="LP42" s="161">
        <v>0</v>
      </c>
      <c r="LQ42" s="161">
        <v>0</v>
      </c>
      <c r="LR42" s="165">
        <v>0</v>
      </c>
      <c r="LS42" s="322">
        <v>0</v>
      </c>
      <c r="LT42" s="163">
        <v>0</v>
      </c>
      <c r="LU42" s="161">
        <v>0</v>
      </c>
      <c r="LV42" s="165">
        <v>0</v>
      </c>
      <c r="LW42" s="169"/>
      <c r="LX42" s="161">
        <v>0</v>
      </c>
      <c r="LY42" s="161">
        <v>0</v>
      </c>
      <c r="LZ42" s="161">
        <v>0</v>
      </c>
      <c r="MA42" s="161">
        <v>0</v>
      </c>
      <c r="MB42" s="161">
        <v>0</v>
      </c>
      <c r="MC42" s="165">
        <v>0</v>
      </c>
      <c r="MD42" s="166">
        <v>0</v>
      </c>
      <c r="ME42" s="163">
        <v>0</v>
      </c>
      <c r="MF42" s="161">
        <v>0</v>
      </c>
      <c r="MG42" s="165">
        <v>0</v>
      </c>
      <c r="MH42" s="169"/>
      <c r="MI42" s="161">
        <v>0</v>
      </c>
      <c r="MJ42" s="161">
        <v>0</v>
      </c>
      <c r="MK42" s="161">
        <v>230227</v>
      </c>
      <c r="ML42" s="161">
        <v>0</v>
      </c>
      <c r="MM42" s="161">
        <v>276763</v>
      </c>
      <c r="MN42" s="165">
        <v>506990</v>
      </c>
      <c r="MO42" s="167">
        <v>506990</v>
      </c>
      <c r="MP42" s="163">
        <v>0</v>
      </c>
      <c r="MQ42" s="161">
        <v>0</v>
      </c>
      <c r="MR42" s="165">
        <v>0</v>
      </c>
      <c r="MS42" s="169"/>
      <c r="MT42" s="161">
        <v>0</v>
      </c>
      <c r="MU42" s="161">
        <v>0</v>
      </c>
      <c r="MV42" s="161">
        <v>230227</v>
      </c>
      <c r="MW42" s="161">
        <v>0</v>
      </c>
      <c r="MX42" s="161">
        <v>276763</v>
      </c>
      <c r="MY42" s="165">
        <v>506990</v>
      </c>
      <c r="MZ42" s="167">
        <v>506990</v>
      </c>
      <c r="NA42" s="163">
        <v>0</v>
      </c>
      <c r="NB42" s="161">
        <v>0</v>
      </c>
      <c r="NC42" s="165">
        <v>0</v>
      </c>
      <c r="ND42" s="169"/>
      <c r="NE42" s="161">
        <v>0</v>
      </c>
      <c r="NF42" s="161">
        <v>0</v>
      </c>
      <c r="NG42" s="161">
        <v>0</v>
      </c>
      <c r="NH42" s="161">
        <v>0</v>
      </c>
      <c r="NI42" s="161">
        <v>0</v>
      </c>
      <c r="NJ42" s="165">
        <v>0</v>
      </c>
      <c r="NK42" s="322">
        <v>0</v>
      </c>
      <c r="NL42" s="163">
        <v>0</v>
      </c>
      <c r="NM42" s="161">
        <v>0</v>
      </c>
      <c r="NN42" s="165">
        <v>0</v>
      </c>
      <c r="NO42" s="169"/>
      <c r="NP42" s="161">
        <v>0</v>
      </c>
      <c r="NQ42" s="161">
        <v>0</v>
      </c>
      <c r="NR42" s="161">
        <v>0</v>
      </c>
      <c r="NS42" s="161">
        <v>0</v>
      </c>
      <c r="NT42" s="161">
        <v>0</v>
      </c>
      <c r="NU42" s="165">
        <v>0</v>
      </c>
      <c r="NV42" s="166">
        <v>0</v>
      </c>
      <c r="NW42" s="163">
        <v>0</v>
      </c>
      <c r="NX42" s="161">
        <v>0</v>
      </c>
      <c r="NY42" s="165">
        <v>0</v>
      </c>
      <c r="NZ42" s="169"/>
      <c r="OA42" s="161">
        <v>0</v>
      </c>
      <c r="OB42" s="161">
        <v>0</v>
      </c>
      <c r="OC42" s="161">
        <v>0</v>
      </c>
      <c r="OD42" s="161">
        <v>0</v>
      </c>
      <c r="OE42" s="161">
        <v>0</v>
      </c>
      <c r="OF42" s="165">
        <v>0</v>
      </c>
      <c r="OG42" s="166">
        <v>0</v>
      </c>
      <c r="OH42" s="163">
        <v>3200</v>
      </c>
      <c r="OI42" s="161">
        <v>0</v>
      </c>
      <c r="OJ42" s="162">
        <v>3200</v>
      </c>
      <c r="OK42" s="164">
        <v>0</v>
      </c>
      <c r="OL42" s="161">
        <v>152910</v>
      </c>
      <c r="OM42" s="161">
        <v>244613</v>
      </c>
      <c r="ON42" s="161">
        <v>230227</v>
      </c>
      <c r="OO42" s="161">
        <v>0</v>
      </c>
      <c r="OP42" s="161">
        <v>524140</v>
      </c>
      <c r="OQ42" s="165">
        <v>1151890</v>
      </c>
      <c r="OR42" s="167">
        <v>1155090</v>
      </c>
    </row>
    <row r="43" spans="1:408" x14ac:dyDescent="0.2">
      <c r="A43" s="44" t="s">
        <v>84</v>
      </c>
    </row>
  </sheetData>
  <mergeCells count="158">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S7:LS8"/>
    <mergeCell ref="LT7:LV7"/>
    <mergeCell ref="KM7:KO7"/>
    <mergeCell ref="KP7:KV7"/>
    <mergeCell ref="KW7:KW8"/>
    <mergeCell ref="KX7:KZ7"/>
    <mergeCell ref="LA7:LG7"/>
    <mergeCell ref="MP7:MR7"/>
    <mergeCell ref="MS7:MY7"/>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DH5:FJ5"/>
    <mergeCell ref="A4:A8"/>
    <mergeCell ref="B4:L6"/>
    <mergeCell ref="M4:HX4"/>
    <mergeCell ref="M5:BZ5"/>
    <mergeCell ref="CA5:DG5"/>
    <mergeCell ref="FK5:HB5"/>
    <mergeCell ref="HC5:HM6"/>
    <mergeCell ref="HN5:HX6"/>
    <mergeCell ref="ED6:EN6"/>
    <mergeCell ref="M6:W6"/>
    <mergeCell ref="X6:AH6"/>
    <mergeCell ref="AI6:AS6"/>
    <mergeCell ref="AT6:BD6"/>
    <mergeCell ref="BE6:BO6"/>
    <mergeCell ref="BP6:BZ6"/>
    <mergeCell ref="CA6:CK6"/>
    <mergeCell ref="CL6:CV6"/>
    <mergeCell ref="CW6:DG6"/>
    <mergeCell ref="DH6:DR6"/>
    <mergeCell ref="DS6:EC6"/>
    <mergeCell ref="B7:D7"/>
    <mergeCell ref="E7:K7"/>
    <mergeCell ref="L7:L8"/>
    <mergeCell ref="M7:O7"/>
    <mergeCell ref="P7:V7"/>
    <mergeCell ref="BH7:BN7"/>
    <mergeCell ref="W7:W8"/>
    <mergeCell ref="X7:Z7"/>
    <mergeCell ref="AA7:AG7"/>
    <mergeCell ref="AH7:AH8"/>
    <mergeCell ref="AI7:AK7"/>
    <mergeCell ref="AL7:AR7"/>
    <mergeCell ref="AS7:AS8"/>
    <mergeCell ref="AT7:AV7"/>
    <mergeCell ref="AW7:BC7"/>
    <mergeCell ref="EO7:EQ7"/>
    <mergeCell ref="BD7:BD8"/>
    <mergeCell ref="BE7:BG7"/>
    <mergeCell ref="CZ7:DF7"/>
    <mergeCell ref="BO7:BO8"/>
    <mergeCell ref="BP7:BR7"/>
    <mergeCell ref="BS7:BY7"/>
    <mergeCell ref="BZ7:BZ8"/>
    <mergeCell ref="CA7:CC7"/>
    <mergeCell ref="CD7:CJ7"/>
    <mergeCell ref="CK7:CK8"/>
    <mergeCell ref="CL7:CN7"/>
    <mergeCell ref="CO7:CU7"/>
    <mergeCell ref="CV7:CV8"/>
    <mergeCell ref="CW7:CY7"/>
    <mergeCell ref="DV7:EB7"/>
    <mergeCell ref="EC7:EC8"/>
    <mergeCell ref="ED7:EF7"/>
    <mergeCell ref="DG7:DG8"/>
    <mergeCell ref="DH7:DJ7"/>
    <mergeCell ref="DK7:DQ7"/>
    <mergeCell ref="DR7:DR8"/>
    <mergeCell ref="GG6:GQ6"/>
    <mergeCell ref="GQ7:GQ8"/>
    <mergeCell ref="GR7:GT7"/>
    <mergeCell ref="ER7:EX7"/>
    <mergeCell ref="EZ7:FB7"/>
    <mergeCell ref="FC7:FI7"/>
    <mergeCell ref="FJ7:FJ8"/>
    <mergeCell ref="GR6:HB6"/>
    <mergeCell ref="EZ6:FJ6"/>
    <mergeCell ref="F1:G1"/>
    <mergeCell ref="HX7:HX8"/>
    <mergeCell ref="HB7:HB8"/>
    <mergeCell ref="HC7:HE7"/>
    <mergeCell ref="HF7:HL7"/>
    <mergeCell ref="HM7:HM8"/>
    <mergeCell ref="HN7:HP7"/>
    <mergeCell ref="HQ7:HW7"/>
    <mergeCell ref="GU7:HA7"/>
    <mergeCell ref="EY7:EY8"/>
    <mergeCell ref="FK7:FM7"/>
    <mergeCell ref="FN7:FT7"/>
    <mergeCell ref="FU7:FU8"/>
    <mergeCell ref="FV7:FX7"/>
    <mergeCell ref="FY7:GE7"/>
    <mergeCell ref="GF7:GF8"/>
    <mergeCell ref="EG7:EM7"/>
    <mergeCell ref="EN7:EN8"/>
    <mergeCell ref="DS7:DU7"/>
    <mergeCell ref="GG7:GI7"/>
    <mergeCell ref="GJ7:GP7"/>
    <mergeCell ref="EO6:EY6"/>
    <mergeCell ref="FK6:FU6"/>
    <mergeCell ref="FV6:GF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8.21875"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25" customWidth="1"/>
    <col min="82" max="82" width="7.6640625" style="325" customWidth="1"/>
    <col min="83" max="83" width="9.88671875" style="325" customWidth="1"/>
    <col min="84" max="84" width="10" style="325" customWidth="1"/>
    <col min="85" max="85" width="9.77734375" style="325" customWidth="1"/>
    <col min="86" max="86" width="9.21875" style="325" customWidth="1"/>
    <col min="87" max="87" width="8.77734375" style="325" customWidth="1"/>
    <col min="88" max="88" width="9.88671875" style="325" customWidth="1"/>
    <col min="89" max="89" width="9.77734375" style="325"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25" customWidth="1"/>
    <col min="115" max="115" width="7.21875" style="325" customWidth="1"/>
    <col min="116" max="120" width="8.21875" style="325" customWidth="1"/>
    <col min="121" max="121" width="10.109375" style="325" customWidth="1"/>
    <col min="122" max="122" width="9.77734375" style="325"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25" customWidth="1"/>
    <col min="170" max="170" width="6.6640625" style="325" customWidth="1"/>
    <col min="171" max="175" width="8.21875" style="325" customWidth="1"/>
    <col min="176" max="176" width="10.109375" style="325" customWidth="1"/>
    <col min="177" max="177" width="9.88671875" style="325"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368">
        <f>第１表!F2</f>
        <v>4</v>
      </c>
      <c r="E1" s="251">
        <f>第１表!G2</f>
        <v>5</v>
      </c>
      <c r="F1" s="646">
        <f>IF(E1&lt;3,E1-2+12,E1-2)</f>
        <v>3</v>
      </c>
      <c r="G1" s="646"/>
      <c r="IA1" s="368"/>
      <c r="IB1" s="253"/>
      <c r="IC1" s="611"/>
      <c r="ID1" s="611"/>
    </row>
    <row r="2" spans="1:408" ht="21.75" customHeight="1" x14ac:dyDescent="0.2">
      <c r="A2" s="20" t="s">
        <v>147</v>
      </c>
      <c r="D2" s="250"/>
      <c r="E2" s="251"/>
      <c r="F2" s="355"/>
      <c r="G2" s="355"/>
      <c r="IA2" s="252"/>
      <c r="IB2" s="253"/>
      <c r="IC2" s="371"/>
      <c r="ID2" s="371"/>
    </row>
    <row r="3" spans="1:408" ht="24" customHeight="1" thickBot="1" x14ac:dyDescent="0.25">
      <c r="A3" s="20" t="s">
        <v>156</v>
      </c>
    </row>
    <row r="4" spans="1:408" ht="18" customHeight="1" thickBot="1" x14ac:dyDescent="0.25">
      <c r="A4" s="706" t="s">
        <v>42</v>
      </c>
      <c r="B4" s="709" t="s">
        <v>63</v>
      </c>
      <c r="C4" s="709"/>
      <c r="D4" s="709"/>
      <c r="E4" s="709"/>
      <c r="F4" s="709"/>
      <c r="G4" s="709"/>
      <c r="H4" s="709"/>
      <c r="I4" s="709"/>
      <c r="J4" s="709"/>
      <c r="K4" s="709"/>
      <c r="L4" s="709"/>
      <c r="M4" s="712"/>
      <c r="N4" s="712"/>
      <c r="O4" s="712"/>
      <c r="P4" s="712"/>
      <c r="Q4" s="712"/>
      <c r="R4" s="712"/>
      <c r="S4" s="712"/>
      <c r="T4" s="712"/>
      <c r="U4" s="712"/>
      <c r="V4" s="712"/>
      <c r="W4" s="712"/>
      <c r="X4" s="712"/>
      <c r="Y4" s="712"/>
      <c r="Z4" s="712"/>
      <c r="AA4" s="712"/>
      <c r="AB4" s="712"/>
      <c r="AC4" s="712"/>
      <c r="AD4" s="712"/>
      <c r="AE4" s="712"/>
      <c r="AF4" s="712"/>
      <c r="AG4" s="712"/>
      <c r="AH4" s="712"/>
      <c r="AI4" s="712"/>
      <c r="AJ4" s="712"/>
      <c r="AK4" s="712"/>
      <c r="AL4" s="712"/>
      <c r="AM4" s="712"/>
      <c r="AN4" s="712"/>
      <c r="AO4" s="712"/>
      <c r="AP4" s="712"/>
      <c r="AQ4" s="712"/>
      <c r="AR4" s="712"/>
      <c r="AS4" s="712"/>
      <c r="AT4" s="712"/>
      <c r="AU4" s="712"/>
      <c r="AV4" s="712"/>
      <c r="AW4" s="712"/>
      <c r="AX4" s="712"/>
      <c r="AY4" s="712"/>
      <c r="AZ4" s="712"/>
      <c r="BA4" s="712"/>
      <c r="BB4" s="712"/>
      <c r="BC4" s="712"/>
      <c r="BD4" s="712"/>
      <c r="BE4" s="712"/>
      <c r="BF4" s="712"/>
      <c r="BG4" s="712"/>
      <c r="BH4" s="712"/>
      <c r="BI4" s="712"/>
      <c r="BJ4" s="712"/>
      <c r="BK4" s="712"/>
      <c r="BL4" s="712"/>
      <c r="BM4" s="712"/>
      <c r="BN4" s="712"/>
      <c r="BO4" s="712"/>
      <c r="BP4" s="712"/>
      <c r="BQ4" s="712"/>
      <c r="BR4" s="712"/>
      <c r="BS4" s="712"/>
      <c r="BT4" s="712"/>
      <c r="BU4" s="712"/>
      <c r="BV4" s="712"/>
      <c r="BW4" s="712"/>
      <c r="BX4" s="712"/>
      <c r="BY4" s="712"/>
      <c r="BZ4" s="712"/>
      <c r="CA4" s="712"/>
      <c r="CB4" s="712"/>
      <c r="CC4" s="712"/>
      <c r="CD4" s="712"/>
      <c r="CE4" s="712"/>
      <c r="CF4" s="712"/>
      <c r="CG4" s="712"/>
      <c r="CH4" s="712"/>
      <c r="CI4" s="712"/>
      <c r="CJ4" s="712"/>
      <c r="CK4" s="712"/>
      <c r="CL4" s="712"/>
      <c r="CM4" s="712"/>
      <c r="CN4" s="712"/>
      <c r="CO4" s="712"/>
      <c r="CP4" s="712"/>
      <c r="CQ4" s="712"/>
      <c r="CR4" s="712"/>
      <c r="CS4" s="712"/>
      <c r="CT4" s="712"/>
      <c r="CU4" s="712"/>
      <c r="CV4" s="712"/>
      <c r="CW4" s="712"/>
      <c r="CX4" s="712"/>
      <c r="CY4" s="712"/>
      <c r="CZ4" s="712"/>
      <c r="DA4" s="712"/>
      <c r="DB4" s="712"/>
      <c r="DC4" s="712"/>
      <c r="DD4" s="712"/>
      <c r="DE4" s="712"/>
      <c r="DF4" s="712"/>
      <c r="DG4" s="712"/>
      <c r="DH4" s="712"/>
      <c r="DI4" s="712"/>
      <c r="DJ4" s="712"/>
      <c r="DK4" s="712"/>
      <c r="DL4" s="712"/>
      <c r="DM4" s="712"/>
      <c r="DN4" s="712"/>
      <c r="DO4" s="712"/>
      <c r="DP4" s="712"/>
      <c r="DQ4" s="712"/>
      <c r="DR4" s="712"/>
      <c r="DS4" s="712"/>
      <c r="DT4" s="712"/>
      <c r="DU4" s="712"/>
      <c r="DV4" s="712"/>
      <c r="DW4" s="712"/>
      <c r="DX4" s="712"/>
      <c r="DY4" s="712"/>
      <c r="DZ4" s="712"/>
      <c r="EA4" s="712"/>
      <c r="EB4" s="712"/>
      <c r="EC4" s="712"/>
      <c r="ED4" s="712"/>
      <c r="EE4" s="712"/>
      <c r="EF4" s="712"/>
      <c r="EG4" s="712"/>
      <c r="EH4" s="712"/>
      <c r="EI4" s="712"/>
      <c r="EJ4" s="712"/>
      <c r="EK4" s="712"/>
      <c r="EL4" s="712"/>
      <c r="EM4" s="712"/>
      <c r="EN4" s="712"/>
      <c r="EO4" s="712"/>
      <c r="EP4" s="712"/>
      <c r="EQ4" s="712"/>
      <c r="ER4" s="712"/>
      <c r="ES4" s="712"/>
      <c r="ET4" s="712"/>
      <c r="EU4" s="712"/>
      <c r="EV4" s="712"/>
      <c r="EW4" s="712"/>
      <c r="EX4" s="712"/>
      <c r="EY4" s="712"/>
      <c r="EZ4" s="712"/>
      <c r="FA4" s="712"/>
      <c r="FB4" s="712"/>
      <c r="FC4" s="712"/>
      <c r="FD4" s="712"/>
      <c r="FE4" s="712"/>
      <c r="FF4" s="712"/>
      <c r="FG4" s="712"/>
      <c r="FH4" s="712"/>
      <c r="FI4" s="712"/>
      <c r="FJ4" s="712"/>
      <c r="FK4" s="712"/>
      <c r="FL4" s="712"/>
      <c r="FM4" s="712"/>
      <c r="FN4" s="712"/>
      <c r="FO4" s="712"/>
      <c r="FP4" s="712"/>
      <c r="FQ4" s="712"/>
      <c r="FR4" s="712"/>
      <c r="FS4" s="712"/>
      <c r="FT4" s="712"/>
      <c r="FU4" s="712"/>
      <c r="FV4" s="712"/>
      <c r="FW4" s="712"/>
      <c r="FX4" s="712"/>
      <c r="FY4" s="712"/>
      <c r="FZ4" s="712"/>
      <c r="GA4" s="712"/>
      <c r="GB4" s="712"/>
      <c r="GC4" s="712"/>
      <c r="GD4" s="712"/>
      <c r="GE4" s="712"/>
      <c r="GF4" s="712"/>
      <c r="GG4" s="712"/>
      <c r="GH4" s="712"/>
      <c r="GI4" s="712"/>
      <c r="GJ4" s="712"/>
      <c r="GK4" s="712"/>
      <c r="GL4" s="712"/>
      <c r="GM4" s="712"/>
      <c r="GN4" s="712"/>
      <c r="GO4" s="712"/>
      <c r="GP4" s="712"/>
      <c r="GQ4" s="712"/>
      <c r="GR4" s="712"/>
      <c r="GS4" s="712"/>
      <c r="GT4" s="712"/>
      <c r="GU4" s="712"/>
      <c r="GV4" s="712"/>
      <c r="GW4" s="712"/>
      <c r="GX4" s="712"/>
      <c r="GY4" s="712"/>
      <c r="GZ4" s="712"/>
      <c r="HA4" s="712"/>
      <c r="HB4" s="712"/>
      <c r="HC4" s="712"/>
      <c r="HD4" s="712"/>
      <c r="HE4" s="712"/>
      <c r="HF4" s="712"/>
      <c r="HG4" s="712"/>
      <c r="HH4" s="712"/>
      <c r="HI4" s="712"/>
      <c r="HJ4" s="712"/>
      <c r="HK4" s="712"/>
      <c r="HL4" s="712"/>
      <c r="HM4" s="712"/>
      <c r="HN4" s="712"/>
      <c r="HO4" s="712"/>
      <c r="HP4" s="712"/>
      <c r="HQ4" s="712"/>
      <c r="HR4" s="712"/>
      <c r="HS4" s="712"/>
      <c r="HT4" s="712"/>
      <c r="HU4" s="712"/>
      <c r="HV4" s="712"/>
      <c r="HW4" s="712"/>
      <c r="HX4" s="713"/>
      <c r="HY4" s="608" t="s">
        <v>85</v>
      </c>
      <c r="HZ4" s="609"/>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10"/>
      <c r="ME4" s="608" t="s">
        <v>86</v>
      </c>
      <c r="MF4" s="609"/>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10"/>
      <c r="OH4" s="599" t="s">
        <v>60</v>
      </c>
      <c r="OI4" s="503"/>
      <c r="OJ4" s="503"/>
      <c r="OK4" s="503"/>
      <c r="OL4" s="503"/>
      <c r="OM4" s="503"/>
      <c r="ON4" s="503"/>
      <c r="OO4" s="503"/>
      <c r="OP4" s="503"/>
      <c r="OQ4" s="503"/>
      <c r="OR4" s="504"/>
    </row>
    <row r="5" spans="1:408" ht="18" customHeight="1" thickBot="1" x14ac:dyDescent="0.25">
      <c r="A5" s="707"/>
      <c r="B5" s="710"/>
      <c r="C5" s="710"/>
      <c r="D5" s="710"/>
      <c r="E5" s="710"/>
      <c r="F5" s="710"/>
      <c r="G5" s="710"/>
      <c r="H5" s="710"/>
      <c r="I5" s="710"/>
      <c r="J5" s="710"/>
      <c r="K5" s="710"/>
      <c r="L5" s="710"/>
      <c r="M5" s="714" t="s">
        <v>64</v>
      </c>
      <c r="N5" s="715"/>
      <c r="O5" s="715"/>
      <c r="P5" s="715"/>
      <c r="Q5" s="715"/>
      <c r="R5" s="715"/>
      <c r="S5" s="715"/>
      <c r="T5" s="715"/>
      <c r="U5" s="715"/>
      <c r="V5" s="715"/>
      <c r="W5" s="715"/>
      <c r="X5" s="715"/>
      <c r="Y5" s="715"/>
      <c r="Z5" s="715"/>
      <c r="AA5" s="715"/>
      <c r="AB5" s="715"/>
      <c r="AC5" s="715"/>
      <c r="AD5" s="715"/>
      <c r="AE5" s="715"/>
      <c r="AF5" s="715"/>
      <c r="AG5" s="715"/>
      <c r="AH5" s="715"/>
      <c r="AI5" s="715"/>
      <c r="AJ5" s="715"/>
      <c r="AK5" s="715"/>
      <c r="AL5" s="715"/>
      <c r="AM5" s="715"/>
      <c r="AN5" s="715"/>
      <c r="AO5" s="715"/>
      <c r="AP5" s="715"/>
      <c r="AQ5" s="715"/>
      <c r="AR5" s="715"/>
      <c r="AS5" s="715"/>
      <c r="AT5" s="715"/>
      <c r="AU5" s="715"/>
      <c r="AV5" s="715"/>
      <c r="AW5" s="715"/>
      <c r="AX5" s="715"/>
      <c r="AY5" s="715"/>
      <c r="AZ5" s="715"/>
      <c r="BA5" s="715"/>
      <c r="BB5" s="715"/>
      <c r="BC5" s="715"/>
      <c r="BD5" s="715"/>
      <c r="BE5" s="715"/>
      <c r="BF5" s="715"/>
      <c r="BG5" s="715"/>
      <c r="BH5" s="715"/>
      <c r="BI5" s="715"/>
      <c r="BJ5" s="715"/>
      <c r="BK5" s="715"/>
      <c r="BL5" s="715"/>
      <c r="BM5" s="715"/>
      <c r="BN5" s="715"/>
      <c r="BO5" s="715"/>
      <c r="BP5" s="715"/>
      <c r="BQ5" s="715"/>
      <c r="BR5" s="715"/>
      <c r="BS5" s="715"/>
      <c r="BT5" s="715"/>
      <c r="BU5" s="715"/>
      <c r="BV5" s="715"/>
      <c r="BW5" s="715"/>
      <c r="BX5" s="715"/>
      <c r="BY5" s="715"/>
      <c r="BZ5" s="716"/>
      <c r="CA5" s="714" t="s">
        <v>65</v>
      </c>
      <c r="CB5" s="715"/>
      <c r="CC5" s="715"/>
      <c r="CD5" s="715"/>
      <c r="CE5" s="715"/>
      <c r="CF5" s="715"/>
      <c r="CG5" s="715"/>
      <c r="CH5" s="715"/>
      <c r="CI5" s="715"/>
      <c r="CJ5" s="715"/>
      <c r="CK5" s="715"/>
      <c r="CL5" s="715"/>
      <c r="CM5" s="715"/>
      <c r="CN5" s="715"/>
      <c r="CO5" s="715"/>
      <c r="CP5" s="715"/>
      <c r="CQ5" s="715"/>
      <c r="CR5" s="715"/>
      <c r="CS5" s="715"/>
      <c r="CT5" s="715"/>
      <c r="CU5" s="715"/>
      <c r="CV5" s="715"/>
      <c r="CW5" s="715"/>
      <c r="CX5" s="715"/>
      <c r="CY5" s="715"/>
      <c r="CZ5" s="715"/>
      <c r="DA5" s="715"/>
      <c r="DB5" s="715"/>
      <c r="DC5" s="715"/>
      <c r="DD5" s="715"/>
      <c r="DE5" s="715"/>
      <c r="DF5" s="715"/>
      <c r="DG5" s="716"/>
      <c r="DH5" s="520" t="s">
        <v>66</v>
      </c>
      <c r="DI5" s="521"/>
      <c r="DJ5" s="521"/>
      <c r="DK5" s="521"/>
      <c r="DL5" s="521"/>
      <c r="DM5" s="521"/>
      <c r="DN5" s="521"/>
      <c r="DO5" s="521"/>
      <c r="DP5" s="521"/>
      <c r="DQ5" s="521"/>
      <c r="DR5" s="521"/>
      <c r="DS5" s="521"/>
      <c r="DT5" s="521"/>
      <c r="DU5" s="521"/>
      <c r="DV5" s="521"/>
      <c r="DW5" s="521"/>
      <c r="DX5" s="521"/>
      <c r="DY5" s="521"/>
      <c r="DZ5" s="521"/>
      <c r="EA5" s="521"/>
      <c r="EB5" s="521"/>
      <c r="EC5" s="521"/>
      <c r="ED5" s="521"/>
      <c r="EE5" s="521"/>
      <c r="EF5" s="521"/>
      <c r="EG5" s="521"/>
      <c r="EH5" s="521"/>
      <c r="EI5" s="521"/>
      <c r="EJ5" s="521"/>
      <c r="EK5" s="521"/>
      <c r="EL5" s="521"/>
      <c r="EM5" s="521"/>
      <c r="EN5" s="521"/>
      <c r="EO5" s="521"/>
      <c r="EP5" s="521"/>
      <c r="EQ5" s="521"/>
      <c r="ER5" s="521"/>
      <c r="ES5" s="521"/>
      <c r="ET5" s="521"/>
      <c r="EU5" s="521"/>
      <c r="EV5" s="521"/>
      <c r="EW5" s="521"/>
      <c r="EX5" s="521"/>
      <c r="EY5" s="521"/>
      <c r="EZ5" s="521"/>
      <c r="FA5" s="521"/>
      <c r="FB5" s="521"/>
      <c r="FC5" s="521"/>
      <c r="FD5" s="521"/>
      <c r="FE5" s="521"/>
      <c r="FF5" s="521"/>
      <c r="FG5" s="521"/>
      <c r="FH5" s="521"/>
      <c r="FI5" s="521"/>
      <c r="FJ5" s="522"/>
      <c r="FK5" s="714" t="s">
        <v>67</v>
      </c>
      <c r="FL5" s="715"/>
      <c r="FM5" s="715"/>
      <c r="FN5" s="715"/>
      <c r="FO5" s="715"/>
      <c r="FP5" s="715"/>
      <c r="FQ5" s="715"/>
      <c r="FR5" s="715"/>
      <c r="FS5" s="715"/>
      <c r="FT5" s="715"/>
      <c r="FU5" s="715"/>
      <c r="FV5" s="715"/>
      <c r="FW5" s="715"/>
      <c r="FX5" s="715"/>
      <c r="FY5" s="715"/>
      <c r="FZ5" s="715"/>
      <c r="GA5" s="715"/>
      <c r="GB5" s="715"/>
      <c r="GC5" s="715"/>
      <c r="GD5" s="715"/>
      <c r="GE5" s="715"/>
      <c r="GF5" s="715"/>
      <c r="GG5" s="715"/>
      <c r="GH5" s="715"/>
      <c r="GI5" s="715"/>
      <c r="GJ5" s="715"/>
      <c r="GK5" s="715"/>
      <c r="GL5" s="715"/>
      <c r="GM5" s="715"/>
      <c r="GN5" s="715"/>
      <c r="GO5" s="715"/>
      <c r="GP5" s="715"/>
      <c r="GQ5" s="715"/>
      <c r="GR5" s="715"/>
      <c r="GS5" s="715"/>
      <c r="GT5" s="715"/>
      <c r="GU5" s="715"/>
      <c r="GV5" s="715"/>
      <c r="GW5" s="715"/>
      <c r="GX5" s="715"/>
      <c r="GY5" s="715"/>
      <c r="GZ5" s="715"/>
      <c r="HA5" s="715"/>
      <c r="HB5" s="716"/>
      <c r="HC5" s="717" t="s">
        <v>68</v>
      </c>
      <c r="HD5" s="718"/>
      <c r="HE5" s="718"/>
      <c r="HF5" s="718"/>
      <c r="HG5" s="718"/>
      <c r="HH5" s="718"/>
      <c r="HI5" s="718"/>
      <c r="HJ5" s="718"/>
      <c r="HK5" s="718"/>
      <c r="HL5" s="718"/>
      <c r="HM5" s="719"/>
      <c r="HN5" s="717" t="s">
        <v>69</v>
      </c>
      <c r="HO5" s="718"/>
      <c r="HP5" s="718"/>
      <c r="HQ5" s="718"/>
      <c r="HR5" s="718"/>
      <c r="HS5" s="718"/>
      <c r="HT5" s="718"/>
      <c r="HU5" s="718"/>
      <c r="HV5" s="718"/>
      <c r="HW5" s="718"/>
      <c r="HX5" s="719"/>
      <c r="HY5" s="659"/>
      <c r="HZ5" s="660"/>
      <c r="IA5" s="660"/>
      <c r="IB5" s="660"/>
      <c r="IC5" s="660"/>
      <c r="ID5" s="660"/>
      <c r="IE5" s="660"/>
      <c r="IF5" s="660"/>
      <c r="IG5" s="660"/>
      <c r="IH5" s="660"/>
      <c r="II5" s="661"/>
      <c r="IJ5" s="599" t="s">
        <v>94</v>
      </c>
      <c r="IK5" s="503"/>
      <c r="IL5" s="503"/>
      <c r="IM5" s="503"/>
      <c r="IN5" s="503"/>
      <c r="IO5" s="503"/>
      <c r="IP5" s="503"/>
      <c r="IQ5" s="503"/>
      <c r="IR5" s="503"/>
      <c r="IS5" s="503"/>
      <c r="IT5" s="504"/>
      <c r="IU5" s="599" t="s">
        <v>88</v>
      </c>
      <c r="IV5" s="503"/>
      <c r="IW5" s="503"/>
      <c r="IX5" s="503"/>
      <c r="IY5" s="503"/>
      <c r="IZ5" s="503"/>
      <c r="JA5" s="503"/>
      <c r="JB5" s="503"/>
      <c r="JC5" s="503"/>
      <c r="JD5" s="503"/>
      <c r="JE5" s="504"/>
      <c r="JF5" s="662" t="s">
        <v>144</v>
      </c>
      <c r="JG5" s="663"/>
      <c r="JH5" s="663"/>
      <c r="JI5" s="663"/>
      <c r="JJ5" s="663"/>
      <c r="JK5" s="663"/>
      <c r="JL5" s="663"/>
      <c r="JM5" s="663"/>
      <c r="JN5" s="663"/>
      <c r="JO5" s="663"/>
      <c r="JP5" s="664"/>
      <c r="JQ5" s="599" t="s">
        <v>90</v>
      </c>
      <c r="JR5" s="503"/>
      <c r="JS5" s="503"/>
      <c r="JT5" s="503"/>
      <c r="JU5" s="503"/>
      <c r="JV5" s="503"/>
      <c r="JW5" s="503"/>
      <c r="JX5" s="503"/>
      <c r="JY5" s="503"/>
      <c r="JZ5" s="503"/>
      <c r="KA5" s="504"/>
      <c r="KB5" s="599" t="s">
        <v>89</v>
      </c>
      <c r="KC5" s="503"/>
      <c r="KD5" s="503"/>
      <c r="KE5" s="503"/>
      <c r="KF5" s="503"/>
      <c r="KG5" s="503"/>
      <c r="KH5" s="503"/>
      <c r="KI5" s="503"/>
      <c r="KJ5" s="503"/>
      <c r="KK5" s="503"/>
      <c r="KL5" s="504"/>
      <c r="KM5" s="599" t="s">
        <v>91</v>
      </c>
      <c r="KN5" s="503"/>
      <c r="KO5" s="503"/>
      <c r="KP5" s="503"/>
      <c r="KQ5" s="503"/>
      <c r="KR5" s="503"/>
      <c r="KS5" s="503"/>
      <c r="KT5" s="503"/>
      <c r="KU5" s="503"/>
      <c r="KV5" s="503"/>
      <c r="KW5" s="504"/>
      <c r="KX5" s="599" t="s">
        <v>92</v>
      </c>
      <c r="KY5" s="503"/>
      <c r="KZ5" s="503"/>
      <c r="LA5" s="503"/>
      <c r="LB5" s="503"/>
      <c r="LC5" s="503"/>
      <c r="LD5" s="503"/>
      <c r="LE5" s="503"/>
      <c r="LF5" s="503"/>
      <c r="LG5" s="503"/>
      <c r="LH5" s="504"/>
      <c r="LI5" s="668" t="s">
        <v>93</v>
      </c>
      <c r="LJ5" s="669"/>
      <c r="LK5" s="669"/>
      <c r="LL5" s="669"/>
      <c r="LM5" s="669"/>
      <c r="LN5" s="669"/>
      <c r="LO5" s="669"/>
      <c r="LP5" s="669"/>
      <c r="LQ5" s="669"/>
      <c r="LR5" s="669"/>
      <c r="LS5" s="670"/>
      <c r="LT5" s="671" t="s">
        <v>145</v>
      </c>
      <c r="LU5" s="672"/>
      <c r="LV5" s="672"/>
      <c r="LW5" s="672"/>
      <c r="LX5" s="672"/>
      <c r="LY5" s="672"/>
      <c r="LZ5" s="672"/>
      <c r="MA5" s="672"/>
      <c r="MB5" s="672"/>
      <c r="MC5" s="672"/>
      <c r="MD5" s="673"/>
      <c r="ME5" s="659"/>
      <c r="MF5" s="660"/>
      <c r="MG5" s="660"/>
      <c r="MH5" s="660"/>
      <c r="MI5" s="660"/>
      <c r="MJ5" s="660"/>
      <c r="MK5" s="660"/>
      <c r="ML5" s="660"/>
      <c r="MM5" s="660"/>
      <c r="MN5" s="660"/>
      <c r="MO5" s="661"/>
      <c r="MP5" s="599" t="s">
        <v>57</v>
      </c>
      <c r="MQ5" s="503"/>
      <c r="MR5" s="503"/>
      <c r="MS5" s="503"/>
      <c r="MT5" s="503"/>
      <c r="MU5" s="503"/>
      <c r="MV5" s="503"/>
      <c r="MW5" s="503"/>
      <c r="MX5" s="503"/>
      <c r="MY5" s="503"/>
      <c r="MZ5" s="504"/>
      <c r="NA5" s="599" t="s">
        <v>58</v>
      </c>
      <c r="NB5" s="503"/>
      <c r="NC5" s="503"/>
      <c r="ND5" s="503"/>
      <c r="NE5" s="503"/>
      <c r="NF5" s="503"/>
      <c r="NG5" s="503"/>
      <c r="NH5" s="503"/>
      <c r="NI5" s="503"/>
      <c r="NJ5" s="503"/>
      <c r="NK5" s="504"/>
      <c r="NL5" s="599" t="s">
        <v>59</v>
      </c>
      <c r="NM5" s="503"/>
      <c r="NN5" s="503"/>
      <c r="NO5" s="503"/>
      <c r="NP5" s="503"/>
      <c r="NQ5" s="503"/>
      <c r="NR5" s="503"/>
      <c r="NS5" s="503"/>
      <c r="NT5" s="503"/>
      <c r="NU5" s="503"/>
      <c r="NV5" s="504"/>
      <c r="NW5" s="649" t="s">
        <v>151</v>
      </c>
      <c r="NX5" s="650"/>
      <c r="NY5" s="650"/>
      <c r="NZ5" s="650"/>
      <c r="OA5" s="650"/>
      <c r="OB5" s="650"/>
      <c r="OC5" s="650"/>
      <c r="OD5" s="650"/>
      <c r="OE5" s="650"/>
      <c r="OF5" s="650"/>
      <c r="OG5" s="651"/>
      <c r="OH5" s="656"/>
      <c r="OI5" s="657"/>
      <c r="OJ5" s="657"/>
      <c r="OK5" s="657"/>
      <c r="OL5" s="657"/>
      <c r="OM5" s="657"/>
      <c r="ON5" s="657"/>
      <c r="OO5" s="657"/>
      <c r="OP5" s="657"/>
      <c r="OQ5" s="657"/>
      <c r="OR5" s="658"/>
    </row>
    <row r="6" spans="1:408" ht="18" customHeight="1" thickBot="1" x14ac:dyDescent="0.25">
      <c r="A6" s="707"/>
      <c r="B6" s="711"/>
      <c r="C6" s="711"/>
      <c r="D6" s="711"/>
      <c r="E6" s="711"/>
      <c r="F6" s="711"/>
      <c r="G6" s="711"/>
      <c r="H6" s="711"/>
      <c r="I6" s="711"/>
      <c r="J6" s="711"/>
      <c r="K6" s="711"/>
      <c r="L6" s="711"/>
      <c r="M6" s="512"/>
      <c r="N6" s="513"/>
      <c r="O6" s="513"/>
      <c r="P6" s="513"/>
      <c r="Q6" s="513"/>
      <c r="R6" s="513"/>
      <c r="S6" s="513"/>
      <c r="T6" s="513"/>
      <c r="U6" s="513"/>
      <c r="V6" s="513"/>
      <c r="W6" s="514"/>
      <c r="X6" s="699" t="s">
        <v>70</v>
      </c>
      <c r="Y6" s="516"/>
      <c r="Z6" s="516"/>
      <c r="AA6" s="516"/>
      <c r="AB6" s="516"/>
      <c r="AC6" s="516"/>
      <c r="AD6" s="516"/>
      <c r="AE6" s="516"/>
      <c r="AF6" s="516"/>
      <c r="AG6" s="516"/>
      <c r="AH6" s="517"/>
      <c r="AI6" s="694" t="s">
        <v>71</v>
      </c>
      <c r="AJ6" s="695"/>
      <c r="AK6" s="695"/>
      <c r="AL6" s="695"/>
      <c r="AM6" s="695"/>
      <c r="AN6" s="695"/>
      <c r="AO6" s="695"/>
      <c r="AP6" s="695"/>
      <c r="AQ6" s="695"/>
      <c r="AR6" s="695"/>
      <c r="AS6" s="696"/>
      <c r="AT6" s="694" t="s">
        <v>72</v>
      </c>
      <c r="AU6" s="695"/>
      <c r="AV6" s="695"/>
      <c r="AW6" s="695"/>
      <c r="AX6" s="695"/>
      <c r="AY6" s="695"/>
      <c r="AZ6" s="695"/>
      <c r="BA6" s="695"/>
      <c r="BB6" s="695"/>
      <c r="BC6" s="695"/>
      <c r="BD6" s="696"/>
      <c r="BE6" s="694" t="s">
        <v>73</v>
      </c>
      <c r="BF6" s="695"/>
      <c r="BG6" s="695"/>
      <c r="BH6" s="695"/>
      <c r="BI6" s="695"/>
      <c r="BJ6" s="695"/>
      <c r="BK6" s="695"/>
      <c r="BL6" s="695"/>
      <c r="BM6" s="695"/>
      <c r="BN6" s="695"/>
      <c r="BO6" s="696"/>
      <c r="BP6" s="694" t="s">
        <v>74</v>
      </c>
      <c r="BQ6" s="695"/>
      <c r="BR6" s="695"/>
      <c r="BS6" s="695"/>
      <c r="BT6" s="695"/>
      <c r="BU6" s="695"/>
      <c r="BV6" s="695"/>
      <c r="BW6" s="695"/>
      <c r="BX6" s="695"/>
      <c r="BY6" s="695"/>
      <c r="BZ6" s="696"/>
      <c r="CA6" s="697"/>
      <c r="CB6" s="698"/>
      <c r="CC6" s="698"/>
      <c r="CD6" s="698"/>
      <c r="CE6" s="698"/>
      <c r="CF6" s="698"/>
      <c r="CG6" s="698"/>
      <c r="CH6" s="698"/>
      <c r="CI6" s="698"/>
      <c r="CJ6" s="698"/>
      <c r="CK6" s="723"/>
      <c r="CL6" s="694" t="s">
        <v>75</v>
      </c>
      <c r="CM6" s="695"/>
      <c r="CN6" s="695"/>
      <c r="CO6" s="695"/>
      <c r="CP6" s="695"/>
      <c r="CQ6" s="695"/>
      <c r="CR6" s="695"/>
      <c r="CS6" s="695"/>
      <c r="CT6" s="695"/>
      <c r="CU6" s="695"/>
      <c r="CV6" s="696"/>
      <c r="CW6" s="694" t="s">
        <v>76</v>
      </c>
      <c r="CX6" s="695"/>
      <c r="CY6" s="695"/>
      <c r="CZ6" s="695"/>
      <c r="DA6" s="695"/>
      <c r="DB6" s="695"/>
      <c r="DC6" s="695"/>
      <c r="DD6" s="695"/>
      <c r="DE6" s="695"/>
      <c r="DF6" s="695"/>
      <c r="DG6" s="696"/>
      <c r="DH6" s="697"/>
      <c r="DI6" s="698"/>
      <c r="DJ6" s="698"/>
      <c r="DK6" s="698"/>
      <c r="DL6" s="698"/>
      <c r="DM6" s="698"/>
      <c r="DN6" s="698"/>
      <c r="DO6" s="698"/>
      <c r="DP6" s="698"/>
      <c r="DQ6" s="698"/>
      <c r="DR6" s="698"/>
      <c r="DS6" s="694" t="s">
        <v>77</v>
      </c>
      <c r="DT6" s="695"/>
      <c r="DU6" s="695"/>
      <c r="DV6" s="695"/>
      <c r="DW6" s="695"/>
      <c r="DX6" s="695"/>
      <c r="DY6" s="695"/>
      <c r="DZ6" s="695"/>
      <c r="EA6" s="695"/>
      <c r="EB6" s="695"/>
      <c r="EC6" s="696"/>
      <c r="ED6" s="694" t="s">
        <v>78</v>
      </c>
      <c r="EE6" s="695"/>
      <c r="EF6" s="695"/>
      <c r="EG6" s="695"/>
      <c r="EH6" s="695"/>
      <c r="EI6" s="695"/>
      <c r="EJ6" s="695"/>
      <c r="EK6" s="695"/>
      <c r="EL6" s="695"/>
      <c r="EM6" s="695"/>
      <c r="EN6" s="696"/>
      <c r="EO6" s="694" t="s">
        <v>79</v>
      </c>
      <c r="EP6" s="695"/>
      <c r="EQ6" s="695"/>
      <c r="ER6" s="695"/>
      <c r="ES6" s="695"/>
      <c r="ET6" s="695"/>
      <c r="EU6" s="695"/>
      <c r="EV6" s="695"/>
      <c r="EW6" s="695"/>
      <c r="EX6" s="695"/>
      <c r="EY6" s="696"/>
      <c r="EZ6" s="618" t="s">
        <v>152</v>
      </c>
      <c r="FA6" s="695"/>
      <c r="FB6" s="695"/>
      <c r="FC6" s="695"/>
      <c r="FD6" s="695"/>
      <c r="FE6" s="695"/>
      <c r="FF6" s="695"/>
      <c r="FG6" s="695"/>
      <c r="FH6" s="695"/>
      <c r="FI6" s="695"/>
      <c r="FJ6" s="696"/>
      <c r="FK6" s="697"/>
      <c r="FL6" s="698"/>
      <c r="FM6" s="698"/>
      <c r="FN6" s="698"/>
      <c r="FO6" s="698"/>
      <c r="FP6" s="698"/>
      <c r="FQ6" s="698"/>
      <c r="FR6" s="698"/>
      <c r="FS6" s="698"/>
      <c r="FT6" s="698"/>
      <c r="FU6" s="698"/>
      <c r="FV6" s="694" t="s">
        <v>80</v>
      </c>
      <c r="FW6" s="695"/>
      <c r="FX6" s="695"/>
      <c r="FY6" s="695"/>
      <c r="FZ6" s="695"/>
      <c r="GA6" s="695"/>
      <c r="GB6" s="695"/>
      <c r="GC6" s="695"/>
      <c r="GD6" s="695"/>
      <c r="GE6" s="695"/>
      <c r="GF6" s="696"/>
      <c r="GG6" s="699" t="s">
        <v>81</v>
      </c>
      <c r="GH6" s="516"/>
      <c r="GI6" s="516"/>
      <c r="GJ6" s="516"/>
      <c r="GK6" s="516"/>
      <c r="GL6" s="516"/>
      <c r="GM6" s="516"/>
      <c r="GN6" s="516"/>
      <c r="GO6" s="516"/>
      <c r="GP6" s="516"/>
      <c r="GQ6" s="517"/>
      <c r="GR6" s="699" t="s">
        <v>82</v>
      </c>
      <c r="GS6" s="516"/>
      <c r="GT6" s="516"/>
      <c r="GU6" s="516"/>
      <c r="GV6" s="516"/>
      <c r="GW6" s="516"/>
      <c r="GX6" s="516"/>
      <c r="GY6" s="516"/>
      <c r="GZ6" s="516"/>
      <c r="HA6" s="516"/>
      <c r="HB6" s="517"/>
      <c r="HC6" s="720"/>
      <c r="HD6" s="721"/>
      <c r="HE6" s="721"/>
      <c r="HF6" s="721"/>
      <c r="HG6" s="721"/>
      <c r="HH6" s="721"/>
      <c r="HI6" s="721"/>
      <c r="HJ6" s="721"/>
      <c r="HK6" s="721"/>
      <c r="HL6" s="721"/>
      <c r="HM6" s="722"/>
      <c r="HN6" s="720"/>
      <c r="HO6" s="721"/>
      <c r="HP6" s="721"/>
      <c r="HQ6" s="721"/>
      <c r="HR6" s="721"/>
      <c r="HS6" s="721"/>
      <c r="HT6" s="721"/>
      <c r="HU6" s="721"/>
      <c r="HV6" s="721"/>
      <c r="HW6" s="721"/>
      <c r="HX6" s="722"/>
      <c r="HY6" s="612"/>
      <c r="HZ6" s="613"/>
      <c r="IA6" s="613"/>
      <c r="IB6" s="613"/>
      <c r="IC6" s="613"/>
      <c r="ID6" s="613"/>
      <c r="IE6" s="613"/>
      <c r="IF6" s="613"/>
      <c r="IG6" s="613"/>
      <c r="IH6" s="613"/>
      <c r="II6" s="614"/>
      <c r="IJ6" s="600"/>
      <c r="IK6" s="593"/>
      <c r="IL6" s="593"/>
      <c r="IM6" s="593"/>
      <c r="IN6" s="593"/>
      <c r="IO6" s="593"/>
      <c r="IP6" s="593"/>
      <c r="IQ6" s="593"/>
      <c r="IR6" s="593"/>
      <c r="IS6" s="593"/>
      <c r="IT6" s="601"/>
      <c r="IU6" s="600"/>
      <c r="IV6" s="593"/>
      <c r="IW6" s="593"/>
      <c r="IX6" s="593"/>
      <c r="IY6" s="593"/>
      <c r="IZ6" s="593"/>
      <c r="JA6" s="593"/>
      <c r="JB6" s="593"/>
      <c r="JC6" s="593"/>
      <c r="JD6" s="593"/>
      <c r="JE6" s="601"/>
      <c r="JF6" s="665"/>
      <c r="JG6" s="666"/>
      <c r="JH6" s="666"/>
      <c r="JI6" s="666"/>
      <c r="JJ6" s="666"/>
      <c r="JK6" s="666"/>
      <c r="JL6" s="666"/>
      <c r="JM6" s="666"/>
      <c r="JN6" s="666"/>
      <c r="JO6" s="666"/>
      <c r="JP6" s="667"/>
      <c r="JQ6" s="600"/>
      <c r="JR6" s="593"/>
      <c r="JS6" s="593"/>
      <c r="JT6" s="593"/>
      <c r="JU6" s="593"/>
      <c r="JV6" s="593"/>
      <c r="JW6" s="593"/>
      <c r="JX6" s="593"/>
      <c r="JY6" s="593"/>
      <c r="JZ6" s="593"/>
      <c r="KA6" s="601"/>
      <c r="KB6" s="600"/>
      <c r="KC6" s="593"/>
      <c r="KD6" s="593"/>
      <c r="KE6" s="593"/>
      <c r="KF6" s="593"/>
      <c r="KG6" s="593"/>
      <c r="KH6" s="593"/>
      <c r="KI6" s="593"/>
      <c r="KJ6" s="593"/>
      <c r="KK6" s="593"/>
      <c r="KL6" s="601"/>
      <c r="KM6" s="600"/>
      <c r="KN6" s="593"/>
      <c r="KO6" s="593"/>
      <c r="KP6" s="593"/>
      <c r="KQ6" s="593"/>
      <c r="KR6" s="593"/>
      <c r="KS6" s="593"/>
      <c r="KT6" s="593"/>
      <c r="KU6" s="593"/>
      <c r="KV6" s="593"/>
      <c r="KW6" s="601"/>
      <c r="KX6" s="600"/>
      <c r="KY6" s="593"/>
      <c r="KZ6" s="593"/>
      <c r="LA6" s="593"/>
      <c r="LB6" s="593"/>
      <c r="LC6" s="593"/>
      <c r="LD6" s="593"/>
      <c r="LE6" s="593"/>
      <c r="LF6" s="593"/>
      <c r="LG6" s="593"/>
      <c r="LH6" s="601"/>
      <c r="LI6" s="612"/>
      <c r="LJ6" s="613"/>
      <c r="LK6" s="613"/>
      <c r="LL6" s="613"/>
      <c r="LM6" s="613"/>
      <c r="LN6" s="613"/>
      <c r="LO6" s="613"/>
      <c r="LP6" s="613"/>
      <c r="LQ6" s="613"/>
      <c r="LR6" s="613"/>
      <c r="LS6" s="614"/>
      <c r="LT6" s="674"/>
      <c r="LU6" s="675"/>
      <c r="LV6" s="675"/>
      <c r="LW6" s="675"/>
      <c r="LX6" s="675"/>
      <c r="LY6" s="675"/>
      <c r="LZ6" s="675"/>
      <c r="MA6" s="675"/>
      <c r="MB6" s="675"/>
      <c r="MC6" s="675"/>
      <c r="MD6" s="676"/>
      <c r="ME6" s="612"/>
      <c r="MF6" s="613"/>
      <c r="MG6" s="613"/>
      <c r="MH6" s="613"/>
      <c r="MI6" s="613"/>
      <c r="MJ6" s="613"/>
      <c r="MK6" s="613"/>
      <c r="ML6" s="613"/>
      <c r="MM6" s="613"/>
      <c r="MN6" s="613"/>
      <c r="MO6" s="614"/>
      <c r="MP6" s="600"/>
      <c r="MQ6" s="593"/>
      <c r="MR6" s="593"/>
      <c r="MS6" s="593"/>
      <c r="MT6" s="593"/>
      <c r="MU6" s="593"/>
      <c r="MV6" s="593"/>
      <c r="MW6" s="593"/>
      <c r="MX6" s="593"/>
      <c r="MY6" s="593"/>
      <c r="MZ6" s="601"/>
      <c r="NA6" s="600"/>
      <c r="NB6" s="593"/>
      <c r="NC6" s="593"/>
      <c r="ND6" s="593"/>
      <c r="NE6" s="593"/>
      <c r="NF6" s="593"/>
      <c r="NG6" s="593"/>
      <c r="NH6" s="593"/>
      <c r="NI6" s="593"/>
      <c r="NJ6" s="593"/>
      <c r="NK6" s="601"/>
      <c r="NL6" s="600"/>
      <c r="NM6" s="593"/>
      <c r="NN6" s="593"/>
      <c r="NO6" s="593"/>
      <c r="NP6" s="593"/>
      <c r="NQ6" s="593"/>
      <c r="NR6" s="593"/>
      <c r="NS6" s="593"/>
      <c r="NT6" s="593"/>
      <c r="NU6" s="593"/>
      <c r="NV6" s="601"/>
      <c r="NW6" s="652"/>
      <c r="NX6" s="653"/>
      <c r="NY6" s="653"/>
      <c r="NZ6" s="653"/>
      <c r="OA6" s="653"/>
      <c r="OB6" s="653"/>
      <c r="OC6" s="653"/>
      <c r="OD6" s="653"/>
      <c r="OE6" s="653"/>
      <c r="OF6" s="653"/>
      <c r="OG6" s="654"/>
      <c r="OH6" s="600"/>
      <c r="OI6" s="593"/>
      <c r="OJ6" s="593"/>
      <c r="OK6" s="593"/>
      <c r="OL6" s="593"/>
      <c r="OM6" s="593"/>
      <c r="ON6" s="593"/>
      <c r="OO6" s="593"/>
      <c r="OP6" s="593"/>
      <c r="OQ6" s="593"/>
      <c r="OR6" s="601"/>
    </row>
    <row r="7" spans="1:408" ht="23.25" customHeight="1" x14ac:dyDescent="0.2">
      <c r="A7" s="707"/>
      <c r="B7" s="692" t="s">
        <v>61</v>
      </c>
      <c r="C7" s="692"/>
      <c r="D7" s="692"/>
      <c r="E7" s="704" t="s">
        <v>62</v>
      </c>
      <c r="F7" s="692"/>
      <c r="G7" s="692"/>
      <c r="H7" s="692"/>
      <c r="I7" s="692"/>
      <c r="J7" s="692"/>
      <c r="K7" s="692"/>
      <c r="L7" s="704" t="s">
        <v>52</v>
      </c>
      <c r="M7" s="703" t="s">
        <v>61</v>
      </c>
      <c r="N7" s="692"/>
      <c r="O7" s="692"/>
      <c r="P7" s="704" t="s">
        <v>62</v>
      </c>
      <c r="Q7" s="692"/>
      <c r="R7" s="692"/>
      <c r="S7" s="692"/>
      <c r="T7" s="692"/>
      <c r="U7" s="692"/>
      <c r="V7" s="705"/>
      <c r="W7" s="700" t="s">
        <v>52</v>
      </c>
      <c r="X7" s="512" t="s">
        <v>61</v>
      </c>
      <c r="Y7" s="513"/>
      <c r="Z7" s="686"/>
      <c r="AA7" s="685" t="s">
        <v>62</v>
      </c>
      <c r="AB7" s="513"/>
      <c r="AC7" s="513"/>
      <c r="AD7" s="513"/>
      <c r="AE7" s="513"/>
      <c r="AF7" s="513"/>
      <c r="AG7" s="686"/>
      <c r="AH7" s="514" t="s">
        <v>52</v>
      </c>
      <c r="AI7" s="680" t="s">
        <v>61</v>
      </c>
      <c r="AJ7" s="681"/>
      <c r="AK7" s="682"/>
      <c r="AL7" s="683" t="s">
        <v>62</v>
      </c>
      <c r="AM7" s="681"/>
      <c r="AN7" s="681"/>
      <c r="AO7" s="681"/>
      <c r="AP7" s="681"/>
      <c r="AQ7" s="681"/>
      <c r="AR7" s="684"/>
      <c r="AS7" s="514" t="s">
        <v>52</v>
      </c>
      <c r="AT7" s="680" t="s">
        <v>61</v>
      </c>
      <c r="AU7" s="681"/>
      <c r="AV7" s="682"/>
      <c r="AW7" s="683" t="s">
        <v>62</v>
      </c>
      <c r="AX7" s="681"/>
      <c r="AY7" s="681"/>
      <c r="AZ7" s="681"/>
      <c r="BA7" s="681"/>
      <c r="BB7" s="681"/>
      <c r="BC7" s="684"/>
      <c r="BD7" s="514" t="s">
        <v>52</v>
      </c>
      <c r="BE7" s="680" t="s">
        <v>61</v>
      </c>
      <c r="BF7" s="681"/>
      <c r="BG7" s="682"/>
      <c r="BH7" s="683" t="s">
        <v>62</v>
      </c>
      <c r="BI7" s="681"/>
      <c r="BJ7" s="681"/>
      <c r="BK7" s="681"/>
      <c r="BL7" s="681"/>
      <c r="BM7" s="681"/>
      <c r="BN7" s="684"/>
      <c r="BO7" s="514" t="s">
        <v>52</v>
      </c>
      <c r="BP7" s="680" t="s">
        <v>61</v>
      </c>
      <c r="BQ7" s="681"/>
      <c r="BR7" s="682"/>
      <c r="BS7" s="683" t="s">
        <v>62</v>
      </c>
      <c r="BT7" s="681"/>
      <c r="BU7" s="681"/>
      <c r="BV7" s="681"/>
      <c r="BW7" s="681"/>
      <c r="BX7" s="681"/>
      <c r="BY7" s="684"/>
      <c r="BZ7" s="514" t="s">
        <v>52</v>
      </c>
      <c r="CA7" s="687" t="s">
        <v>61</v>
      </c>
      <c r="CB7" s="688"/>
      <c r="CC7" s="689"/>
      <c r="CD7" s="690" t="s">
        <v>62</v>
      </c>
      <c r="CE7" s="688"/>
      <c r="CF7" s="688"/>
      <c r="CG7" s="688"/>
      <c r="CH7" s="688"/>
      <c r="CI7" s="688"/>
      <c r="CJ7" s="691"/>
      <c r="CK7" s="700" t="s">
        <v>52</v>
      </c>
      <c r="CL7" s="680" t="s">
        <v>61</v>
      </c>
      <c r="CM7" s="681"/>
      <c r="CN7" s="684"/>
      <c r="CO7" s="683" t="s">
        <v>62</v>
      </c>
      <c r="CP7" s="681"/>
      <c r="CQ7" s="681"/>
      <c r="CR7" s="681"/>
      <c r="CS7" s="681"/>
      <c r="CT7" s="681"/>
      <c r="CU7" s="684"/>
      <c r="CV7" s="702" t="s">
        <v>52</v>
      </c>
      <c r="CW7" s="680" t="s">
        <v>61</v>
      </c>
      <c r="CX7" s="681"/>
      <c r="CY7" s="684"/>
      <c r="CZ7" s="683" t="s">
        <v>62</v>
      </c>
      <c r="DA7" s="681"/>
      <c r="DB7" s="681"/>
      <c r="DC7" s="681"/>
      <c r="DD7" s="681"/>
      <c r="DE7" s="681"/>
      <c r="DF7" s="684"/>
      <c r="DG7" s="702" t="s">
        <v>52</v>
      </c>
      <c r="DH7" s="687" t="s">
        <v>61</v>
      </c>
      <c r="DI7" s="688"/>
      <c r="DJ7" s="691"/>
      <c r="DK7" s="690" t="s">
        <v>62</v>
      </c>
      <c r="DL7" s="688"/>
      <c r="DM7" s="688"/>
      <c r="DN7" s="688"/>
      <c r="DO7" s="688"/>
      <c r="DP7" s="688"/>
      <c r="DQ7" s="691"/>
      <c r="DR7" s="700" t="s">
        <v>52</v>
      </c>
      <c r="DS7" s="680" t="s">
        <v>61</v>
      </c>
      <c r="DT7" s="681"/>
      <c r="DU7" s="682"/>
      <c r="DV7" s="683" t="s">
        <v>62</v>
      </c>
      <c r="DW7" s="681"/>
      <c r="DX7" s="681"/>
      <c r="DY7" s="681"/>
      <c r="DZ7" s="681"/>
      <c r="EA7" s="681"/>
      <c r="EB7" s="684"/>
      <c r="EC7" s="514" t="s">
        <v>52</v>
      </c>
      <c r="ED7" s="680" t="s">
        <v>61</v>
      </c>
      <c r="EE7" s="681"/>
      <c r="EF7" s="682"/>
      <c r="EG7" s="683" t="s">
        <v>62</v>
      </c>
      <c r="EH7" s="681"/>
      <c r="EI7" s="681"/>
      <c r="EJ7" s="681"/>
      <c r="EK7" s="681"/>
      <c r="EL7" s="681"/>
      <c r="EM7" s="684"/>
      <c r="EN7" s="514" t="s">
        <v>52</v>
      </c>
      <c r="EO7" s="680" t="s">
        <v>61</v>
      </c>
      <c r="EP7" s="681"/>
      <c r="EQ7" s="682"/>
      <c r="ER7" s="683" t="s">
        <v>62</v>
      </c>
      <c r="ES7" s="681"/>
      <c r="ET7" s="681"/>
      <c r="EU7" s="681"/>
      <c r="EV7" s="681"/>
      <c r="EW7" s="681"/>
      <c r="EX7" s="684"/>
      <c r="EY7" s="514" t="s">
        <v>52</v>
      </c>
      <c r="EZ7" s="680" t="s">
        <v>61</v>
      </c>
      <c r="FA7" s="681"/>
      <c r="FB7" s="682"/>
      <c r="FC7" s="683" t="s">
        <v>62</v>
      </c>
      <c r="FD7" s="681"/>
      <c r="FE7" s="681"/>
      <c r="FF7" s="681"/>
      <c r="FG7" s="681"/>
      <c r="FH7" s="681"/>
      <c r="FI7" s="684"/>
      <c r="FJ7" s="514" t="s">
        <v>52</v>
      </c>
      <c r="FK7" s="687" t="s">
        <v>61</v>
      </c>
      <c r="FL7" s="688"/>
      <c r="FM7" s="689"/>
      <c r="FN7" s="690" t="s">
        <v>62</v>
      </c>
      <c r="FO7" s="688"/>
      <c r="FP7" s="688"/>
      <c r="FQ7" s="688"/>
      <c r="FR7" s="688"/>
      <c r="FS7" s="688"/>
      <c r="FT7" s="691"/>
      <c r="FU7" s="692" t="s">
        <v>52</v>
      </c>
      <c r="FV7" s="680" t="s">
        <v>61</v>
      </c>
      <c r="FW7" s="681"/>
      <c r="FX7" s="682"/>
      <c r="FY7" s="683" t="s">
        <v>62</v>
      </c>
      <c r="FZ7" s="681"/>
      <c r="GA7" s="681"/>
      <c r="GB7" s="681"/>
      <c r="GC7" s="681"/>
      <c r="GD7" s="681"/>
      <c r="GE7" s="684"/>
      <c r="GF7" s="514" t="s">
        <v>52</v>
      </c>
      <c r="GG7" s="512" t="s">
        <v>61</v>
      </c>
      <c r="GH7" s="513"/>
      <c r="GI7" s="513"/>
      <c r="GJ7" s="685" t="s">
        <v>62</v>
      </c>
      <c r="GK7" s="513"/>
      <c r="GL7" s="513"/>
      <c r="GM7" s="513"/>
      <c r="GN7" s="513"/>
      <c r="GO7" s="513"/>
      <c r="GP7" s="686"/>
      <c r="GQ7" s="678" t="s">
        <v>52</v>
      </c>
      <c r="GR7" s="512" t="s">
        <v>61</v>
      </c>
      <c r="GS7" s="513"/>
      <c r="GT7" s="686"/>
      <c r="GU7" s="685" t="s">
        <v>62</v>
      </c>
      <c r="GV7" s="513"/>
      <c r="GW7" s="513"/>
      <c r="GX7" s="513"/>
      <c r="GY7" s="513"/>
      <c r="GZ7" s="513"/>
      <c r="HA7" s="686"/>
      <c r="HB7" s="678" t="s">
        <v>52</v>
      </c>
      <c r="HC7" s="680" t="s">
        <v>61</v>
      </c>
      <c r="HD7" s="681"/>
      <c r="HE7" s="682"/>
      <c r="HF7" s="683" t="s">
        <v>62</v>
      </c>
      <c r="HG7" s="681"/>
      <c r="HH7" s="681"/>
      <c r="HI7" s="681"/>
      <c r="HJ7" s="681"/>
      <c r="HK7" s="681"/>
      <c r="HL7" s="684"/>
      <c r="HM7" s="514" t="s">
        <v>52</v>
      </c>
      <c r="HN7" s="680" t="s">
        <v>61</v>
      </c>
      <c r="HO7" s="681"/>
      <c r="HP7" s="682"/>
      <c r="HQ7" s="683" t="s">
        <v>62</v>
      </c>
      <c r="HR7" s="681"/>
      <c r="HS7" s="681"/>
      <c r="HT7" s="681"/>
      <c r="HU7" s="681"/>
      <c r="HV7" s="681"/>
      <c r="HW7" s="684"/>
      <c r="HX7" s="514" t="s">
        <v>52</v>
      </c>
      <c r="HY7" s="581" t="s">
        <v>61</v>
      </c>
      <c r="HZ7" s="582"/>
      <c r="IA7" s="583"/>
      <c r="IB7" s="640" t="s">
        <v>62</v>
      </c>
      <c r="IC7" s="582"/>
      <c r="ID7" s="582"/>
      <c r="IE7" s="582"/>
      <c r="IF7" s="582"/>
      <c r="IG7" s="582"/>
      <c r="IH7" s="641"/>
      <c r="II7" s="585" t="s">
        <v>52</v>
      </c>
      <c r="IJ7" s="589" t="s">
        <v>61</v>
      </c>
      <c r="IK7" s="590"/>
      <c r="IL7" s="591"/>
      <c r="IM7" s="638" t="s">
        <v>62</v>
      </c>
      <c r="IN7" s="590"/>
      <c r="IO7" s="590"/>
      <c r="IP7" s="590"/>
      <c r="IQ7" s="590"/>
      <c r="IR7" s="590"/>
      <c r="IS7" s="639"/>
      <c r="IT7" s="601" t="s">
        <v>52</v>
      </c>
      <c r="IU7" s="589" t="s">
        <v>61</v>
      </c>
      <c r="IV7" s="590"/>
      <c r="IW7" s="639"/>
      <c r="IX7" s="638" t="s">
        <v>62</v>
      </c>
      <c r="IY7" s="590"/>
      <c r="IZ7" s="590"/>
      <c r="JA7" s="590"/>
      <c r="JB7" s="590"/>
      <c r="JC7" s="590"/>
      <c r="JD7" s="639"/>
      <c r="JE7" s="601" t="s">
        <v>52</v>
      </c>
      <c r="JF7" s="589" t="s">
        <v>61</v>
      </c>
      <c r="JG7" s="590"/>
      <c r="JH7" s="591"/>
      <c r="JI7" s="638" t="s">
        <v>62</v>
      </c>
      <c r="JJ7" s="590"/>
      <c r="JK7" s="590"/>
      <c r="JL7" s="590"/>
      <c r="JM7" s="590"/>
      <c r="JN7" s="590"/>
      <c r="JO7" s="639"/>
      <c r="JP7" s="647" t="s">
        <v>52</v>
      </c>
      <c r="JQ7" s="589" t="s">
        <v>61</v>
      </c>
      <c r="JR7" s="590"/>
      <c r="JS7" s="591"/>
      <c r="JT7" s="638" t="s">
        <v>62</v>
      </c>
      <c r="JU7" s="590"/>
      <c r="JV7" s="590"/>
      <c r="JW7" s="590"/>
      <c r="JX7" s="590"/>
      <c r="JY7" s="590"/>
      <c r="JZ7" s="639"/>
      <c r="KA7" s="647" t="s">
        <v>52</v>
      </c>
      <c r="KB7" s="589" t="s">
        <v>61</v>
      </c>
      <c r="KC7" s="590"/>
      <c r="KD7" s="591"/>
      <c r="KE7" s="638" t="s">
        <v>62</v>
      </c>
      <c r="KF7" s="590"/>
      <c r="KG7" s="590"/>
      <c r="KH7" s="590"/>
      <c r="KI7" s="590"/>
      <c r="KJ7" s="590"/>
      <c r="KK7" s="639"/>
      <c r="KL7" s="647" t="s">
        <v>52</v>
      </c>
      <c r="KM7" s="589" t="s">
        <v>61</v>
      </c>
      <c r="KN7" s="590"/>
      <c r="KO7" s="591"/>
      <c r="KP7" s="638" t="s">
        <v>62</v>
      </c>
      <c r="KQ7" s="590"/>
      <c r="KR7" s="590"/>
      <c r="KS7" s="590"/>
      <c r="KT7" s="590"/>
      <c r="KU7" s="590"/>
      <c r="KV7" s="639"/>
      <c r="KW7" s="647" t="s">
        <v>52</v>
      </c>
      <c r="KX7" s="589" t="s">
        <v>61</v>
      </c>
      <c r="KY7" s="590"/>
      <c r="KZ7" s="591"/>
      <c r="LA7" s="638" t="s">
        <v>62</v>
      </c>
      <c r="LB7" s="590"/>
      <c r="LC7" s="590"/>
      <c r="LD7" s="590"/>
      <c r="LE7" s="590"/>
      <c r="LF7" s="590"/>
      <c r="LG7" s="639"/>
      <c r="LH7" s="647" t="s">
        <v>52</v>
      </c>
      <c r="LI7" s="589" t="s">
        <v>61</v>
      </c>
      <c r="LJ7" s="590"/>
      <c r="LK7" s="591"/>
      <c r="LL7" s="638" t="s">
        <v>62</v>
      </c>
      <c r="LM7" s="590"/>
      <c r="LN7" s="590"/>
      <c r="LO7" s="590"/>
      <c r="LP7" s="590"/>
      <c r="LQ7" s="590"/>
      <c r="LR7" s="639"/>
      <c r="LS7" s="647" t="s">
        <v>52</v>
      </c>
      <c r="LT7" s="589" t="s">
        <v>61</v>
      </c>
      <c r="LU7" s="590"/>
      <c r="LV7" s="591"/>
      <c r="LW7" s="638" t="s">
        <v>62</v>
      </c>
      <c r="LX7" s="590"/>
      <c r="LY7" s="590"/>
      <c r="LZ7" s="590"/>
      <c r="MA7" s="590"/>
      <c r="MB7" s="590"/>
      <c r="MC7" s="639"/>
      <c r="MD7" s="647" t="s">
        <v>52</v>
      </c>
      <c r="ME7" s="581" t="s">
        <v>61</v>
      </c>
      <c r="MF7" s="582"/>
      <c r="MG7" s="583"/>
      <c r="MH7" s="640" t="s">
        <v>62</v>
      </c>
      <c r="MI7" s="582"/>
      <c r="MJ7" s="582"/>
      <c r="MK7" s="582"/>
      <c r="ML7" s="582"/>
      <c r="MM7" s="582"/>
      <c r="MN7" s="641"/>
      <c r="MO7" s="634" t="s">
        <v>52</v>
      </c>
      <c r="MP7" s="589" t="s">
        <v>61</v>
      </c>
      <c r="MQ7" s="590"/>
      <c r="MR7" s="591"/>
      <c r="MS7" s="638" t="s">
        <v>62</v>
      </c>
      <c r="MT7" s="590"/>
      <c r="MU7" s="590"/>
      <c r="MV7" s="590"/>
      <c r="MW7" s="590"/>
      <c r="MX7" s="590"/>
      <c r="MY7" s="639"/>
      <c r="MZ7" s="647" t="s">
        <v>52</v>
      </c>
      <c r="NA7" s="589" t="s">
        <v>61</v>
      </c>
      <c r="NB7" s="590"/>
      <c r="NC7" s="591"/>
      <c r="ND7" s="638" t="s">
        <v>62</v>
      </c>
      <c r="NE7" s="590"/>
      <c r="NF7" s="590"/>
      <c r="NG7" s="590"/>
      <c r="NH7" s="590"/>
      <c r="NI7" s="590"/>
      <c r="NJ7" s="639"/>
      <c r="NK7" s="647" t="s">
        <v>52</v>
      </c>
      <c r="NL7" s="589" t="s">
        <v>61</v>
      </c>
      <c r="NM7" s="590"/>
      <c r="NN7" s="591"/>
      <c r="NO7" s="638" t="s">
        <v>62</v>
      </c>
      <c r="NP7" s="590"/>
      <c r="NQ7" s="590"/>
      <c r="NR7" s="590"/>
      <c r="NS7" s="590"/>
      <c r="NT7" s="590"/>
      <c r="NU7" s="639"/>
      <c r="NV7" s="647" t="s">
        <v>52</v>
      </c>
      <c r="NW7" s="589" t="s">
        <v>61</v>
      </c>
      <c r="NX7" s="590"/>
      <c r="NY7" s="591"/>
      <c r="NZ7" s="638" t="s">
        <v>62</v>
      </c>
      <c r="OA7" s="590"/>
      <c r="OB7" s="590"/>
      <c r="OC7" s="590"/>
      <c r="OD7" s="590"/>
      <c r="OE7" s="590"/>
      <c r="OF7" s="639"/>
      <c r="OG7" s="647" t="s">
        <v>52</v>
      </c>
      <c r="OH7" s="581" t="s">
        <v>61</v>
      </c>
      <c r="OI7" s="582"/>
      <c r="OJ7" s="583"/>
      <c r="OK7" s="640" t="s">
        <v>62</v>
      </c>
      <c r="OL7" s="582"/>
      <c r="OM7" s="582"/>
      <c r="ON7" s="582"/>
      <c r="OO7" s="582"/>
      <c r="OP7" s="582"/>
      <c r="OQ7" s="641"/>
      <c r="OR7" s="634" t="s">
        <v>52</v>
      </c>
    </row>
    <row r="8" spans="1:408" ht="28.5" customHeight="1" thickBot="1" x14ac:dyDescent="0.25">
      <c r="A8" s="708"/>
      <c r="B8" s="326" t="s">
        <v>43</v>
      </c>
      <c r="C8" s="47" t="s">
        <v>44</v>
      </c>
      <c r="D8" s="327" t="s">
        <v>45</v>
      </c>
      <c r="E8" s="52" t="s">
        <v>83</v>
      </c>
      <c r="F8" s="47" t="s">
        <v>47</v>
      </c>
      <c r="G8" s="47" t="s">
        <v>48</v>
      </c>
      <c r="H8" s="47" t="s">
        <v>49</v>
      </c>
      <c r="I8" s="47" t="s">
        <v>50</v>
      </c>
      <c r="J8" s="47" t="s">
        <v>51</v>
      </c>
      <c r="K8" s="48" t="s">
        <v>45</v>
      </c>
      <c r="L8" s="724"/>
      <c r="M8" s="51" t="s">
        <v>43</v>
      </c>
      <c r="N8" s="47" t="s">
        <v>44</v>
      </c>
      <c r="O8" s="48" t="s">
        <v>45</v>
      </c>
      <c r="P8" s="52" t="s">
        <v>83</v>
      </c>
      <c r="Q8" s="47" t="s">
        <v>47</v>
      </c>
      <c r="R8" s="47" t="s">
        <v>48</v>
      </c>
      <c r="S8" s="47" t="s">
        <v>49</v>
      </c>
      <c r="T8" s="47" t="s">
        <v>50</v>
      </c>
      <c r="U8" s="47" t="s">
        <v>51</v>
      </c>
      <c r="V8" s="48" t="s">
        <v>45</v>
      </c>
      <c r="W8" s="701"/>
      <c r="X8" s="51" t="s">
        <v>43</v>
      </c>
      <c r="Y8" s="47" t="s">
        <v>44</v>
      </c>
      <c r="Z8" s="48" t="s">
        <v>45</v>
      </c>
      <c r="AA8" s="52" t="s">
        <v>83</v>
      </c>
      <c r="AB8" s="47" t="s">
        <v>47</v>
      </c>
      <c r="AC8" s="47" t="s">
        <v>48</v>
      </c>
      <c r="AD8" s="47" t="s">
        <v>49</v>
      </c>
      <c r="AE8" s="47" t="s">
        <v>50</v>
      </c>
      <c r="AF8" s="47" t="s">
        <v>51</v>
      </c>
      <c r="AG8" s="48" t="s">
        <v>45</v>
      </c>
      <c r="AH8" s="677"/>
      <c r="AI8" s="51" t="s">
        <v>43</v>
      </c>
      <c r="AJ8" s="47" t="s">
        <v>44</v>
      </c>
      <c r="AK8" s="327" t="s">
        <v>45</v>
      </c>
      <c r="AL8" s="52" t="s">
        <v>83</v>
      </c>
      <c r="AM8" s="47" t="s">
        <v>47</v>
      </c>
      <c r="AN8" s="47" t="s">
        <v>48</v>
      </c>
      <c r="AO8" s="47" t="s">
        <v>49</v>
      </c>
      <c r="AP8" s="47" t="s">
        <v>50</v>
      </c>
      <c r="AQ8" s="47" t="s">
        <v>51</v>
      </c>
      <c r="AR8" s="48" t="s">
        <v>45</v>
      </c>
      <c r="AS8" s="677"/>
      <c r="AT8" s="51" t="s">
        <v>43</v>
      </c>
      <c r="AU8" s="47" t="s">
        <v>44</v>
      </c>
      <c r="AV8" s="327" t="s">
        <v>45</v>
      </c>
      <c r="AW8" s="52" t="s">
        <v>83</v>
      </c>
      <c r="AX8" s="47" t="s">
        <v>47</v>
      </c>
      <c r="AY8" s="47" t="s">
        <v>48</v>
      </c>
      <c r="AZ8" s="47" t="s">
        <v>49</v>
      </c>
      <c r="BA8" s="47" t="s">
        <v>50</v>
      </c>
      <c r="BB8" s="47" t="s">
        <v>51</v>
      </c>
      <c r="BC8" s="48" t="s">
        <v>45</v>
      </c>
      <c r="BD8" s="677"/>
      <c r="BE8" s="328" t="s">
        <v>43</v>
      </c>
      <c r="BF8" s="47" t="s">
        <v>44</v>
      </c>
      <c r="BG8" s="327" t="s">
        <v>45</v>
      </c>
      <c r="BH8" s="52" t="s">
        <v>83</v>
      </c>
      <c r="BI8" s="47" t="s">
        <v>47</v>
      </c>
      <c r="BJ8" s="47" t="s">
        <v>48</v>
      </c>
      <c r="BK8" s="47" t="s">
        <v>49</v>
      </c>
      <c r="BL8" s="47" t="s">
        <v>50</v>
      </c>
      <c r="BM8" s="47" t="s">
        <v>51</v>
      </c>
      <c r="BN8" s="48" t="s">
        <v>45</v>
      </c>
      <c r="BO8" s="677"/>
      <c r="BP8" s="51" t="s">
        <v>43</v>
      </c>
      <c r="BQ8" s="47" t="s">
        <v>44</v>
      </c>
      <c r="BR8" s="327" t="s">
        <v>45</v>
      </c>
      <c r="BS8" s="52" t="s">
        <v>83</v>
      </c>
      <c r="BT8" s="47" t="s">
        <v>47</v>
      </c>
      <c r="BU8" s="47" t="s">
        <v>48</v>
      </c>
      <c r="BV8" s="47" t="s">
        <v>49</v>
      </c>
      <c r="BW8" s="47" t="s">
        <v>50</v>
      </c>
      <c r="BX8" s="47" t="s">
        <v>51</v>
      </c>
      <c r="BY8" s="48" t="s">
        <v>45</v>
      </c>
      <c r="BZ8" s="677"/>
      <c r="CA8" s="51" t="s">
        <v>43</v>
      </c>
      <c r="CB8" s="47" t="s">
        <v>44</v>
      </c>
      <c r="CC8" s="327" t="s">
        <v>45</v>
      </c>
      <c r="CD8" s="52" t="s">
        <v>83</v>
      </c>
      <c r="CE8" s="47" t="s">
        <v>47</v>
      </c>
      <c r="CF8" s="47" t="s">
        <v>48</v>
      </c>
      <c r="CG8" s="47" t="s">
        <v>49</v>
      </c>
      <c r="CH8" s="47" t="s">
        <v>50</v>
      </c>
      <c r="CI8" s="47" t="s">
        <v>51</v>
      </c>
      <c r="CJ8" s="48" t="s">
        <v>45</v>
      </c>
      <c r="CK8" s="701"/>
      <c r="CL8" s="51" t="s">
        <v>43</v>
      </c>
      <c r="CM8" s="47" t="s">
        <v>44</v>
      </c>
      <c r="CN8" s="48" t="s">
        <v>45</v>
      </c>
      <c r="CO8" s="52" t="s">
        <v>83</v>
      </c>
      <c r="CP8" s="47" t="s">
        <v>47</v>
      </c>
      <c r="CQ8" s="47" t="s">
        <v>48</v>
      </c>
      <c r="CR8" s="47" t="s">
        <v>49</v>
      </c>
      <c r="CS8" s="47" t="s">
        <v>50</v>
      </c>
      <c r="CT8" s="47" t="s">
        <v>51</v>
      </c>
      <c r="CU8" s="48" t="s">
        <v>45</v>
      </c>
      <c r="CV8" s="701"/>
      <c r="CW8" s="51" t="s">
        <v>43</v>
      </c>
      <c r="CX8" s="47" t="s">
        <v>44</v>
      </c>
      <c r="CY8" s="48" t="s">
        <v>45</v>
      </c>
      <c r="CZ8" s="52" t="s">
        <v>83</v>
      </c>
      <c r="DA8" s="47" t="s">
        <v>47</v>
      </c>
      <c r="DB8" s="47" t="s">
        <v>48</v>
      </c>
      <c r="DC8" s="47" t="s">
        <v>49</v>
      </c>
      <c r="DD8" s="47" t="s">
        <v>50</v>
      </c>
      <c r="DE8" s="47" t="s">
        <v>51</v>
      </c>
      <c r="DF8" s="48" t="s">
        <v>45</v>
      </c>
      <c r="DG8" s="701"/>
      <c r="DH8" s="51" t="s">
        <v>43</v>
      </c>
      <c r="DI8" s="47" t="s">
        <v>44</v>
      </c>
      <c r="DJ8" s="48" t="s">
        <v>45</v>
      </c>
      <c r="DK8" s="52" t="s">
        <v>83</v>
      </c>
      <c r="DL8" s="47" t="s">
        <v>47</v>
      </c>
      <c r="DM8" s="47" t="s">
        <v>48</v>
      </c>
      <c r="DN8" s="47" t="s">
        <v>49</v>
      </c>
      <c r="DO8" s="47" t="s">
        <v>50</v>
      </c>
      <c r="DP8" s="47" t="s">
        <v>51</v>
      </c>
      <c r="DQ8" s="48" t="s">
        <v>45</v>
      </c>
      <c r="DR8" s="701"/>
      <c r="DS8" s="51" t="s">
        <v>43</v>
      </c>
      <c r="DT8" s="47" t="s">
        <v>44</v>
      </c>
      <c r="DU8" s="327" t="s">
        <v>45</v>
      </c>
      <c r="DV8" s="52" t="s">
        <v>83</v>
      </c>
      <c r="DW8" s="47" t="s">
        <v>47</v>
      </c>
      <c r="DX8" s="47" t="s">
        <v>48</v>
      </c>
      <c r="DY8" s="47" t="s">
        <v>49</v>
      </c>
      <c r="DZ8" s="47" t="s">
        <v>50</v>
      </c>
      <c r="EA8" s="47" t="s">
        <v>51</v>
      </c>
      <c r="EB8" s="48" t="s">
        <v>45</v>
      </c>
      <c r="EC8" s="677"/>
      <c r="ED8" s="51" t="s">
        <v>43</v>
      </c>
      <c r="EE8" s="47" t="s">
        <v>44</v>
      </c>
      <c r="EF8" s="327" t="s">
        <v>45</v>
      </c>
      <c r="EG8" s="52" t="s">
        <v>83</v>
      </c>
      <c r="EH8" s="47" t="s">
        <v>47</v>
      </c>
      <c r="EI8" s="47" t="s">
        <v>48</v>
      </c>
      <c r="EJ8" s="47" t="s">
        <v>49</v>
      </c>
      <c r="EK8" s="47" t="s">
        <v>50</v>
      </c>
      <c r="EL8" s="47" t="s">
        <v>51</v>
      </c>
      <c r="EM8" s="48" t="s">
        <v>45</v>
      </c>
      <c r="EN8" s="677"/>
      <c r="EO8" s="51" t="s">
        <v>43</v>
      </c>
      <c r="EP8" s="47" t="s">
        <v>44</v>
      </c>
      <c r="EQ8" s="327" t="s">
        <v>45</v>
      </c>
      <c r="ER8" s="52" t="s">
        <v>83</v>
      </c>
      <c r="ES8" s="47" t="s">
        <v>47</v>
      </c>
      <c r="ET8" s="47" t="s">
        <v>48</v>
      </c>
      <c r="EU8" s="47" t="s">
        <v>49</v>
      </c>
      <c r="EV8" s="47" t="s">
        <v>50</v>
      </c>
      <c r="EW8" s="47" t="s">
        <v>51</v>
      </c>
      <c r="EX8" s="48" t="s">
        <v>45</v>
      </c>
      <c r="EY8" s="677"/>
      <c r="EZ8" s="51" t="s">
        <v>43</v>
      </c>
      <c r="FA8" s="47" t="s">
        <v>44</v>
      </c>
      <c r="FB8" s="327" t="s">
        <v>45</v>
      </c>
      <c r="FC8" s="52" t="s">
        <v>83</v>
      </c>
      <c r="FD8" s="47" t="s">
        <v>47</v>
      </c>
      <c r="FE8" s="47" t="s">
        <v>48</v>
      </c>
      <c r="FF8" s="47" t="s">
        <v>49</v>
      </c>
      <c r="FG8" s="47" t="s">
        <v>50</v>
      </c>
      <c r="FH8" s="47" t="s">
        <v>51</v>
      </c>
      <c r="FI8" s="48" t="s">
        <v>45</v>
      </c>
      <c r="FJ8" s="677"/>
      <c r="FK8" s="51" t="s">
        <v>43</v>
      </c>
      <c r="FL8" s="47" t="s">
        <v>44</v>
      </c>
      <c r="FM8" s="327" t="s">
        <v>45</v>
      </c>
      <c r="FN8" s="52" t="s">
        <v>83</v>
      </c>
      <c r="FO8" s="47" t="s">
        <v>47</v>
      </c>
      <c r="FP8" s="47" t="s">
        <v>48</v>
      </c>
      <c r="FQ8" s="47" t="s">
        <v>49</v>
      </c>
      <c r="FR8" s="47" t="s">
        <v>50</v>
      </c>
      <c r="FS8" s="47" t="s">
        <v>51</v>
      </c>
      <c r="FT8" s="48" t="s">
        <v>45</v>
      </c>
      <c r="FU8" s="693"/>
      <c r="FV8" s="51" t="s">
        <v>43</v>
      </c>
      <c r="FW8" s="47" t="s">
        <v>44</v>
      </c>
      <c r="FX8" s="327" t="s">
        <v>45</v>
      </c>
      <c r="FY8" s="52" t="s">
        <v>83</v>
      </c>
      <c r="FZ8" s="47" t="s">
        <v>47</v>
      </c>
      <c r="GA8" s="47" t="s">
        <v>48</v>
      </c>
      <c r="GB8" s="47" t="s">
        <v>49</v>
      </c>
      <c r="GC8" s="47" t="s">
        <v>50</v>
      </c>
      <c r="GD8" s="47" t="s">
        <v>51</v>
      </c>
      <c r="GE8" s="48" t="s">
        <v>45</v>
      </c>
      <c r="GF8" s="677"/>
      <c r="GG8" s="51" t="s">
        <v>43</v>
      </c>
      <c r="GH8" s="47" t="s">
        <v>44</v>
      </c>
      <c r="GI8" s="327" t="s">
        <v>45</v>
      </c>
      <c r="GJ8" s="52" t="s">
        <v>83</v>
      </c>
      <c r="GK8" s="47" t="s">
        <v>47</v>
      </c>
      <c r="GL8" s="47" t="s">
        <v>48</v>
      </c>
      <c r="GM8" s="47" t="s">
        <v>49</v>
      </c>
      <c r="GN8" s="47" t="s">
        <v>50</v>
      </c>
      <c r="GO8" s="47" t="s">
        <v>51</v>
      </c>
      <c r="GP8" s="48" t="s">
        <v>45</v>
      </c>
      <c r="GQ8" s="679"/>
      <c r="GR8" s="51" t="s">
        <v>43</v>
      </c>
      <c r="GS8" s="47" t="s">
        <v>44</v>
      </c>
      <c r="GT8" s="327" t="s">
        <v>45</v>
      </c>
      <c r="GU8" s="52" t="s">
        <v>83</v>
      </c>
      <c r="GV8" s="47" t="s">
        <v>47</v>
      </c>
      <c r="GW8" s="47" t="s">
        <v>48</v>
      </c>
      <c r="GX8" s="47" t="s">
        <v>49</v>
      </c>
      <c r="GY8" s="47" t="s">
        <v>50</v>
      </c>
      <c r="GZ8" s="47" t="s">
        <v>51</v>
      </c>
      <c r="HA8" s="48" t="s">
        <v>45</v>
      </c>
      <c r="HB8" s="679"/>
      <c r="HC8" s="51" t="s">
        <v>43</v>
      </c>
      <c r="HD8" s="47" t="s">
        <v>44</v>
      </c>
      <c r="HE8" s="327" t="s">
        <v>45</v>
      </c>
      <c r="HF8" s="52" t="s">
        <v>83</v>
      </c>
      <c r="HG8" s="47" t="s">
        <v>47</v>
      </c>
      <c r="HH8" s="47" t="s">
        <v>48</v>
      </c>
      <c r="HI8" s="47" t="s">
        <v>49</v>
      </c>
      <c r="HJ8" s="47" t="s">
        <v>50</v>
      </c>
      <c r="HK8" s="47" t="s">
        <v>51</v>
      </c>
      <c r="HL8" s="48" t="s">
        <v>45</v>
      </c>
      <c r="HM8" s="677"/>
      <c r="HN8" s="51" t="s">
        <v>43</v>
      </c>
      <c r="HO8" s="47" t="s">
        <v>44</v>
      </c>
      <c r="HP8" s="327" t="s">
        <v>45</v>
      </c>
      <c r="HQ8" s="52" t="s">
        <v>83</v>
      </c>
      <c r="HR8" s="47" t="s">
        <v>47</v>
      </c>
      <c r="HS8" s="47" t="s">
        <v>48</v>
      </c>
      <c r="HT8" s="47" t="s">
        <v>49</v>
      </c>
      <c r="HU8" s="47" t="s">
        <v>50</v>
      </c>
      <c r="HV8" s="47" t="s">
        <v>51</v>
      </c>
      <c r="HW8" s="48" t="s">
        <v>45</v>
      </c>
      <c r="HX8" s="677"/>
      <c r="HY8" s="369" t="s">
        <v>43</v>
      </c>
      <c r="HZ8" s="370" t="s">
        <v>44</v>
      </c>
      <c r="IA8" s="41" t="s">
        <v>45</v>
      </c>
      <c r="IB8" s="42" t="s">
        <v>83</v>
      </c>
      <c r="IC8" s="370" t="s">
        <v>47</v>
      </c>
      <c r="ID8" s="370" t="s">
        <v>48</v>
      </c>
      <c r="IE8" s="370" t="s">
        <v>49</v>
      </c>
      <c r="IF8" s="370" t="s">
        <v>50</v>
      </c>
      <c r="IG8" s="370" t="s">
        <v>51</v>
      </c>
      <c r="IH8" s="17" t="s">
        <v>45</v>
      </c>
      <c r="II8" s="645"/>
      <c r="IJ8" s="369" t="s">
        <v>43</v>
      </c>
      <c r="IK8" s="370" t="s">
        <v>44</v>
      </c>
      <c r="IL8" s="41" t="s">
        <v>45</v>
      </c>
      <c r="IM8" s="42" t="s">
        <v>83</v>
      </c>
      <c r="IN8" s="59" t="s">
        <v>47</v>
      </c>
      <c r="IO8" s="59" t="s">
        <v>48</v>
      </c>
      <c r="IP8" s="59" t="s">
        <v>49</v>
      </c>
      <c r="IQ8" s="59" t="s">
        <v>50</v>
      </c>
      <c r="IR8" s="59" t="s">
        <v>51</v>
      </c>
      <c r="IS8" s="64" t="s">
        <v>45</v>
      </c>
      <c r="IT8" s="655"/>
      <c r="IU8" s="61" t="s">
        <v>43</v>
      </c>
      <c r="IV8" s="59" t="s">
        <v>44</v>
      </c>
      <c r="IW8" s="64" t="s">
        <v>45</v>
      </c>
      <c r="IX8" s="33" t="s">
        <v>83</v>
      </c>
      <c r="IY8" s="59" t="s">
        <v>47</v>
      </c>
      <c r="IZ8" s="59" t="s">
        <v>48</v>
      </c>
      <c r="JA8" s="59" t="s">
        <v>49</v>
      </c>
      <c r="JB8" s="59" t="s">
        <v>50</v>
      </c>
      <c r="JC8" s="59" t="s">
        <v>51</v>
      </c>
      <c r="JD8" s="64" t="s">
        <v>45</v>
      </c>
      <c r="JE8" s="655"/>
      <c r="JF8" s="61" t="s">
        <v>43</v>
      </c>
      <c r="JG8" s="59" t="s">
        <v>44</v>
      </c>
      <c r="JH8" s="60" t="s">
        <v>45</v>
      </c>
      <c r="JI8" s="33" t="s">
        <v>83</v>
      </c>
      <c r="JJ8" s="59" t="s">
        <v>47</v>
      </c>
      <c r="JK8" s="59" t="s">
        <v>48</v>
      </c>
      <c r="JL8" s="59" t="s">
        <v>49</v>
      </c>
      <c r="JM8" s="59" t="s">
        <v>50</v>
      </c>
      <c r="JN8" s="59" t="s">
        <v>51</v>
      </c>
      <c r="JO8" s="64" t="s">
        <v>45</v>
      </c>
      <c r="JP8" s="648"/>
      <c r="JQ8" s="61" t="s">
        <v>43</v>
      </c>
      <c r="JR8" s="59" t="s">
        <v>44</v>
      </c>
      <c r="JS8" s="60" t="s">
        <v>45</v>
      </c>
      <c r="JT8" s="33" t="s">
        <v>83</v>
      </c>
      <c r="JU8" s="59" t="s">
        <v>47</v>
      </c>
      <c r="JV8" s="59" t="s">
        <v>48</v>
      </c>
      <c r="JW8" s="59" t="s">
        <v>49</v>
      </c>
      <c r="JX8" s="59" t="s">
        <v>50</v>
      </c>
      <c r="JY8" s="59" t="s">
        <v>51</v>
      </c>
      <c r="JZ8" s="64" t="s">
        <v>45</v>
      </c>
      <c r="KA8" s="648"/>
      <c r="KB8" s="61" t="s">
        <v>43</v>
      </c>
      <c r="KC8" s="59" t="s">
        <v>44</v>
      </c>
      <c r="KD8" s="60" t="s">
        <v>45</v>
      </c>
      <c r="KE8" s="33" t="s">
        <v>83</v>
      </c>
      <c r="KF8" s="59" t="s">
        <v>47</v>
      </c>
      <c r="KG8" s="59" t="s">
        <v>48</v>
      </c>
      <c r="KH8" s="59" t="s">
        <v>49</v>
      </c>
      <c r="KI8" s="59" t="s">
        <v>50</v>
      </c>
      <c r="KJ8" s="59" t="s">
        <v>51</v>
      </c>
      <c r="KK8" s="64" t="s">
        <v>45</v>
      </c>
      <c r="KL8" s="648"/>
      <c r="KM8" s="61" t="s">
        <v>43</v>
      </c>
      <c r="KN8" s="59" t="s">
        <v>44</v>
      </c>
      <c r="KO8" s="60" t="s">
        <v>45</v>
      </c>
      <c r="KP8" s="42" t="s">
        <v>83</v>
      </c>
      <c r="KQ8" s="59" t="s">
        <v>47</v>
      </c>
      <c r="KR8" s="59" t="s">
        <v>48</v>
      </c>
      <c r="KS8" s="59" t="s">
        <v>49</v>
      </c>
      <c r="KT8" s="59" t="s">
        <v>50</v>
      </c>
      <c r="KU8" s="59" t="s">
        <v>51</v>
      </c>
      <c r="KV8" s="64" t="s">
        <v>45</v>
      </c>
      <c r="KW8" s="648"/>
      <c r="KX8" s="61" t="s">
        <v>43</v>
      </c>
      <c r="KY8" s="59" t="s">
        <v>44</v>
      </c>
      <c r="KZ8" s="60" t="s">
        <v>45</v>
      </c>
      <c r="LA8" s="42" t="s">
        <v>83</v>
      </c>
      <c r="LB8" s="59" t="s">
        <v>47</v>
      </c>
      <c r="LC8" s="59" t="s">
        <v>48</v>
      </c>
      <c r="LD8" s="59" t="s">
        <v>49</v>
      </c>
      <c r="LE8" s="59" t="s">
        <v>50</v>
      </c>
      <c r="LF8" s="59" t="s">
        <v>51</v>
      </c>
      <c r="LG8" s="64" t="s">
        <v>45</v>
      </c>
      <c r="LH8" s="648"/>
      <c r="LI8" s="61" t="s">
        <v>43</v>
      </c>
      <c r="LJ8" s="59" t="s">
        <v>44</v>
      </c>
      <c r="LK8" s="60" t="s">
        <v>45</v>
      </c>
      <c r="LL8" s="42" t="s">
        <v>83</v>
      </c>
      <c r="LM8" s="59" t="s">
        <v>47</v>
      </c>
      <c r="LN8" s="59" t="s">
        <v>48</v>
      </c>
      <c r="LO8" s="59" t="s">
        <v>49</v>
      </c>
      <c r="LP8" s="59" t="s">
        <v>50</v>
      </c>
      <c r="LQ8" s="59" t="s">
        <v>51</v>
      </c>
      <c r="LR8" s="64" t="s">
        <v>45</v>
      </c>
      <c r="LS8" s="648"/>
      <c r="LT8" s="61" t="s">
        <v>43</v>
      </c>
      <c r="LU8" s="59" t="s">
        <v>44</v>
      </c>
      <c r="LV8" s="60" t="s">
        <v>45</v>
      </c>
      <c r="LW8" s="42" t="s">
        <v>83</v>
      </c>
      <c r="LX8" s="59" t="s">
        <v>47</v>
      </c>
      <c r="LY8" s="59" t="s">
        <v>48</v>
      </c>
      <c r="LZ8" s="59" t="s">
        <v>49</v>
      </c>
      <c r="MA8" s="59" t="s">
        <v>50</v>
      </c>
      <c r="MB8" s="59" t="s">
        <v>51</v>
      </c>
      <c r="MC8" s="64" t="s">
        <v>45</v>
      </c>
      <c r="MD8" s="648"/>
      <c r="ME8" s="61" t="s">
        <v>43</v>
      </c>
      <c r="MF8" s="59" t="s">
        <v>44</v>
      </c>
      <c r="MG8" s="60" t="s">
        <v>45</v>
      </c>
      <c r="MH8" s="42" t="s">
        <v>83</v>
      </c>
      <c r="MI8" s="59" t="s">
        <v>47</v>
      </c>
      <c r="MJ8" s="59" t="s">
        <v>48</v>
      </c>
      <c r="MK8" s="59" t="s">
        <v>49</v>
      </c>
      <c r="ML8" s="59" t="s">
        <v>50</v>
      </c>
      <c r="MM8" s="59" t="s">
        <v>51</v>
      </c>
      <c r="MN8" s="64" t="s">
        <v>45</v>
      </c>
      <c r="MO8" s="648"/>
      <c r="MP8" s="61" t="s">
        <v>43</v>
      </c>
      <c r="MQ8" s="59" t="s">
        <v>44</v>
      </c>
      <c r="MR8" s="60" t="s">
        <v>45</v>
      </c>
      <c r="MS8" s="42" t="s">
        <v>83</v>
      </c>
      <c r="MT8" s="59" t="s">
        <v>47</v>
      </c>
      <c r="MU8" s="59" t="s">
        <v>48</v>
      </c>
      <c r="MV8" s="59" t="s">
        <v>49</v>
      </c>
      <c r="MW8" s="59" t="s">
        <v>50</v>
      </c>
      <c r="MX8" s="59" t="s">
        <v>51</v>
      </c>
      <c r="MY8" s="64" t="s">
        <v>45</v>
      </c>
      <c r="MZ8" s="648"/>
      <c r="NA8" s="61" t="s">
        <v>43</v>
      </c>
      <c r="NB8" s="59" t="s">
        <v>44</v>
      </c>
      <c r="NC8" s="60" t="s">
        <v>45</v>
      </c>
      <c r="ND8" s="42" t="s">
        <v>83</v>
      </c>
      <c r="NE8" s="59" t="s">
        <v>47</v>
      </c>
      <c r="NF8" s="59" t="s">
        <v>48</v>
      </c>
      <c r="NG8" s="59" t="s">
        <v>49</v>
      </c>
      <c r="NH8" s="59" t="s">
        <v>50</v>
      </c>
      <c r="NI8" s="59" t="s">
        <v>51</v>
      </c>
      <c r="NJ8" s="64" t="s">
        <v>45</v>
      </c>
      <c r="NK8" s="648"/>
      <c r="NL8" s="61" t="s">
        <v>43</v>
      </c>
      <c r="NM8" s="59" t="s">
        <v>44</v>
      </c>
      <c r="NN8" s="60" t="s">
        <v>45</v>
      </c>
      <c r="NO8" s="42" t="s">
        <v>83</v>
      </c>
      <c r="NP8" s="59" t="s">
        <v>47</v>
      </c>
      <c r="NQ8" s="59" t="s">
        <v>48</v>
      </c>
      <c r="NR8" s="59" t="s">
        <v>49</v>
      </c>
      <c r="NS8" s="59" t="s">
        <v>50</v>
      </c>
      <c r="NT8" s="59" t="s">
        <v>51</v>
      </c>
      <c r="NU8" s="64" t="s">
        <v>45</v>
      </c>
      <c r="NV8" s="648"/>
      <c r="NW8" s="61" t="s">
        <v>43</v>
      </c>
      <c r="NX8" s="59" t="s">
        <v>44</v>
      </c>
      <c r="NY8" s="60" t="s">
        <v>45</v>
      </c>
      <c r="NZ8" s="42" t="s">
        <v>83</v>
      </c>
      <c r="OA8" s="59" t="s">
        <v>47</v>
      </c>
      <c r="OB8" s="59" t="s">
        <v>48</v>
      </c>
      <c r="OC8" s="59" t="s">
        <v>49</v>
      </c>
      <c r="OD8" s="59" t="s">
        <v>50</v>
      </c>
      <c r="OE8" s="59" t="s">
        <v>51</v>
      </c>
      <c r="OF8" s="64" t="s">
        <v>45</v>
      </c>
      <c r="OG8" s="648"/>
      <c r="OH8" s="61" t="s">
        <v>43</v>
      </c>
      <c r="OI8" s="59" t="s">
        <v>44</v>
      </c>
      <c r="OJ8" s="60" t="s">
        <v>45</v>
      </c>
      <c r="OK8" s="33" t="s">
        <v>83</v>
      </c>
      <c r="OL8" s="59" t="s">
        <v>47</v>
      </c>
      <c r="OM8" s="59" t="s">
        <v>48</v>
      </c>
      <c r="ON8" s="59" t="s">
        <v>49</v>
      </c>
      <c r="OO8" s="59" t="s">
        <v>50</v>
      </c>
      <c r="OP8" s="59" t="s">
        <v>51</v>
      </c>
      <c r="OQ8" s="64" t="s">
        <v>45</v>
      </c>
      <c r="OR8" s="648"/>
    </row>
    <row r="9" spans="1:408" s="474" customFormat="1" ht="20.25" customHeight="1" x14ac:dyDescent="0.2">
      <c r="A9" s="468" t="s">
        <v>4</v>
      </c>
      <c r="B9" s="388">
        <v>25742732</v>
      </c>
      <c r="C9" s="389">
        <v>44889538</v>
      </c>
      <c r="D9" s="390">
        <v>70632270</v>
      </c>
      <c r="E9" s="391">
        <v>0</v>
      </c>
      <c r="F9" s="389">
        <v>241191440</v>
      </c>
      <c r="G9" s="389">
        <v>332398330</v>
      </c>
      <c r="H9" s="389">
        <v>273261889</v>
      </c>
      <c r="I9" s="389">
        <v>300283722</v>
      </c>
      <c r="J9" s="389">
        <v>230813482</v>
      </c>
      <c r="K9" s="392">
        <v>1377948863</v>
      </c>
      <c r="L9" s="393">
        <v>1448581133</v>
      </c>
      <c r="M9" s="388">
        <v>7030177</v>
      </c>
      <c r="N9" s="389">
        <v>14657427</v>
      </c>
      <c r="O9" s="394">
        <v>21687604</v>
      </c>
      <c r="P9" s="388">
        <v>0</v>
      </c>
      <c r="Q9" s="389">
        <v>77953829</v>
      </c>
      <c r="R9" s="389">
        <v>115988984</v>
      </c>
      <c r="S9" s="389">
        <v>91815586</v>
      </c>
      <c r="T9" s="389">
        <v>109043549</v>
      </c>
      <c r="U9" s="389">
        <v>109713989</v>
      </c>
      <c r="V9" s="394">
        <v>504515937</v>
      </c>
      <c r="W9" s="393">
        <v>526203541</v>
      </c>
      <c r="X9" s="388">
        <v>0</v>
      </c>
      <c r="Y9" s="389">
        <v>0</v>
      </c>
      <c r="Z9" s="394">
        <v>0</v>
      </c>
      <c r="AA9" s="395">
        <v>0</v>
      </c>
      <c r="AB9" s="396">
        <v>32373202</v>
      </c>
      <c r="AC9" s="396">
        <v>49701869</v>
      </c>
      <c r="AD9" s="396">
        <v>44757037</v>
      </c>
      <c r="AE9" s="396">
        <v>55945289</v>
      </c>
      <c r="AF9" s="396">
        <v>58600982</v>
      </c>
      <c r="AG9" s="394">
        <v>241378379</v>
      </c>
      <c r="AH9" s="393">
        <v>241378379</v>
      </c>
      <c r="AI9" s="397">
        <v>0</v>
      </c>
      <c r="AJ9" s="396">
        <v>158107</v>
      </c>
      <c r="AK9" s="394">
        <v>158107</v>
      </c>
      <c r="AL9" s="395">
        <v>0</v>
      </c>
      <c r="AM9" s="396">
        <v>543542</v>
      </c>
      <c r="AN9" s="392">
        <v>1941110</v>
      </c>
      <c r="AO9" s="396">
        <v>2144866</v>
      </c>
      <c r="AP9" s="396">
        <v>6553010</v>
      </c>
      <c r="AQ9" s="396">
        <v>12871019</v>
      </c>
      <c r="AR9" s="394">
        <v>24053547</v>
      </c>
      <c r="AS9" s="393">
        <v>24211654</v>
      </c>
      <c r="AT9" s="397">
        <v>3394005</v>
      </c>
      <c r="AU9" s="396">
        <v>10092054</v>
      </c>
      <c r="AV9" s="394">
        <v>13486059</v>
      </c>
      <c r="AW9" s="395">
        <v>0</v>
      </c>
      <c r="AX9" s="396">
        <v>29236471</v>
      </c>
      <c r="AY9" s="396">
        <v>43487669</v>
      </c>
      <c r="AZ9" s="396">
        <v>27247919</v>
      </c>
      <c r="BA9" s="396">
        <v>27266083</v>
      </c>
      <c r="BB9" s="396">
        <v>24866516</v>
      </c>
      <c r="BC9" s="394">
        <v>152104658</v>
      </c>
      <c r="BD9" s="398">
        <v>165590717</v>
      </c>
      <c r="BE9" s="397">
        <v>489609</v>
      </c>
      <c r="BF9" s="392">
        <v>1313518</v>
      </c>
      <c r="BG9" s="399">
        <v>1803127</v>
      </c>
      <c r="BH9" s="395">
        <v>0</v>
      </c>
      <c r="BI9" s="396">
        <v>2255369</v>
      </c>
      <c r="BJ9" s="396">
        <v>4320514</v>
      </c>
      <c r="BK9" s="396">
        <v>2953829</v>
      </c>
      <c r="BL9" s="396">
        <v>3051287</v>
      </c>
      <c r="BM9" s="396">
        <v>1444176</v>
      </c>
      <c r="BN9" s="394">
        <v>14025175</v>
      </c>
      <c r="BO9" s="393">
        <v>15828302</v>
      </c>
      <c r="BP9" s="397">
        <v>3146563</v>
      </c>
      <c r="BQ9" s="396">
        <v>3093748</v>
      </c>
      <c r="BR9" s="394">
        <v>6240311</v>
      </c>
      <c r="BS9" s="395">
        <v>0</v>
      </c>
      <c r="BT9" s="396">
        <v>13545245</v>
      </c>
      <c r="BU9" s="396">
        <v>16537822</v>
      </c>
      <c r="BV9" s="396">
        <v>14711935</v>
      </c>
      <c r="BW9" s="396">
        <v>16227880</v>
      </c>
      <c r="BX9" s="396">
        <v>11931296</v>
      </c>
      <c r="BY9" s="394">
        <v>72954178</v>
      </c>
      <c r="BZ9" s="393">
        <v>79194489</v>
      </c>
      <c r="CA9" s="397">
        <v>1940974</v>
      </c>
      <c r="CB9" s="396">
        <v>5031950</v>
      </c>
      <c r="CC9" s="394">
        <v>6972924</v>
      </c>
      <c r="CD9" s="395">
        <v>0</v>
      </c>
      <c r="CE9" s="396">
        <v>64718083</v>
      </c>
      <c r="CF9" s="396">
        <v>78335363</v>
      </c>
      <c r="CG9" s="400">
        <v>52193127</v>
      </c>
      <c r="CH9" s="396">
        <v>38056231</v>
      </c>
      <c r="CI9" s="396">
        <v>17238754</v>
      </c>
      <c r="CJ9" s="394">
        <v>250541558</v>
      </c>
      <c r="CK9" s="393">
        <v>257514482</v>
      </c>
      <c r="CL9" s="388">
        <v>0</v>
      </c>
      <c r="CM9" s="389">
        <v>0</v>
      </c>
      <c r="CN9" s="394">
        <v>0</v>
      </c>
      <c r="CO9" s="395">
        <v>0</v>
      </c>
      <c r="CP9" s="396">
        <v>52956494</v>
      </c>
      <c r="CQ9" s="396">
        <v>58227620</v>
      </c>
      <c r="CR9" s="396">
        <v>36073927</v>
      </c>
      <c r="CS9" s="396">
        <v>25499106</v>
      </c>
      <c r="CT9" s="396">
        <v>11912133</v>
      </c>
      <c r="CU9" s="401">
        <v>184669280</v>
      </c>
      <c r="CV9" s="393">
        <v>184669280</v>
      </c>
      <c r="CW9" s="397">
        <v>1940974</v>
      </c>
      <c r="CX9" s="396">
        <v>5031950</v>
      </c>
      <c r="CY9" s="394">
        <v>6972924</v>
      </c>
      <c r="CZ9" s="395">
        <v>0</v>
      </c>
      <c r="DA9" s="396">
        <v>11761589</v>
      </c>
      <c r="DB9" s="396">
        <v>20107743</v>
      </c>
      <c r="DC9" s="396">
        <v>16119200</v>
      </c>
      <c r="DD9" s="396">
        <v>12557125</v>
      </c>
      <c r="DE9" s="396">
        <v>5326621</v>
      </c>
      <c r="DF9" s="394">
        <v>65872278</v>
      </c>
      <c r="DG9" s="393">
        <v>72845202</v>
      </c>
      <c r="DH9" s="397">
        <v>141284</v>
      </c>
      <c r="DI9" s="396">
        <v>610102</v>
      </c>
      <c r="DJ9" s="399">
        <v>751386</v>
      </c>
      <c r="DK9" s="395">
        <v>0</v>
      </c>
      <c r="DL9" s="396">
        <v>5661829</v>
      </c>
      <c r="DM9" s="396">
        <v>13054312</v>
      </c>
      <c r="DN9" s="396">
        <v>17513324</v>
      </c>
      <c r="DO9" s="396">
        <v>20899843</v>
      </c>
      <c r="DP9" s="396">
        <v>10930138</v>
      </c>
      <c r="DQ9" s="402">
        <v>68059446</v>
      </c>
      <c r="DR9" s="393">
        <v>68810832</v>
      </c>
      <c r="DS9" s="397">
        <v>83955</v>
      </c>
      <c r="DT9" s="396">
        <v>457970</v>
      </c>
      <c r="DU9" s="394">
        <v>541925</v>
      </c>
      <c r="DV9" s="395">
        <v>0</v>
      </c>
      <c r="DW9" s="396">
        <v>4985912</v>
      </c>
      <c r="DX9" s="396">
        <v>11310930</v>
      </c>
      <c r="DY9" s="396">
        <v>14817734</v>
      </c>
      <c r="DZ9" s="396">
        <v>18064547</v>
      </c>
      <c r="EA9" s="396">
        <v>8627060</v>
      </c>
      <c r="EB9" s="394">
        <v>57806183</v>
      </c>
      <c r="EC9" s="393">
        <v>58348108</v>
      </c>
      <c r="ED9" s="397">
        <v>57329</v>
      </c>
      <c r="EE9" s="392">
        <v>152132</v>
      </c>
      <c r="EF9" s="394">
        <v>209461</v>
      </c>
      <c r="EG9" s="398">
        <v>0</v>
      </c>
      <c r="EH9" s="396">
        <v>675917</v>
      </c>
      <c r="EI9" s="396">
        <v>1743382</v>
      </c>
      <c r="EJ9" s="396">
        <v>2695590</v>
      </c>
      <c r="EK9" s="396">
        <v>2835296</v>
      </c>
      <c r="EL9" s="400">
        <v>2303078</v>
      </c>
      <c r="EM9" s="392">
        <v>10253263</v>
      </c>
      <c r="EN9" s="393">
        <v>10462724</v>
      </c>
      <c r="EO9" s="397">
        <v>0</v>
      </c>
      <c r="EP9" s="396">
        <v>0</v>
      </c>
      <c r="EQ9" s="392">
        <v>0</v>
      </c>
      <c r="ER9" s="395">
        <v>0</v>
      </c>
      <c r="ES9" s="396">
        <v>0</v>
      </c>
      <c r="ET9" s="396">
        <v>0</v>
      </c>
      <c r="EU9" s="396">
        <v>0</v>
      </c>
      <c r="EV9" s="396">
        <v>0</v>
      </c>
      <c r="EW9" s="396">
        <v>0</v>
      </c>
      <c r="EX9" s="401">
        <v>0</v>
      </c>
      <c r="EY9" s="393">
        <v>0</v>
      </c>
      <c r="EZ9" s="397">
        <v>0</v>
      </c>
      <c r="FA9" s="396">
        <v>0</v>
      </c>
      <c r="FB9" s="392">
        <v>0</v>
      </c>
      <c r="FC9" s="403"/>
      <c r="FD9" s="396">
        <v>0</v>
      </c>
      <c r="FE9" s="396">
        <v>0</v>
      </c>
      <c r="FF9" s="396">
        <v>0</v>
      </c>
      <c r="FG9" s="396">
        <v>0</v>
      </c>
      <c r="FH9" s="396">
        <v>0</v>
      </c>
      <c r="FI9" s="401">
        <v>0</v>
      </c>
      <c r="FJ9" s="393">
        <v>0</v>
      </c>
      <c r="FK9" s="397">
        <v>5389650</v>
      </c>
      <c r="FL9" s="396">
        <v>10181222</v>
      </c>
      <c r="FM9" s="394">
        <v>15570872</v>
      </c>
      <c r="FN9" s="395">
        <v>0</v>
      </c>
      <c r="FO9" s="396">
        <v>12690126</v>
      </c>
      <c r="FP9" s="396">
        <v>30186367</v>
      </c>
      <c r="FQ9" s="396">
        <v>21683184</v>
      </c>
      <c r="FR9" s="396">
        <v>20938065</v>
      </c>
      <c r="FS9" s="396">
        <v>15676391</v>
      </c>
      <c r="FT9" s="394">
        <v>101174133</v>
      </c>
      <c r="FU9" s="393">
        <v>116745005</v>
      </c>
      <c r="FV9" s="397">
        <v>2247203</v>
      </c>
      <c r="FW9" s="396">
        <v>5228260</v>
      </c>
      <c r="FX9" s="392">
        <v>7475463</v>
      </c>
      <c r="FY9" s="398">
        <v>0</v>
      </c>
      <c r="FZ9" s="396">
        <v>8301746</v>
      </c>
      <c r="GA9" s="404">
        <v>25669364</v>
      </c>
      <c r="GB9" s="396">
        <v>18891864</v>
      </c>
      <c r="GC9" s="404">
        <v>18871688</v>
      </c>
      <c r="GD9" s="396">
        <v>14557501</v>
      </c>
      <c r="GE9" s="401">
        <v>86292163</v>
      </c>
      <c r="GF9" s="405">
        <v>93767626</v>
      </c>
      <c r="GG9" s="406">
        <v>191326</v>
      </c>
      <c r="GH9" s="396">
        <v>705309</v>
      </c>
      <c r="GI9" s="404">
        <v>896635</v>
      </c>
      <c r="GJ9" s="391">
        <v>0</v>
      </c>
      <c r="GK9" s="396">
        <v>788097</v>
      </c>
      <c r="GL9" s="392">
        <v>1676674</v>
      </c>
      <c r="GM9" s="396">
        <v>773661</v>
      </c>
      <c r="GN9" s="392">
        <v>734627</v>
      </c>
      <c r="GO9" s="396">
        <v>458342</v>
      </c>
      <c r="GP9" s="402">
        <v>4431401</v>
      </c>
      <c r="GQ9" s="393">
        <v>5328036</v>
      </c>
      <c r="GR9" s="392">
        <v>2951121</v>
      </c>
      <c r="GS9" s="396">
        <v>4247653</v>
      </c>
      <c r="GT9" s="394">
        <v>7198774</v>
      </c>
      <c r="GU9" s="392">
        <v>0</v>
      </c>
      <c r="GV9" s="396">
        <v>3600283</v>
      </c>
      <c r="GW9" s="392">
        <v>2840329</v>
      </c>
      <c r="GX9" s="396">
        <v>2017659</v>
      </c>
      <c r="GY9" s="392">
        <v>1331750</v>
      </c>
      <c r="GZ9" s="396">
        <v>660548</v>
      </c>
      <c r="HA9" s="392">
        <v>10450569</v>
      </c>
      <c r="HB9" s="393">
        <v>17649343</v>
      </c>
      <c r="HC9" s="392">
        <v>11240647</v>
      </c>
      <c r="HD9" s="396">
        <v>14408837</v>
      </c>
      <c r="HE9" s="392">
        <v>25649484</v>
      </c>
      <c r="HF9" s="398">
        <v>0</v>
      </c>
      <c r="HG9" s="396">
        <v>80167573</v>
      </c>
      <c r="HH9" s="404">
        <v>94833304</v>
      </c>
      <c r="HI9" s="396">
        <v>90056668</v>
      </c>
      <c r="HJ9" s="404">
        <v>111346034</v>
      </c>
      <c r="HK9" s="396">
        <v>77254210</v>
      </c>
      <c r="HL9" s="401">
        <v>453657789</v>
      </c>
      <c r="HM9" s="392">
        <v>479307273</v>
      </c>
      <c r="HN9" s="469"/>
      <c r="HO9" s="470"/>
      <c r="HP9" s="471"/>
      <c r="HQ9" s="472"/>
      <c r="HR9" s="470"/>
      <c r="HS9" s="472"/>
      <c r="HT9" s="470"/>
      <c r="HU9" s="472"/>
      <c r="HV9" s="470"/>
      <c r="HW9" s="472"/>
      <c r="HX9" s="473"/>
      <c r="HY9" s="407">
        <v>555507</v>
      </c>
      <c r="HZ9" s="408">
        <v>720652</v>
      </c>
      <c r="IA9" s="409">
        <v>1276159</v>
      </c>
      <c r="IB9" s="410">
        <v>0</v>
      </c>
      <c r="IC9" s="408">
        <v>52332944</v>
      </c>
      <c r="ID9" s="411">
        <v>70113566</v>
      </c>
      <c r="IE9" s="412">
        <v>78060291</v>
      </c>
      <c r="IF9" s="408">
        <v>58186025</v>
      </c>
      <c r="IG9" s="412">
        <v>40271643</v>
      </c>
      <c r="IH9" s="413">
        <v>298964469</v>
      </c>
      <c r="II9" s="414">
        <v>300240628</v>
      </c>
      <c r="IJ9" s="415">
        <v>0</v>
      </c>
      <c r="IK9" s="416">
        <v>0</v>
      </c>
      <c r="IL9" s="417">
        <v>0</v>
      </c>
      <c r="IM9" s="418"/>
      <c r="IN9" s="419">
        <v>1825099</v>
      </c>
      <c r="IO9" s="419">
        <v>3309618</v>
      </c>
      <c r="IP9" s="419">
        <v>2653779</v>
      </c>
      <c r="IQ9" s="419">
        <v>5161036</v>
      </c>
      <c r="IR9" s="419">
        <v>3278616</v>
      </c>
      <c r="IS9" s="420">
        <v>16228148</v>
      </c>
      <c r="IT9" s="421">
        <v>16228148</v>
      </c>
      <c r="IU9" s="422">
        <v>0</v>
      </c>
      <c r="IV9" s="419">
        <v>0</v>
      </c>
      <c r="IW9" s="423">
        <v>0</v>
      </c>
      <c r="IX9" s="424"/>
      <c r="IY9" s="419">
        <v>146278</v>
      </c>
      <c r="IZ9" s="419">
        <v>578763</v>
      </c>
      <c r="JA9" s="419">
        <v>812933</v>
      </c>
      <c r="JB9" s="419">
        <v>517310</v>
      </c>
      <c r="JC9" s="419">
        <v>958747</v>
      </c>
      <c r="JD9" s="423">
        <v>3014031</v>
      </c>
      <c r="JE9" s="425">
        <v>3014031</v>
      </c>
      <c r="JF9" s="422">
        <v>0</v>
      </c>
      <c r="JG9" s="419">
        <v>0</v>
      </c>
      <c r="JH9" s="420">
        <v>0</v>
      </c>
      <c r="JI9" s="426">
        <v>0</v>
      </c>
      <c r="JJ9" s="419">
        <v>25017811</v>
      </c>
      <c r="JK9" s="419">
        <v>24794117</v>
      </c>
      <c r="JL9" s="419">
        <v>17830559</v>
      </c>
      <c r="JM9" s="419">
        <v>10483542</v>
      </c>
      <c r="JN9" s="419">
        <v>4357535</v>
      </c>
      <c r="JO9" s="423">
        <v>82483564</v>
      </c>
      <c r="JP9" s="421">
        <v>82483564</v>
      </c>
      <c r="JQ9" s="422">
        <v>0</v>
      </c>
      <c r="JR9" s="419">
        <v>0</v>
      </c>
      <c r="JS9" s="420">
        <v>0</v>
      </c>
      <c r="JT9" s="426">
        <v>0</v>
      </c>
      <c r="JU9" s="419">
        <v>2779521</v>
      </c>
      <c r="JV9" s="419">
        <v>5848964</v>
      </c>
      <c r="JW9" s="419">
        <v>6272099</v>
      </c>
      <c r="JX9" s="419">
        <v>2447937</v>
      </c>
      <c r="JY9" s="419">
        <v>3370164</v>
      </c>
      <c r="JZ9" s="423">
        <v>20718685</v>
      </c>
      <c r="KA9" s="421">
        <v>20718685</v>
      </c>
      <c r="KB9" s="427">
        <v>555507</v>
      </c>
      <c r="KC9" s="428">
        <v>720652</v>
      </c>
      <c r="KD9" s="423">
        <v>1276159</v>
      </c>
      <c r="KE9" s="426">
        <v>0</v>
      </c>
      <c r="KF9" s="419">
        <v>7346721</v>
      </c>
      <c r="KG9" s="419">
        <v>7335116</v>
      </c>
      <c r="KH9" s="419">
        <v>14393325</v>
      </c>
      <c r="KI9" s="419">
        <v>8620358</v>
      </c>
      <c r="KJ9" s="419">
        <v>5286311</v>
      </c>
      <c r="KK9" s="423">
        <v>42981831</v>
      </c>
      <c r="KL9" s="429">
        <v>44257990</v>
      </c>
      <c r="KM9" s="415">
        <v>0</v>
      </c>
      <c r="KN9" s="416">
        <v>0</v>
      </c>
      <c r="KO9" s="417">
        <v>0</v>
      </c>
      <c r="KP9" s="418"/>
      <c r="KQ9" s="419">
        <v>13968583</v>
      </c>
      <c r="KR9" s="419">
        <v>24331102</v>
      </c>
      <c r="KS9" s="419">
        <v>29706260</v>
      </c>
      <c r="KT9" s="419">
        <v>19801099</v>
      </c>
      <c r="KU9" s="419">
        <v>13228593</v>
      </c>
      <c r="KV9" s="423">
        <v>101035637</v>
      </c>
      <c r="KW9" s="421">
        <v>101035637</v>
      </c>
      <c r="KX9" s="422">
        <v>0</v>
      </c>
      <c r="KY9" s="419">
        <v>0</v>
      </c>
      <c r="KZ9" s="423">
        <v>0</v>
      </c>
      <c r="LA9" s="430"/>
      <c r="LB9" s="419">
        <v>273014</v>
      </c>
      <c r="LC9" s="419">
        <v>1240874</v>
      </c>
      <c r="LD9" s="419">
        <v>1341410</v>
      </c>
      <c r="LE9" s="419">
        <v>1209760</v>
      </c>
      <c r="LF9" s="419">
        <v>1029072</v>
      </c>
      <c r="LG9" s="423">
        <v>5094130</v>
      </c>
      <c r="LH9" s="425">
        <v>5094130</v>
      </c>
      <c r="LI9" s="422">
        <v>0</v>
      </c>
      <c r="LJ9" s="419">
        <v>0</v>
      </c>
      <c r="LK9" s="423">
        <v>0</v>
      </c>
      <c r="LL9" s="430"/>
      <c r="LM9" s="419">
        <v>188230</v>
      </c>
      <c r="LN9" s="419">
        <v>339734</v>
      </c>
      <c r="LO9" s="419">
        <v>2265351</v>
      </c>
      <c r="LP9" s="419">
        <v>4288969</v>
      </c>
      <c r="LQ9" s="419">
        <v>2039752</v>
      </c>
      <c r="LR9" s="423">
        <v>9122036</v>
      </c>
      <c r="LS9" s="421">
        <v>9122036</v>
      </c>
      <c r="LT9" s="422">
        <v>0</v>
      </c>
      <c r="LU9" s="419">
        <v>0</v>
      </c>
      <c r="LV9" s="423">
        <v>0</v>
      </c>
      <c r="LW9" s="430"/>
      <c r="LX9" s="419">
        <v>787687</v>
      </c>
      <c r="LY9" s="419">
        <v>2335278</v>
      </c>
      <c r="LZ9" s="419">
        <v>2784575</v>
      </c>
      <c r="MA9" s="419">
        <v>5656014</v>
      </c>
      <c r="MB9" s="419">
        <v>6722853</v>
      </c>
      <c r="MC9" s="423">
        <v>18286407</v>
      </c>
      <c r="MD9" s="425">
        <v>18286407</v>
      </c>
      <c r="ME9" s="422">
        <v>0</v>
      </c>
      <c r="MF9" s="419">
        <v>0</v>
      </c>
      <c r="MG9" s="423">
        <v>0</v>
      </c>
      <c r="MH9" s="430"/>
      <c r="MI9" s="419">
        <v>14260634</v>
      </c>
      <c r="MJ9" s="419">
        <v>40321455</v>
      </c>
      <c r="MK9" s="419">
        <v>104375207</v>
      </c>
      <c r="ML9" s="419">
        <v>163731352</v>
      </c>
      <c r="MM9" s="419">
        <v>109067792</v>
      </c>
      <c r="MN9" s="423">
        <v>431756440</v>
      </c>
      <c r="MO9" s="429">
        <v>431756440</v>
      </c>
      <c r="MP9" s="422">
        <v>0</v>
      </c>
      <c r="MQ9" s="419">
        <v>0</v>
      </c>
      <c r="MR9" s="423">
        <v>0</v>
      </c>
      <c r="MS9" s="430"/>
      <c r="MT9" s="419">
        <v>556977</v>
      </c>
      <c r="MU9" s="419">
        <v>6541653</v>
      </c>
      <c r="MV9" s="419">
        <v>49252709</v>
      </c>
      <c r="MW9" s="419">
        <v>92501289</v>
      </c>
      <c r="MX9" s="419">
        <v>65879860</v>
      </c>
      <c r="MY9" s="423">
        <v>214732488</v>
      </c>
      <c r="MZ9" s="429">
        <v>214732488</v>
      </c>
      <c r="NA9" s="422">
        <v>0</v>
      </c>
      <c r="NB9" s="419">
        <v>0</v>
      </c>
      <c r="NC9" s="423">
        <v>0</v>
      </c>
      <c r="ND9" s="430"/>
      <c r="NE9" s="419">
        <v>13703657</v>
      </c>
      <c r="NF9" s="419">
        <v>33350192</v>
      </c>
      <c r="NG9" s="419">
        <v>55122498</v>
      </c>
      <c r="NH9" s="419">
        <v>65240192</v>
      </c>
      <c r="NI9" s="419">
        <v>32494744</v>
      </c>
      <c r="NJ9" s="423">
        <v>199911283</v>
      </c>
      <c r="NK9" s="421">
        <v>199911283</v>
      </c>
      <c r="NL9" s="422">
        <v>0</v>
      </c>
      <c r="NM9" s="419">
        <v>0</v>
      </c>
      <c r="NN9" s="423">
        <v>0</v>
      </c>
      <c r="NO9" s="430"/>
      <c r="NP9" s="419">
        <v>0</v>
      </c>
      <c r="NQ9" s="419">
        <v>0</v>
      </c>
      <c r="NR9" s="419">
        <v>0</v>
      </c>
      <c r="NS9" s="419">
        <v>3330145</v>
      </c>
      <c r="NT9" s="419">
        <v>5311243</v>
      </c>
      <c r="NU9" s="423">
        <v>8641388</v>
      </c>
      <c r="NV9" s="425">
        <v>8641388</v>
      </c>
      <c r="NW9" s="422">
        <v>0</v>
      </c>
      <c r="NX9" s="419">
        <v>0</v>
      </c>
      <c r="NY9" s="423">
        <v>0</v>
      </c>
      <c r="NZ9" s="430"/>
      <c r="OA9" s="419">
        <v>0</v>
      </c>
      <c r="OB9" s="419">
        <v>429610</v>
      </c>
      <c r="OC9" s="419">
        <v>0</v>
      </c>
      <c r="OD9" s="419">
        <v>2659726</v>
      </c>
      <c r="OE9" s="419">
        <v>5381945</v>
      </c>
      <c r="OF9" s="423">
        <v>8471281</v>
      </c>
      <c r="OG9" s="425">
        <v>8471281</v>
      </c>
      <c r="OH9" s="422">
        <v>26298239</v>
      </c>
      <c r="OI9" s="419">
        <v>45610190</v>
      </c>
      <c r="OJ9" s="420">
        <v>71908429</v>
      </c>
      <c r="OK9" s="426">
        <v>0</v>
      </c>
      <c r="OL9" s="419">
        <v>307785018</v>
      </c>
      <c r="OM9" s="419">
        <v>442833351</v>
      </c>
      <c r="ON9" s="419">
        <v>455697387</v>
      </c>
      <c r="OO9" s="419">
        <v>522201099</v>
      </c>
      <c r="OP9" s="419">
        <v>380152917</v>
      </c>
      <c r="OQ9" s="423">
        <v>2108669772</v>
      </c>
      <c r="OR9" s="429">
        <v>2180578201</v>
      </c>
    </row>
    <row r="10" spans="1:408" s="474" customFormat="1" ht="20.25" customHeight="1" x14ac:dyDescent="0.2">
      <c r="A10" s="475" t="s">
        <v>5</v>
      </c>
      <c r="B10" s="433">
        <v>11555661</v>
      </c>
      <c r="C10" s="434">
        <v>22407641</v>
      </c>
      <c r="D10" s="435">
        <v>33963302</v>
      </c>
      <c r="E10" s="436">
        <v>0</v>
      </c>
      <c r="F10" s="434">
        <v>94386072</v>
      </c>
      <c r="G10" s="434">
        <v>168203718</v>
      </c>
      <c r="H10" s="434">
        <v>126162977</v>
      </c>
      <c r="I10" s="434">
        <v>130150227</v>
      </c>
      <c r="J10" s="434">
        <v>102245312</v>
      </c>
      <c r="K10" s="436">
        <v>621148306</v>
      </c>
      <c r="L10" s="437">
        <v>655111608</v>
      </c>
      <c r="M10" s="433">
        <v>3239705</v>
      </c>
      <c r="N10" s="434">
        <v>7870238</v>
      </c>
      <c r="O10" s="435">
        <v>11109943</v>
      </c>
      <c r="P10" s="433">
        <v>0</v>
      </c>
      <c r="Q10" s="434">
        <v>30714725</v>
      </c>
      <c r="R10" s="434">
        <v>60796540</v>
      </c>
      <c r="S10" s="434">
        <v>39770729</v>
      </c>
      <c r="T10" s="434">
        <v>48901296</v>
      </c>
      <c r="U10" s="434">
        <v>49094256</v>
      </c>
      <c r="V10" s="435">
        <v>229277546</v>
      </c>
      <c r="W10" s="437">
        <v>240387489</v>
      </c>
      <c r="X10" s="433">
        <v>0</v>
      </c>
      <c r="Y10" s="434">
        <v>0</v>
      </c>
      <c r="Z10" s="435">
        <v>0</v>
      </c>
      <c r="AA10" s="433">
        <v>0</v>
      </c>
      <c r="AB10" s="434">
        <v>12710914</v>
      </c>
      <c r="AC10" s="434">
        <v>24950428</v>
      </c>
      <c r="AD10" s="434">
        <v>18008397</v>
      </c>
      <c r="AE10" s="434">
        <v>23865533</v>
      </c>
      <c r="AF10" s="434">
        <v>26152459</v>
      </c>
      <c r="AG10" s="435">
        <v>105687731</v>
      </c>
      <c r="AH10" s="437">
        <v>105687731</v>
      </c>
      <c r="AI10" s="433">
        <v>0</v>
      </c>
      <c r="AJ10" s="434">
        <v>94061</v>
      </c>
      <c r="AK10" s="435">
        <v>94061</v>
      </c>
      <c r="AL10" s="433">
        <v>0</v>
      </c>
      <c r="AM10" s="434">
        <v>87366</v>
      </c>
      <c r="AN10" s="434">
        <v>763048</v>
      </c>
      <c r="AO10" s="434">
        <v>974181</v>
      </c>
      <c r="AP10" s="434">
        <v>3079255</v>
      </c>
      <c r="AQ10" s="434">
        <v>5499238</v>
      </c>
      <c r="AR10" s="435">
        <v>10403088</v>
      </c>
      <c r="AS10" s="437">
        <v>10497149</v>
      </c>
      <c r="AT10" s="433">
        <v>1681425</v>
      </c>
      <c r="AU10" s="434">
        <v>5484907</v>
      </c>
      <c r="AV10" s="435">
        <v>7166332</v>
      </c>
      <c r="AW10" s="433">
        <v>0</v>
      </c>
      <c r="AX10" s="434">
        <v>11392675</v>
      </c>
      <c r="AY10" s="434">
        <v>24659979</v>
      </c>
      <c r="AZ10" s="434">
        <v>13066971</v>
      </c>
      <c r="BA10" s="434">
        <v>13618900</v>
      </c>
      <c r="BB10" s="434">
        <v>11616203</v>
      </c>
      <c r="BC10" s="435">
        <v>74354728</v>
      </c>
      <c r="BD10" s="437">
        <v>81521060</v>
      </c>
      <c r="BE10" s="433">
        <v>198075</v>
      </c>
      <c r="BF10" s="434">
        <v>754042</v>
      </c>
      <c r="BG10" s="438">
        <v>952117</v>
      </c>
      <c r="BH10" s="439">
        <v>0</v>
      </c>
      <c r="BI10" s="434">
        <v>703998</v>
      </c>
      <c r="BJ10" s="434">
        <v>2164660</v>
      </c>
      <c r="BK10" s="434">
        <v>1017672</v>
      </c>
      <c r="BL10" s="434">
        <v>1364061</v>
      </c>
      <c r="BM10" s="434">
        <v>571181</v>
      </c>
      <c r="BN10" s="435">
        <v>5821572</v>
      </c>
      <c r="BO10" s="437">
        <v>6773689</v>
      </c>
      <c r="BP10" s="433">
        <v>1360205</v>
      </c>
      <c r="BQ10" s="434">
        <v>1537228</v>
      </c>
      <c r="BR10" s="435">
        <v>2897433</v>
      </c>
      <c r="BS10" s="433">
        <v>0</v>
      </c>
      <c r="BT10" s="434">
        <v>5819772</v>
      </c>
      <c r="BU10" s="434">
        <v>8258425</v>
      </c>
      <c r="BV10" s="434">
        <v>6703508</v>
      </c>
      <c r="BW10" s="434">
        <v>6973547</v>
      </c>
      <c r="BX10" s="434">
        <v>5255175</v>
      </c>
      <c r="BY10" s="435">
        <v>33010427</v>
      </c>
      <c r="BZ10" s="437">
        <v>35907860</v>
      </c>
      <c r="CA10" s="433">
        <v>1037240</v>
      </c>
      <c r="CB10" s="434">
        <v>2516776</v>
      </c>
      <c r="CC10" s="435">
        <v>3554016</v>
      </c>
      <c r="CD10" s="433">
        <v>0</v>
      </c>
      <c r="CE10" s="434">
        <v>21475499</v>
      </c>
      <c r="CF10" s="434">
        <v>35550020</v>
      </c>
      <c r="CG10" s="434">
        <v>24119235</v>
      </c>
      <c r="CH10" s="434">
        <v>14556255</v>
      </c>
      <c r="CI10" s="434">
        <v>7628220</v>
      </c>
      <c r="CJ10" s="435">
        <v>103329229</v>
      </c>
      <c r="CK10" s="437">
        <v>106883245</v>
      </c>
      <c r="CL10" s="433">
        <v>0</v>
      </c>
      <c r="CM10" s="434">
        <v>0</v>
      </c>
      <c r="CN10" s="435">
        <v>0</v>
      </c>
      <c r="CO10" s="439">
        <v>0</v>
      </c>
      <c r="CP10" s="434">
        <v>17542430</v>
      </c>
      <c r="CQ10" s="434">
        <v>25273059</v>
      </c>
      <c r="CR10" s="434">
        <v>15908109</v>
      </c>
      <c r="CS10" s="434">
        <v>9658349</v>
      </c>
      <c r="CT10" s="434">
        <v>4934272</v>
      </c>
      <c r="CU10" s="435">
        <v>73316219</v>
      </c>
      <c r="CV10" s="437">
        <v>73316219</v>
      </c>
      <c r="CW10" s="433">
        <v>1037240</v>
      </c>
      <c r="CX10" s="434">
        <v>2516776</v>
      </c>
      <c r="CY10" s="435">
        <v>3554016</v>
      </c>
      <c r="CZ10" s="433">
        <v>0</v>
      </c>
      <c r="DA10" s="434">
        <v>3933069</v>
      </c>
      <c r="DB10" s="434">
        <v>10276961</v>
      </c>
      <c r="DC10" s="434">
        <v>8211126</v>
      </c>
      <c r="DD10" s="434">
        <v>4897906</v>
      </c>
      <c r="DE10" s="434">
        <v>2693948</v>
      </c>
      <c r="DF10" s="435">
        <v>30013010</v>
      </c>
      <c r="DG10" s="437">
        <v>33567026</v>
      </c>
      <c r="DH10" s="433">
        <v>0</v>
      </c>
      <c r="DI10" s="434">
        <v>425411</v>
      </c>
      <c r="DJ10" s="438">
        <v>425411</v>
      </c>
      <c r="DK10" s="439">
        <v>0</v>
      </c>
      <c r="DL10" s="434">
        <v>2463350</v>
      </c>
      <c r="DM10" s="434">
        <v>7418864</v>
      </c>
      <c r="DN10" s="434">
        <v>8406534</v>
      </c>
      <c r="DO10" s="434">
        <v>10025573</v>
      </c>
      <c r="DP10" s="434">
        <v>4311026</v>
      </c>
      <c r="DQ10" s="435">
        <v>32625347</v>
      </c>
      <c r="DR10" s="437">
        <v>33050758</v>
      </c>
      <c r="DS10" s="433">
        <v>0</v>
      </c>
      <c r="DT10" s="434">
        <v>273279</v>
      </c>
      <c r="DU10" s="435">
        <v>273279</v>
      </c>
      <c r="DV10" s="433">
        <v>0</v>
      </c>
      <c r="DW10" s="434">
        <v>2042706</v>
      </c>
      <c r="DX10" s="434">
        <v>6423436</v>
      </c>
      <c r="DY10" s="434">
        <v>7196464</v>
      </c>
      <c r="DZ10" s="434">
        <v>8266462</v>
      </c>
      <c r="EA10" s="434">
        <v>2625990</v>
      </c>
      <c r="EB10" s="435">
        <v>26555058</v>
      </c>
      <c r="EC10" s="437">
        <v>26828337</v>
      </c>
      <c r="ED10" s="433">
        <v>0</v>
      </c>
      <c r="EE10" s="438">
        <v>152132</v>
      </c>
      <c r="EF10" s="435">
        <v>152132</v>
      </c>
      <c r="EG10" s="433">
        <v>0</v>
      </c>
      <c r="EH10" s="434">
        <v>420644</v>
      </c>
      <c r="EI10" s="434">
        <v>995428</v>
      </c>
      <c r="EJ10" s="434">
        <v>1210070</v>
      </c>
      <c r="EK10" s="434">
        <v>1759111</v>
      </c>
      <c r="EL10" s="434">
        <v>1685036</v>
      </c>
      <c r="EM10" s="438">
        <v>6070289</v>
      </c>
      <c r="EN10" s="437">
        <v>6222421</v>
      </c>
      <c r="EO10" s="433">
        <v>0</v>
      </c>
      <c r="EP10" s="434">
        <v>0</v>
      </c>
      <c r="EQ10" s="438">
        <v>0</v>
      </c>
      <c r="ER10" s="439">
        <v>0</v>
      </c>
      <c r="ES10" s="434">
        <v>0</v>
      </c>
      <c r="ET10" s="434">
        <v>0</v>
      </c>
      <c r="EU10" s="434">
        <v>0</v>
      </c>
      <c r="EV10" s="434">
        <v>0</v>
      </c>
      <c r="EW10" s="434">
        <v>0</v>
      </c>
      <c r="EX10" s="435">
        <v>0</v>
      </c>
      <c r="EY10" s="437">
        <v>0</v>
      </c>
      <c r="EZ10" s="433">
        <v>0</v>
      </c>
      <c r="FA10" s="434">
        <v>0</v>
      </c>
      <c r="FB10" s="438">
        <v>0</v>
      </c>
      <c r="FC10" s="440"/>
      <c r="FD10" s="434">
        <v>0</v>
      </c>
      <c r="FE10" s="434">
        <v>0</v>
      </c>
      <c r="FF10" s="434">
        <v>0</v>
      </c>
      <c r="FG10" s="434">
        <v>0</v>
      </c>
      <c r="FH10" s="434">
        <v>0</v>
      </c>
      <c r="FI10" s="435">
        <v>0</v>
      </c>
      <c r="FJ10" s="437">
        <v>0</v>
      </c>
      <c r="FK10" s="433">
        <v>2393631</v>
      </c>
      <c r="FL10" s="434">
        <v>4979492</v>
      </c>
      <c r="FM10" s="435">
        <v>7373123</v>
      </c>
      <c r="FN10" s="433">
        <v>0</v>
      </c>
      <c r="FO10" s="434">
        <v>4565843</v>
      </c>
      <c r="FP10" s="434">
        <v>14758482</v>
      </c>
      <c r="FQ10" s="434">
        <v>9344191</v>
      </c>
      <c r="FR10" s="434">
        <v>9447658</v>
      </c>
      <c r="FS10" s="434">
        <v>6460282</v>
      </c>
      <c r="FT10" s="435">
        <v>44576456</v>
      </c>
      <c r="FU10" s="437">
        <v>51949579</v>
      </c>
      <c r="FV10" s="441">
        <v>791154</v>
      </c>
      <c r="FW10" s="434">
        <v>2191371</v>
      </c>
      <c r="FX10" s="438">
        <v>2982525</v>
      </c>
      <c r="FY10" s="439">
        <v>0</v>
      </c>
      <c r="FZ10" s="434">
        <v>2567829</v>
      </c>
      <c r="GA10" s="434">
        <v>12297535</v>
      </c>
      <c r="GB10" s="434">
        <v>7826560</v>
      </c>
      <c r="GC10" s="434">
        <v>8011344</v>
      </c>
      <c r="GD10" s="434">
        <v>5867624</v>
      </c>
      <c r="GE10" s="435">
        <v>36570892</v>
      </c>
      <c r="GF10" s="442">
        <v>39553417</v>
      </c>
      <c r="GG10" s="441">
        <v>90827</v>
      </c>
      <c r="GH10" s="434">
        <v>315368</v>
      </c>
      <c r="GI10" s="438">
        <v>406195</v>
      </c>
      <c r="GJ10" s="439">
        <v>0</v>
      </c>
      <c r="GK10" s="434">
        <v>300222</v>
      </c>
      <c r="GL10" s="434">
        <v>932953</v>
      </c>
      <c r="GM10" s="434">
        <v>325895</v>
      </c>
      <c r="GN10" s="434">
        <v>464364</v>
      </c>
      <c r="GO10" s="434">
        <v>222610</v>
      </c>
      <c r="GP10" s="435">
        <v>2246044</v>
      </c>
      <c r="GQ10" s="437">
        <v>2652239</v>
      </c>
      <c r="GR10" s="433">
        <v>1511650</v>
      </c>
      <c r="GS10" s="434">
        <v>2472753</v>
      </c>
      <c r="GT10" s="435">
        <v>3984403</v>
      </c>
      <c r="GU10" s="433">
        <v>0</v>
      </c>
      <c r="GV10" s="434">
        <v>1697792</v>
      </c>
      <c r="GW10" s="434">
        <v>1527994</v>
      </c>
      <c r="GX10" s="434">
        <v>1191736</v>
      </c>
      <c r="GY10" s="434">
        <v>971950</v>
      </c>
      <c r="GZ10" s="434">
        <v>370048</v>
      </c>
      <c r="HA10" s="438">
        <v>5759520</v>
      </c>
      <c r="HB10" s="437">
        <v>9743923</v>
      </c>
      <c r="HC10" s="433">
        <v>4885085</v>
      </c>
      <c r="HD10" s="434">
        <v>6615724</v>
      </c>
      <c r="HE10" s="438">
        <v>11500809</v>
      </c>
      <c r="HF10" s="439">
        <v>0</v>
      </c>
      <c r="HG10" s="434">
        <v>35166655</v>
      </c>
      <c r="HH10" s="434">
        <v>49679812</v>
      </c>
      <c r="HI10" s="434">
        <v>44522288</v>
      </c>
      <c r="HJ10" s="434">
        <v>47219445</v>
      </c>
      <c r="HK10" s="434">
        <v>34751528</v>
      </c>
      <c r="HL10" s="435">
        <v>211339728</v>
      </c>
      <c r="HM10" s="436">
        <v>222840537</v>
      </c>
      <c r="HN10" s="476"/>
      <c r="HO10" s="477"/>
      <c r="HP10" s="478"/>
      <c r="HQ10" s="479"/>
      <c r="HR10" s="477"/>
      <c r="HS10" s="477"/>
      <c r="HT10" s="477"/>
      <c r="HU10" s="477"/>
      <c r="HV10" s="477"/>
      <c r="HW10" s="480"/>
      <c r="HX10" s="481"/>
      <c r="HY10" s="443">
        <v>341253</v>
      </c>
      <c r="HZ10" s="444">
        <v>259382</v>
      </c>
      <c r="IA10" s="445">
        <v>600635</v>
      </c>
      <c r="IB10" s="446">
        <v>0</v>
      </c>
      <c r="IC10" s="447">
        <v>20136168</v>
      </c>
      <c r="ID10" s="448">
        <v>30332312</v>
      </c>
      <c r="IE10" s="449">
        <v>35515178</v>
      </c>
      <c r="IF10" s="447">
        <v>22990337</v>
      </c>
      <c r="IG10" s="449">
        <v>15728389</v>
      </c>
      <c r="IH10" s="450">
        <v>124702384</v>
      </c>
      <c r="II10" s="451">
        <v>125303019</v>
      </c>
      <c r="IJ10" s="452">
        <v>0</v>
      </c>
      <c r="IK10" s="453">
        <v>0</v>
      </c>
      <c r="IL10" s="454">
        <v>0</v>
      </c>
      <c r="IM10" s="455"/>
      <c r="IN10" s="456">
        <v>789182</v>
      </c>
      <c r="IO10" s="456">
        <v>1862494</v>
      </c>
      <c r="IP10" s="456">
        <v>1472907</v>
      </c>
      <c r="IQ10" s="456">
        <v>1625710</v>
      </c>
      <c r="IR10" s="456">
        <v>805732</v>
      </c>
      <c r="IS10" s="457">
        <v>6556025</v>
      </c>
      <c r="IT10" s="458">
        <v>6556025</v>
      </c>
      <c r="IU10" s="459">
        <v>0</v>
      </c>
      <c r="IV10" s="456">
        <v>0</v>
      </c>
      <c r="IW10" s="460">
        <v>0</v>
      </c>
      <c r="IX10" s="461"/>
      <c r="IY10" s="456">
        <v>101296</v>
      </c>
      <c r="IZ10" s="456">
        <v>477813</v>
      </c>
      <c r="JA10" s="456">
        <v>638361</v>
      </c>
      <c r="JB10" s="456">
        <v>696581</v>
      </c>
      <c r="JC10" s="456">
        <v>717873</v>
      </c>
      <c r="JD10" s="460">
        <v>2631924</v>
      </c>
      <c r="JE10" s="462">
        <v>2631924</v>
      </c>
      <c r="JF10" s="459">
        <v>0</v>
      </c>
      <c r="JG10" s="456">
        <v>0</v>
      </c>
      <c r="JH10" s="457">
        <v>0</v>
      </c>
      <c r="JI10" s="463">
        <v>0</v>
      </c>
      <c r="JJ10" s="456">
        <v>9526171</v>
      </c>
      <c r="JK10" s="456">
        <v>12325944</v>
      </c>
      <c r="JL10" s="456">
        <v>7033929</v>
      </c>
      <c r="JM10" s="456">
        <v>5204539</v>
      </c>
      <c r="JN10" s="456">
        <v>2266140</v>
      </c>
      <c r="JO10" s="460">
        <v>36356723</v>
      </c>
      <c r="JP10" s="458">
        <v>36356723</v>
      </c>
      <c r="JQ10" s="459">
        <v>0</v>
      </c>
      <c r="JR10" s="456">
        <v>0</v>
      </c>
      <c r="JS10" s="457">
        <v>0</v>
      </c>
      <c r="JT10" s="463">
        <v>0</v>
      </c>
      <c r="JU10" s="456">
        <v>1734296</v>
      </c>
      <c r="JV10" s="456">
        <v>3841078</v>
      </c>
      <c r="JW10" s="456">
        <v>2795637</v>
      </c>
      <c r="JX10" s="456">
        <v>1604906</v>
      </c>
      <c r="JY10" s="456">
        <v>2506501</v>
      </c>
      <c r="JZ10" s="460">
        <v>12482418</v>
      </c>
      <c r="KA10" s="458">
        <v>12482418</v>
      </c>
      <c r="KB10" s="464">
        <v>341253</v>
      </c>
      <c r="KC10" s="465">
        <v>259382</v>
      </c>
      <c r="KD10" s="460">
        <v>600635</v>
      </c>
      <c r="KE10" s="463">
        <v>0</v>
      </c>
      <c r="KF10" s="456">
        <v>2842172</v>
      </c>
      <c r="KG10" s="456">
        <v>2491486</v>
      </c>
      <c r="KH10" s="456">
        <v>8348996</v>
      </c>
      <c r="KI10" s="456">
        <v>4487263</v>
      </c>
      <c r="KJ10" s="456">
        <v>2157894</v>
      </c>
      <c r="KK10" s="460">
        <v>20327811</v>
      </c>
      <c r="KL10" s="466">
        <v>20928446</v>
      </c>
      <c r="KM10" s="452">
        <v>0</v>
      </c>
      <c r="KN10" s="453">
        <v>0</v>
      </c>
      <c r="KO10" s="454">
        <v>0</v>
      </c>
      <c r="KP10" s="455"/>
      <c r="KQ10" s="456">
        <v>4982621</v>
      </c>
      <c r="KR10" s="456">
        <v>8904642</v>
      </c>
      <c r="KS10" s="456">
        <v>13951253</v>
      </c>
      <c r="KT10" s="456">
        <v>7341935</v>
      </c>
      <c r="KU10" s="456">
        <v>4163091</v>
      </c>
      <c r="KV10" s="460">
        <v>39343542</v>
      </c>
      <c r="KW10" s="458">
        <v>39343542</v>
      </c>
      <c r="KX10" s="459">
        <v>0</v>
      </c>
      <c r="KY10" s="456">
        <v>0</v>
      </c>
      <c r="KZ10" s="460">
        <v>0</v>
      </c>
      <c r="LA10" s="467"/>
      <c r="LB10" s="456">
        <v>0</v>
      </c>
      <c r="LC10" s="456">
        <v>0</v>
      </c>
      <c r="LD10" s="456">
        <v>0</v>
      </c>
      <c r="LE10" s="456">
        <v>0</v>
      </c>
      <c r="LF10" s="456">
        <v>0</v>
      </c>
      <c r="LG10" s="460">
        <v>0</v>
      </c>
      <c r="LH10" s="462">
        <v>0</v>
      </c>
      <c r="LI10" s="459">
        <v>0</v>
      </c>
      <c r="LJ10" s="456">
        <v>0</v>
      </c>
      <c r="LK10" s="460">
        <v>0</v>
      </c>
      <c r="LL10" s="467"/>
      <c r="LM10" s="456">
        <v>0</v>
      </c>
      <c r="LN10" s="456">
        <v>0</v>
      </c>
      <c r="LO10" s="456">
        <v>234424</v>
      </c>
      <c r="LP10" s="456">
        <v>427967</v>
      </c>
      <c r="LQ10" s="456">
        <v>0</v>
      </c>
      <c r="LR10" s="460">
        <v>662391</v>
      </c>
      <c r="LS10" s="458">
        <v>662391</v>
      </c>
      <c r="LT10" s="459">
        <v>0</v>
      </c>
      <c r="LU10" s="456">
        <v>0</v>
      </c>
      <c r="LV10" s="460">
        <v>0</v>
      </c>
      <c r="LW10" s="467"/>
      <c r="LX10" s="456">
        <v>160430</v>
      </c>
      <c r="LY10" s="456">
        <v>428855</v>
      </c>
      <c r="LZ10" s="456">
        <v>1039671</v>
      </c>
      <c r="MA10" s="456">
        <v>1601436</v>
      </c>
      <c r="MB10" s="456">
        <v>3111158</v>
      </c>
      <c r="MC10" s="460">
        <v>6341550</v>
      </c>
      <c r="MD10" s="462">
        <v>6341550</v>
      </c>
      <c r="ME10" s="459">
        <v>0</v>
      </c>
      <c r="MF10" s="456">
        <v>0</v>
      </c>
      <c r="MG10" s="460">
        <v>0</v>
      </c>
      <c r="MH10" s="467"/>
      <c r="MI10" s="456">
        <v>7088468</v>
      </c>
      <c r="MJ10" s="456">
        <v>21808874</v>
      </c>
      <c r="MK10" s="456">
        <v>51083774</v>
      </c>
      <c r="ML10" s="456">
        <v>76408255</v>
      </c>
      <c r="MM10" s="456">
        <v>58460885</v>
      </c>
      <c r="MN10" s="460">
        <v>214850256</v>
      </c>
      <c r="MO10" s="466">
        <v>214850256</v>
      </c>
      <c r="MP10" s="459">
        <v>0</v>
      </c>
      <c r="MQ10" s="456">
        <v>0</v>
      </c>
      <c r="MR10" s="460">
        <v>0</v>
      </c>
      <c r="MS10" s="467"/>
      <c r="MT10" s="456">
        <v>364220</v>
      </c>
      <c r="MU10" s="456">
        <v>4280617</v>
      </c>
      <c r="MV10" s="456">
        <v>24189227</v>
      </c>
      <c r="MW10" s="456">
        <v>40024831</v>
      </c>
      <c r="MX10" s="456">
        <v>33631281</v>
      </c>
      <c r="MY10" s="460">
        <v>102490176</v>
      </c>
      <c r="MZ10" s="466">
        <v>102490176</v>
      </c>
      <c r="NA10" s="459">
        <v>0</v>
      </c>
      <c r="NB10" s="456">
        <v>0</v>
      </c>
      <c r="NC10" s="460">
        <v>0</v>
      </c>
      <c r="ND10" s="467"/>
      <c r="NE10" s="456">
        <v>6724248</v>
      </c>
      <c r="NF10" s="456">
        <v>17300349</v>
      </c>
      <c r="NG10" s="456">
        <v>26894547</v>
      </c>
      <c r="NH10" s="456">
        <v>33990022</v>
      </c>
      <c r="NI10" s="456">
        <v>20444506</v>
      </c>
      <c r="NJ10" s="460">
        <v>105353672</v>
      </c>
      <c r="NK10" s="458">
        <v>105353672</v>
      </c>
      <c r="NL10" s="459">
        <v>0</v>
      </c>
      <c r="NM10" s="456">
        <v>0</v>
      </c>
      <c r="NN10" s="460">
        <v>0</v>
      </c>
      <c r="NO10" s="467"/>
      <c r="NP10" s="456">
        <v>0</v>
      </c>
      <c r="NQ10" s="456">
        <v>0</v>
      </c>
      <c r="NR10" s="456">
        <v>0</v>
      </c>
      <c r="NS10" s="456">
        <v>1134676</v>
      </c>
      <c r="NT10" s="456">
        <v>1683431</v>
      </c>
      <c r="NU10" s="460">
        <v>2818107</v>
      </c>
      <c r="NV10" s="462">
        <v>2818107</v>
      </c>
      <c r="NW10" s="459">
        <v>0</v>
      </c>
      <c r="NX10" s="456">
        <v>0</v>
      </c>
      <c r="NY10" s="460">
        <v>0</v>
      </c>
      <c r="NZ10" s="467"/>
      <c r="OA10" s="456">
        <v>0</v>
      </c>
      <c r="OB10" s="456">
        <v>227908</v>
      </c>
      <c r="OC10" s="456">
        <v>0</v>
      </c>
      <c r="OD10" s="456">
        <v>1258726</v>
      </c>
      <c r="OE10" s="456">
        <v>2701667</v>
      </c>
      <c r="OF10" s="460">
        <v>4188301</v>
      </c>
      <c r="OG10" s="462">
        <v>4188301</v>
      </c>
      <c r="OH10" s="459">
        <v>11896914</v>
      </c>
      <c r="OI10" s="456">
        <v>22667023</v>
      </c>
      <c r="OJ10" s="457">
        <v>34563937</v>
      </c>
      <c r="OK10" s="463">
        <v>0</v>
      </c>
      <c r="OL10" s="456">
        <v>121610708</v>
      </c>
      <c r="OM10" s="456">
        <v>220344904</v>
      </c>
      <c r="ON10" s="456">
        <v>212761929</v>
      </c>
      <c r="OO10" s="456">
        <v>229548819</v>
      </c>
      <c r="OP10" s="456">
        <v>176434586</v>
      </c>
      <c r="OQ10" s="460">
        <v>960700946</v>
      </c>
      <c r="OR10" s="466">
        <v>995264883</v>
      </c>
    </row>
    <row r="11" spans="1:408" ht="20.25" customHeight="1" x14ac:dyDescent="0.2">
      <c r="A11" s="126" t="s">
        <v>6</v>
      </c>
      <c r="B11" s="110">
        <v>3429973</v>
      </c>
      <c r="C11" s="114">
        <v>6045363</v>
      </c>
      <c r="D11" s="113">
        <v>9475336</v>
      </c>
      <c r="E11" s="109">
        <v>0</v>
      </c>
      <c r="F11" s="114">
        <v>44495571</v>
      </c>
      <c r="G11" s="114">
        <v>48630704</v>
      </c>
      <c r="H11" s="114">
        <v>43343139</v>
      </c>
      <c r="I11" s="114">
        <v>54990597</v>
      </c>
      <c r="J11" s="114">
        <v>38998762</v>
      </c>
      <c r="K11" s="109">
        <v>230458773</v>
      </c>
      <c r="L11" s="116">
        <v>239934109</v>
      </c>
      <c r="M11" s="110">
        <v>1203391</v>
      </c>
      <c r="N11" s="114">
        <v>2286192</v>
      </c>
      <c r="O11" s="113">
        <v>3489583</v>
      </c>
      <c r="P11" s="110">
        <v>0</v>
      </c>
      <c r="Q11" s="114">
        <v>16141444</v>
      </c>
      <c r="R11" s="114">
        <v>18657502</v>
      </c>
      <c r="S11" s="114">
        <v>15728675</v>
      </c>
      <c r="T11" s="114">
        <v>19822372</v>
      </c>
      <c r="U11" s="114">
        <v>16016853</v>
      </c>
      <c r="V11" s="113">
        <v>86366846</v>
      </c>
      <c r="W11" s="116">
        <v>89856429</v>
      </c>
      <c r="X11" s="110">
        <v>0</v>
      </c>
      <c r="Y11" s="114">
        <v>0</v>
      </c>
      <c r="Z11" s="113">
        <v>0</v>
      </c>
      <c r="AA11" s="110">
        <v>0</v>
      </c>
      <c r="AB11" s="114">
        <v>6168155</v>
      </c>
      <c r="AC11" s="114">
        <v>8083406</v>
      </c>
      <c r="AD11" s="114">
        <v>7597215</v>
      </c>
      <c r="AE11" s="114">
        <v>10501918</v>
      </c>
      <c r="AF11" s="114">
        <v>8326173</v>
      </c>
      <c r="AG11" s="113">
        <v>40676867</v>
      </c>
      <c r="AH11" s="116">
        <v>40676867</v>
      </c>
      <c r="AI11" s="110">
        <v>0</v>
      </c>
      <c r="AJ11" s="114">
        <v>64046</v>
      </c>
      <c r="AK11" s="113">
        <v>64046</v>
      </c>
      <c r="AL11" s="110">
        <v>0</v>
      </c>
      <c r="AM11" s="114">
        <v>55965</v>
      </c>
      <c r="AN11" s="114">
        <v>349388</v>
      </c>
      <c r="AO11" s="114">
        <v>389378</v>
      </c>
      <c r="AP11" s="114">
        <v>1146027</v>
      </c>
      <c r="AQ11" s="114">
        <v>1822273</v>
      </c>
      <c r="AR11" s="113">
        <v>3763031</v>
      </c>
      <c r="AS11" s="116">
        <v>3827077</v>
      </c>
      <c r="AT11" s="110">
        <v>587412</v>
      </c>
      <c r="AU11" s="114">
        <v>1499567</v>
      </c>
      <c r="AV11" s="113">
        <v>2086979</v>
      </c>
      <c r="AW11" s="110">
        <v>0</v>
      </c>
      <c r="AX11" s="114">
        <v>6762599</v>
      </c>
      <c r="AY11" s="114">
        <v>6611440</v>
      </c>
      <c r="AZ11" s="114">
        <v>4803995</v>
      </c>
      <c r="BA11" s="114">
        <v>4555598</v>
      </c>
      <c r="BB11" s="114">
        <v>3570731</v>
      </c>
      <c r="BC11" s="113">
        <v>26304363</v>
      </c>
      <c r="BD11" s="116">
        <v>28391342</v>
      </c>
      <c r="BE11" s="110">
        <v>91588</v>
      </c>
      <c r="BF11" s="114">
        <v>121258</v>
      </c>
      <c r="BG11" s="112">
        <v>212846</v>
      </c>
      <c r="BH11" s="111">
        <v>0</v>
      </c>
      <c r="BI11" s="114">
        <v>545384</v>
      </c>
      <c r="BJ11" s="114">
        <v>738473</v>
      </c>
      <c r="BK11" s="114">
        <v>450812</v>
      </c>
      <c r="BL11" s="114">
        <v>616825</v>
      </c>
      <c r="BM11" s="114">
        <v>133306</v>
      </c>
      <c r="BN11" s="113">
        <v>2484800</v>
      </c>
      <c r="BO11" s="116">
        <v>2697646</v>
      </c>
      <c r="BP11" s="110">
        <v>524391</v>
      </c>
      <c r="BQ11" s="114">
        <v>601321</v>
      </c>
      <c r="BR11" s="113">
        <v>1125712</v>
      </c>
      <c r="BS11" s="110">
        <v>0</v>
      </c>
      <c r="BT11" s="114">
        <v>2609341</v>
      </c>
      <c r="BU11" s="114">
        <v>2874795</v>
      </c>
      <c r="BV11" s="114">
        <v>2487275</v>
      </c>
      <c r="BW11" s="114">
        <v>3002004</v>
      </c>
      <c r="BX11" s="114">
        <v>2164370</v>
      </c>
      <c r="BY11" s="113">
        <v>13137785</v>
      </c>
      <c r="BZ11" s="116">
        <v>14263497</v>
      </c>
      <c r="CA11" s="110">
        <v>112627</v>
      </c>
      <c r="CB11" s="114">
        <v>424074</v>
      </c>
      <c r="CC11" s="113">
        <v>536701</v>
      </c>
      <c r="CD11" s="110">
        <v>0</v>
      </c>
      <c r="CE11" s="114">
        <v>12849931</v>
      </c>
      <c r="CF11" s="114">
        <v>10726289</v>
      </c>
      <c r="CG11" s="114">
        <v>7327562</v>
      </c>
      <c r="CH11" s="114">
        <v>7975855</v>
      </c>
      <c r="CI11" s="114">
        <v>2729379</v>
      </c>
      <c r="CJ11" s="113">
        <v>41609016</v>
      </c>
      <c r="CK11" s="116">
        <v>42145717</v>
      </c>
      <c r="CL11" s="110">
        <v>0</v>
      </c>
      <c r="CM11" s="114">
        <v>0</v>
      </c>
      <c r="CN11" s="113">
        <v>0</v>
      </c>
      <c r="CO11" s="111">
        <v>0</v>
      </c>
      <c r="CP11" s="114">
        <v>10768988</v>
      </c>
      <c r="CQ11" s="114">
        <v>8003841</v>
      </c>
      <c r="CR11" s="114">
        <v>5486015</v>
      </c>
      <c r="CS11" s="114">
        <v>5123498</v>
      </c>
      <c r="CT11" s="114">
        <v>2089537</v>
      </c>
      <c r="CU11" s="113">
        <v>31471879</v>
      </c>
      <c r="CV11" s="116">
        <v>31471879</v>
      </c>
      <c r="CW11" s="110">
        <v>112627</v>
      </c>
      <c r="CX11" s="114">
        <v>424074</v>
      </c>
      <c r="CY11" s="113">
        <v>536701</v>
      </c>
      <c r="CZ11" s="110">
        <v>0</v>
      </c>
      <c r="DA11" s="114">
        <v>2080943</v>
      </c>
      <c r="DB11" s="114">
        <v>2722448</v>
      </c>
      <c r="DC11" s="114">
        <v>1841547</v>
      </c>
      <c r="DD11" s="114">
        <v>2852357</v>
      </c>
      <c r="DE11" s="114">
        <v>639842</v>
      </c>
      <c r="DF11" s="113">
        <v>10137137</v>
      </c>
      <c r="DG11" s="116">
        <v>10673838</v>
      </c>
      <c r="DH11" s="110">
        <v>0</v>
      </c>
      <c r="DI11" s="114">
        <v>76905</v>
      </c>
      <c r="DJ11" s="112">
        <v>76905</v>
      </c>
      <c r="DK11" s="111">
        <v>0</v>
      </c>
      <c r="DL11" s="114">
        <v>570221</v>
      </c>
      <c r="DM11" s="114">
        <v>1290931</v>
      </c>
      <c r="DN11" s="114">
        <v>2204680</v>
      </c>
      <c r="DO11" s="114">
        <v>2351248</v>
      </c>
      <c r="DP11" s="114">
        <v>1328932</v>
      </c>
      <c r="DQ11" s="113">
        <v>7746012</v>
      </c>
      <c r="DR11" s="116">
        <v>7822917</v>
      </c>
      <c r="DS11" s="110">
        <v>0</v>
      </c>
      <c r="DT11" s="114">
        <v>76905</v>
      </c>
      <c r="DU11" s="113">
        <v>76905</v>
      </c>
      <c r="DV11" s="110">
        <v>0</v>
      </c>
      <c r="DW11" s="114">
        <v>531599</v>
      </c>
      <c r="DX11" s="114">
        <v>974846</v>
      </c>
      <c r="DY11" s="114">
        <v>1660817</v>
      </c>
      <c r="DZ11" s="114">
        <v>1849506</v>
      </c>
      <c r="EA11" s="114">
        <v>1171329</v>
      </c>
      <c r="EB11" s="113">
        <v>6188097</v>
      </c>
      <c r="EC11" s="116">
        <v>6265002</v>
      </c>
      <c r="ED11" s="110">
        <v>0</v>
      </c>
      <c r="EE11" s="112">
        <v>0</v>
      </c>
      <c r="EF11" s="113">
        <v>0</v>
      </c>
      <c r="EG11" s="110">
        <v>0</v>
      </c>
      <c r="EH11" s="114">
        <v>38622</v>
      </c>
      <c r="EI11" s="114">
        <v>316085</v>
      </c>
      <c r="EJ11" s="114">
        <v>543863</v>
      </c>
      <c r="EK11" s="114">
        <v>501742</v>
      </c>
      <c r="EL11" s="114">
        <v>157603</v>
      </c>
      <c r="EM11" s="112">
        <v>1557915</v>
      </c>
      <c r="EN11" s="116">
        <v>1557915</v>
      </c>
      <c r="EO11" s="110">
        <v>0</v>
      </c>
      <c r="EP11" s="114">
        <v>0</v>
      </c>
      <c r="EQ11" s="112">
        <v>0</v>
      </c>
      <c r="ER11" s="111">
        <v>0</v>
      </c>
      <c r="ES11" s="114">
        <v>0</v>
      </c>
      <c r="ET11" s="114">
        <v>0</v>
      </c>
      <c r="EU11" s="114">
        <v>0</v>
      </c>
      <c r="EV11" s="114">
        <v>0</v>
      </c>
      <c r="EW11" s="114">
        <v>0</v>
      </c>
      <c r="EX11" s="113">
        <v>0</v>
      </c>
      <c r="EY11" s="116">
        <v>0</v>
      </c>
      <c r="EZ11" s="110">
        <v>0</v>
      </c>
      <c r="FA11" s="114">
        <v>0</v>
      </c>
      <c r="FB11" s="112">
        <v>0</v>
      </c>
      <c r="FC11" s="348"/>
      <c r="FD11" s="114">
        <v>0</v>
      </c>
      <c r="FE11" s="114">
        <v>0</v>
      </c>
      <c r="FF11" s="114">
        <v>0</v>
      </c>
      <c r="FG11" s="114">
        <v>0</v>
      </c>
      <c r="FH11" s="114">
        <v>0</v>
      </c>
      <c r="FI11" s="113">
        <v>0</v>
      </c>
      <c r="FJ11" s="116">
        <v>0</v>
      </c>
      <c r="FK11" s="110">
        <v>511978</v>
      </c>
      <c r="FL11" s="114">
        <v>1574240</v>
      </c>
      <c r="FM11" s="113">
        <v>2086218</v>
      </c>
      <c r="FN11" s="110">
        <v>0</v>
      </c>
      <c r="FO11" s="114">
        <v>2456860</v>
      </c>
      <c r="FP11" s="114">
        <v>4561267</v>
      </c>
      <c r="FQ11" s="114">
        <v>3739030</v>
      </c>
      <c r="FR11" s="114">
        <v>3624816</v>
      </c>
      <c r="FS11" s="114">
        <v>2398676</v>
      </c>
      <c r="FT11" s="113">
        <v>16780649</v>
      </c>
      <c r="FU11" s="116">
        <v>18866867</v>
      </c>
      <c r="FV11" s="115">
        <v>334467</v>
      </c>
      <c r="FW11" s="114">
        <v>749896</v>
      </c>
      <c r="FX11" s="112">
        <v>1084363</v>
      </c>
      <c r="FY11" s="111">
        <v>0</v>
      </c>
      <c r="FZ11" s="114">
        <v>1851302</v>
      </c>
      <c r="GA11" s="114">
        <v>3658879</v>
      </c>
      <c r="GB11" s="114">
        <v>3415466</v>
      </c>
      <c r="GC11" s="114">
        <v>3442438</v>
      </c>
      <c r="GD11" s="114">
        <v>2227008</v>
      </c>
      <c r="GE11" s="113">
        <v>14595093</v>
      </c>
      <c r="GF11" s="319">
        <v>15679456</v>
      </c>
      <c r="GG11" s="115">
        <v>11781</v>
      </c>
      <c r="GH11" s="114">
        <v>154794</v>
      </c>
      <c r="GI11" s="112">
        <v>166575</v>
      </c>
      <c r="GJ11" s="111">
        <v>0</v>
      </c>
      <c r="GK11" s="114">
        <v>176283</v>
      </c>
      <c r="GL11" s="114">
        <v>315353</v>
      </c>
      <c r="GM11" s="114">
        <v>96974</v>
      </c>
      <c r="GN11" s="114">
        <v>111678</v>
      </c>
      <c r="GO11" s="114">
        <v>171668</v>
      </c>
      <c r="GP11" s="113">
        <v>871956</v>
      </c>
      <c r="GQ11" s="116">
        <v>1038531</v>
      </c>
      <c r="GR11" s="110">
        <v>165730</v>
      </c>
      <c r="GS11" s="114">
        <v>669550</v>
      </c>
      <c r="GT11" s="113">
        <v>835280</v>
      </c>
      <c r="GU11" s="110">
        <v>0</v>
      </c>
      <c r="GV11" s="114">
        <v>429275</v>
      </c>
      <c r="GW11" s="114">
        <v>587035</v>
      </c>
      <c r="GX11" s="114">
        <v>226590</v>
      </c>
      <c r="GY11" s="114">
        <v>70700</v>
      </c>
      <c r="GZ11" s="114">
        <v>0</v>
      </c>
      <c r="HA11" s="112">
        <v>1313600</v>
      </c>
      <c r="HB11" s="116">
        <v>2148880</v>
      </c>
      <c r="HC11" s="110">
        <v>1601977</v>
      </c>
      <c r="HD11" s="114">
        <v>1683952</v>
      </c>
      <c r="HE11" s="112">
        <v>3285929</v>
      </c>
      <c r="HF11" s="111">
        <v>0</v>
      </c>
      <c r="HG11" s="114">
        <v>12477115</v>
      </c>
      <c r="HH11" s="114">
        <v>13394715</v>
      </c>
      <c r="HI11" s="114">
        <v>14343192</v>
      </c>
      <c r="HJ11" s="114">
        <v>21216306</v>
      </c>
      <c r="HK11" s="114">
        <v>16524922</v>
      </c>
      <c r="HL11" s="113">
        <v>77956250</v>
      </c>
      <c r="HM11" s="109">
        <v>81242179</v>
      </c>
      <c r="HN11" s="329"/>
      <c r="HO11" s="330"/>
      <c r="HP11" s="331"/>
      <c r="HQ11" s="332"/>
      <c r="HR11" s="330"/>
      <c r="HS11" s="330"/>
      <c r="HT11" s="330"/>
      <c r="HU11" s="330"/>
      <c r="HV11" s="330"/>
      <c r="HW11" s="333"/>
      <c r="HX11" s="334"/>
      <c r="HY11" s="131">
        <v>37996</v>
      </c>
      <c r="HZ11" s="132">
        <v>262018</v>
      </c>
      <c r="IA11" s="133">
        <v>300014</v>
      </c>
      <c r="IB11" s="146">
        <v>0</v>
      </c>
      <c r="IC11" s="132">
        <v>10442588</v>
      </c>
      <c r="ID11" s="147">
        <v>13238638</v>
      </c>
      <c r="IE11" s="133">
        <v>15129357</v>
      </c>
      <c r="IF11" s="132">
        <v>11500306</v>
      </c>
      <c r="IG11" s="133">
        <v>6969136</v>
      </c>
      <c r="IH11" s="148">
        <v>57280025</v>
      </c>
      <c r="II11" s="139">
        <v>57580039</v>
      </c>
      <c r="IJ11" s="232">
        <v>0</v>
      </c>
      <c r="IK11" s="236">
        <v>0</v>
      </c>
      <c r="IL11" s="237">
        <v>0</v>
      </c>
      <c r="IM11" s="140"/>
      <c r="IN11" s="119">
        <v>595949</v>
      </c>
      <c r="IO11" s="119">
        <v>519729</v>
      </c>
      <c r="IP11" s="119">
        <v>705863</v>
      </c>
      <c r="IQ11" s="119">
        <v>1771188</v>
      </c>
      <c r="IR11" s="119">
        <v>1412618</v>
      </c>
      <c r="IS11" s="141">
        <v>5005347</v>
      </c>
      <c r="IT11" s="321">
        <v>5005347</v>
      </c>
      <c r="IU11" s="142">
        <v>0</v>
      </c>
      <c r="IV11" s="119">
        <v>0</v>
      </c>
      <c r="IW11" s="120">
        <v>0</v>
      </c>
      <c r="IX11" s="144"/>
      <c r="IY11" s="119">
        <v>30542</v>
      </c>
      <c r="IZ11" s="119">
        <v>91785</v>
      </c>
      <c r="JA11" s="119">
        <v>103686</v>
      </c>
      <c r="JB11" s="119">
        <v>-206259</v>
      </c>
      <c r="JC11" s="119">
        <v>232486</v>
      </c>
      <c r="JD11" s="120">
        <v>252240</v>
      </c>
      <c r="JE11" s="121">
        <v>252240</v>
      </c>
      <c r="JF11" s="142">
        <v>0</v>
      </c>
      <c r="JG11" s="119">
        <v>0</v>
      </c>
      <c r="JH11" s="141">
        <v>0</v>
      </c>
      <c r="JI11" s="118">
        <v>0</v>
      </c>
      <c r="JJ11" s="119">
        <v>4724045</v>
      </c>
      <c r="JK11" s="119">
        <v>3040327</v>
      </c>
      <c r="JL11" s="119">
        <v>2583078</v>
      </c>
      <c r="JM11" s="119">
        <v>1740555</v>
      </c>
      <c r="JN11" s="119">
        <v>711430</v>
      </c>
      <c r="JO11" s="120">
        <v>12799435</v>
      </c>
      <c r="JP11" s="321">
        <v>12799435</v>
      </c>
      <c r="JQ11" s="142">
        <v>0</v>
      </c>
      <c r="JR11" s="119">
        <v>0</v>
      </c>
      <c r="JS11" s="141">
        <v>0</v>
      </c>
      <c r="JT11" s="118">
        <v>0</v>
      </c>
      <c r="JU11" s="119">
        <v>479031</v>
      </c>
      <c r="JV11" s="119">
        <v>888556</v>
      </c>
      <c r="JW11" s="119">
        <v>1878950</v>
      </c>
      <c r="JX11" s="119">
        <v>471334</v>
      </c>
      <c r="JY11" s="119">
        <v>150360</v>
      </c>
      <c r="JZ11" s="120">
        <v>3868231</v>
      </c>
      <c r="KA11" s="321">
        <v>3868231</v>
      </c>
      <c r="KB11" s="234">
        <v>37996</v>
      </c>
      <c r="KC11" s="230">
        <v>262018</v>
      </c>
      <c r="KD11" s="120">
        <v>300014</v>
      </c>
      <c r="KE11" s="118">
        <v>0</v>
      </c>
      <c r="KF11" s="119">
        <v>1131210</v>
      </c>
      <c r="KG11" s="119">
        <v>1269712</v>
      </c>
      <c r="KH11" s="119">
        <v>1941042</v>
      </c>
      <c r="KI11" s="119">
        <v>646703</v>
      </c>
      <c r="KJ11" s="119">
        <v>0</v>
      </c>
      <c r="KK11" s="120">
        <v>4988667</v>
      </c>
      <c r="KL11" s="143">
        <v>5288681</v>
      </c>
      <c r="KM11" s="232">
        <v>0</v>
      </c>
      <c r="KN11" s="236">
        <v>0</v>
      </c>
      <c r="KO11" s="237">
        <v>0</v>
      </c>
      <c r="KP11" s="140"/>
      <c r="KQ11" s="119">
        <v>3000070</v>
      </c>
      <c r="KR11" s="119">
        <v>6683345</v>
      </c>
      <c r="KS11" s="119">
        <v>5756150</v>
      </c>
      <c r="KT11" s="119">
        <v>2818674</v>
      </c>
      <c r="KU11" s="119">
        <v>3086001</v>
      </c>
      <c r="KV11" s="120">
        <v>21344240</v>
      </c>
      <c r="KW11" s="321">
        <v>21344240</v>
      </c>
      <c r="KX11" s="142">
        <v>0</v>
      </c>
      <c r="KY11" s="119">
        <v>0</v>
      </c>
      <c r="KZ11" s="120">
        <v>0</v>
      </c>
      <c r="LA11" s="145"/>
      <c r="LB11" s="119">
        <v>0</v>
      </c>
      <c r="LC11" s="119">
        <v>0</v>
      </c>
      <c r="LD11" s="119">
        <v>0</v>
      </c>
      <c r="LE11" s="119">
        <v>0</v>
      </c>
      <c r="LF11" s="119">
        <v>0</v>
      </c>
      <c r="LG11" s="120">
        <v>0</v>
      </c>
      <c r="LH11" s="121">
        <v>0</v>
      </c>
      <c r="LI11" s="142">
        <v>0</v>
      </c>
      <c r="LJ11" s="119">
        <v>0</v>
      </c>
      <c r="LK11" s="120">
        <v>0</v>
      </c>
      <c r="LL11" s="145"/>
      <c r="LM11" s="119">
        <v>188230</v>
      </c>
      <c r="LN11" s="119">
        <v>0</v>
      </c>
      <c r="LO11" s="119">
        <v>1162997</v>
      </c>
      <c r="LP11" s="119">
        <v>2212324</v>
      </c>
      <c r="LQ11" s="119">
        <v>286097</v>
      </c>
      <c r="LR11" s="120">
        <v>3849648</v>
      </c>
      <c r="LS11" s="321">
        <v>3849648</v>
      </c>
      <c r="LT11" s="142">
        <v>0</v>
      </c>
      <c r="LU11" s="119">
        <v>0</v>
      </c>
      <c r="LV11" s="120">
        <v>0</v>
      </c>
      <c r="LW11" s="145"/>
      <c r="LX11" s="119">
        <v>293511</v>
      </c>
      <c r="LY11" s="119">
        <v>745184</v>
      </c>
      <c r="LZ11" s="119">
        <v>997591</v>
      </c>
      <c r="MA11" s="119">
        <v>2045787</v>
      </c>
      <c r="MB11" s="119">
        <v>1090144</v>
      </c>
      <c r="MC11" s="120">
        <v>5172217</v>
      </c>
      <c r="MD11" s="121">
        <v>5172217</v>
      </c>
      <c r="ME11" s="142">
        <v>0</v>
      </c>
      <c r="MF11" s="119">
        <v>0</v>
      </c>
      <c r="MG11" s="120">
        <v>0</v>
      </c>
      <c r="MH11" s="145"/>
      <c r="MI11" s="119">
        <v>1248301</v>
      </c>
      <c r="MJ11" s="119">
        <v>5516900</v>
      </c>
      <c r="MK11" s="119">
        <v>11993087</v>
      </c>
      <c r="ML11" s="119">
        <v>23370533</v>
      </c>
      <c r="MM11" s="119">
        <v>15611644</v>
      </c>
      <c r="MN11" s="120">
        <v>57740465</v>
      </c>
      <c r="MO11" s="143">
        <v>57740465</v>
      </c>
      <c r="MP11" s="142">
        <v>0</v>
      </c>
      <c r="MQ11" s="119">
        <v>0</v>
      </c>
      <c r="MR11" s="120">
        <v>0</v>
      </c>
      <c r="MS11" s="145"/>
      <c r="MT11" s="119">
        <v>0</v>
      </c>
      <c r="MU11" s="119">
        <v>837937</v>
      </c>
      <c r="MV11" s="119">
        <v>6271642</v>
      </c>
      <c r="MW11" s="119">
        <v>10410277</v>
      </c>
      <c r="MX11" s="119">
        <v>8154923</v>
      </c>
      <c r="MY11" s="120">
        <v>25674779</v>
      </c>
      <c r="MZ11" s="143">
        <v>25674779</v>
      </c>
      <c r="NA11" s="142">
        <v>0</v>
      </c>
      <c r="NB11" s="119">
        <v>0</v>
      </c>
      <c r="NC11" s="120">
        <v>0</v>
      </c>
      <c r="ND11" s="145"/>
      <c r="NE11" s="119">
        <v>1248301</v>
      </c>
      <c r="NF11" s="119">
        <v>4678963</v>
      </c>
      <c r="NG11" s="119">
        <v>5721445</v>
      </c>
      <c r="NH11" s="119">
        <v>10453815</v>
      </c>
      <c r="NI11" s="119">
        <v>4614044</v>
      </c>
      <c r="NJ11" s="120">
        <v>26716568</v>
      </c>
      <c r="NK11" s="321">
        <v>26716568</v>
      </c>
      <c r="NL11" s="142">
        <v>0</v>
      </c>
      <c r="NM11" s="119">
        <v>0</v>
      </c>
      <c r="NN11" s="120">
        <v>0</v>
      </c>
      <c r="NO11" s="145"/>
      <c r="NP11" s="119">
        <v>0</v>
      </c>
      <c r="NQ11" s="119">
        <v>0</v>
      </c>
      <c r="NR11" s="119">
        <v>0</v>
      </c>
      <c r="NS11" s="119">
        <v>2195469</v>
      </c>
      <c r="NT11" s="119">
        <v>2514660</v>
      </c>
      <c r="NU11" s="120">
        <v>4710129</v>
      </c>
      <c r="NV11" s="121">
        <v>4710129</v>
      </c>
      <c r="NW11" s="142">
        <v>0</v>
      </c>
      <c r="NX11" s="119">
        <v>0</v>
      </c>
      <c r="NY11" s="120">
        <v>0</v>
      </c>
      <c r="NZ11" s="145"/>
      <c r="OA11" s="119">
        <v>0</v>
      </c>
      <c r="OB11" s="119">
        <v>0</v>
      </c>
      <c r="OC11" s="119">
        <v>0</v>
      </c>
      <c r="OD11" s="119">
        <v>310972</v>
      </c>
      <c r="OE11" s="119">
        <v>328017</v>
      </c>
      <c r="OF11" s="120">
        <v>638989</v>
      </c>
      <c r="OG11" s="121">
        <v>638989</v>
      </c>
      <c r="OH11" s="142">
        <v>3467969</v>
      </c>
      <c r="OI11" s="119">
        <v>6307381</v>
      </c>
      <c r="OJ11" s="141">
        <v>9775350</v>
      </c>
      <c r="OK11" s="118">
        <v>0</v>
      </c>
      <c r="OL11" s="119">
        <v>56186460</v>
      </c>
      <c r="OM11" s="119">
        <v>67386242</v>
      </c>
      <c r="ON11" s="119">
        <v>70465583</v>
      </c>
      <c r="OO11" s="119">
        <v>89861436</v>
      </c>
      <c r="OP11" s="119">
        <v>61579542</v>
      </c>
      <c r="OQ11" s="120">
        <v>345479263</v>
      </c>
      <c r="OR11" s="143">
        <v>355254613</v>
      </c>
    </row>
    <row r="12" spans="1:408" ht="20.25" customHeight="1" x14ac:dyDescent="0.2">
      <c r="A12" s="126" t="s">
        <v>14</v>
      </c>
      <c r="B12" s="110">
        <v>938150</v>
      </c>
      <c r="C12" s="114">
        <v>2980377</v>
      </c>
      <c r="D12" s="113">
        <v>3918527</v>
      </c>
      <c r="E12" s="109">
        <v>0</v>
      </c>
      <c r="F12" s="114">
        <v>13056223</v>
      </c>
      <c r="G12" s="114">
        <v>16720223</v>
      </c>
      <c r="H12" s="114">
        <v>18247189</v>
      </c>
      <c r="I12" s="114">
        <v>18090937</v>
      </c>
      <c r="J12" s="114">
        <v>12453125</v>
      </c>
      <c r="K12" s="112">
        <v>78567697</v>
      </c>
      <c r="L12" s="116">
        <v>82486224</v>
      </c>
      <c r="M12" s="110">
        <v>190777</v>
      </c>
      <c r="N12" s="114">
        <v>924235</v>
      </c>
      <c r="O12" s="113">
        <v>1115012</v>
      </c>
      <c r="P12" s="110">
        <v>0</v>
      </c>
      <c r="Q12" s="114">
        <v>3956967</v>
      </c>
      <c r="R12" s="114">
        <v>5176610</v>
      </c>
      <c r="S12" s="114">
        <v>6092593</v>
      </c>
      <c r="T12" s="114">
        <v>6218329</v>
      </c>
      <c r="U12" s="114">
        <v>6567796</v>
      </c>
      <c r="V12" s="113">
        <v>28012295</v>
      </c>
      <c r="W12" s="116">
        <v>29127307</v>
      </c>
      <c r="X12" s="110">
        <v>0</v>
      </c>
      <c r="Y12" s="114">
        <v>0</v>
      </c>
      <c r="Z12" s="113">
        <v>0</v>
      </c>
      <c r="AA12" s="110">
        <v>0</v>
      </c>
      <c r="AB12" s="114">
        <v>1900135</v>
      </c>
      <c r="AC12" s="114">
        <v>1995890</v>
      </c>
      <c r="AD12" s="114">
        <v>3328282</v>
      </c>
      <c r="AE12" s="114">
        <v>2712438</v>
      </c>
      <c r="AF12" s="114">
        <v>3346373</v>
      </c>
      <c r="AG12" s="113">
        <v>13283118</v>
      </c>
      <c r="AH12" s="116">
        <v>13283118</v>
      </c>
      <c r="AI12" s="110">
        <v>0</v>
      </c>
      <c r="AJ12" s="114">
        <v>0</v>
      </c>
      <c r="AK12" s="113">
        <v>0</v>
      </c>
      <c r="AL12" s="110">
        <v>0</v>
      </c>
      <c r="AM12" s="114">
        <v>0</v>
      </c>
      <c r="AN12" s="114">
        <v>92329</v>
      </c>
      <c r="AO12" s="114">
        <v>82070</v>
      </c>
      <c r="AP12" s="114">
        <v>627569</v>
      </c>
      <c r="AQ12" s="114">
        <v>1086377</v>
      </c>
      <c r="AR12" s="113">
        <v>1888345</v>
      </c>
      <c r="AS12" s="116">
        <v>1888345</v>
      </c>
      <c r="AT12" s="110">
        <v>71973</v>
      </c>
      <c r="AU12" s="114">
        <v>607528</v>
      </c>
      <c r="AV12" s="113">
        <v>679501</v>
      </c>
      <c r="AW12" s="110">
        <v>0</v>
      </c>
      <c r="AX12" s="114">
        <v>1212402</v>
      </c>
      <c r="AY12" s="114">
        <v>2224462</v>
      </c>
      <c r="AZ12" s="114">
        <v>1417157</v>
      </c>
      <c r="BA12" s="114">
        <v>1735541</v>
      </c>
      <c r="BB12" s="114">
        <v>1408558</v>
      </c>
      <c r="BC12" s="113">
        <v>7998120</v>
      </c>
      <c r="BD12" s="116">
        <v>8677621</v>
      </c>
      <c r="BE12" s="110">
        <v>0</v>
      </c>
      <c r="BF12" s="114">
        <v>41502</v>
      </c>
      <c r="BG12" s="112">
        <v>41502</v>
      </c>
      <c r="BH12" s="111">
        <v>0</v>
      </c>
      <c r="BI12" s="114">
        <v>44134</v>
      </c>
      <c r="BJ12" s="114">
        <v>131820</v>
      </c>
      <c r="BK12" s="114">
        <v>215084</v>
      </c>
      <c r="BL12" s="114">
        <v>112550</v>
      </c>
      <c r="BM12" s="114">
        <v>14560</v>
      </c>
      <c r="BN12" s="113">
        <v>518148</v>
      </c>
      <c r="BO12" s="116">
        <v>559650</v>
      </c>
      <c r="BP12" s="110">
        <v>118804</v>
      </c>
      <c r="BQ12" s="114">
        <v>275205</v>
      </c>
      <c r="BR12" s="113">
        <v>394009</v>
      </c>
      <c r="BS12" s="110">
        <v>0</v>
      </c>
      <c r="BT12" s="114">
        <v>800296</v>
      </c>
      <c r="BU12" s="114">
        <v>732109</v>
      </c>
      <c r="BV12" s="114">
        <v>1050000</v>
      </c>
      <c r="BW12" s="114">
        <v>1030231</v>
      </c>
      <c r="BX12" s="114">
        <v>711928</v>
      </c>
      <c r="BY12" s="113">
        <v>4324564</v>
      </c>
      <c r="BZ12" s="116">
        <v>4718573</v>
      </c>
      <c r="CA12" s="110">
        <v>19549</v>
      </c>
      <c r="CB12" s="114">
        <v>93048</v>
      </c>
      <c r="CC12" s="113">
        <v>112597</v>
      </c>
      <c r="CD12" s="110">
        <v>0</v>
      </c>
      <c r="CE12" s="114">
        <v>4337631</v>
      </c>
      <c r="CF12" s="114">
        <v>4323064</v>
      </c>
      <c r="CG12" s="114">
        <v>3893161</v>
      </c>
      <c r="CH12" s="114">
        <v>2500189</v>
      </c>
      <c r="CI12" s="114">
        <v>1441188</v>
      </c>
      <c r="CJ12" s="113">
        <v>16495233</v>
      </c>
      <c r="CK12" s="116">
        <v>16607830</v>
      </c>
      <c r="CL12" s="110">
        <v>0</v>
      </c>
      <c r="CM12" s="114">
        <v>0</v>
      </c>
      <c r="CN12" s="113">
        <v>0</v>
      </c>
      <c r="CO12" s="111">
        <v>0</v>
      </c>
      <c r="CP12" s="114">
        <v>4037310</v>
      </c>
      <c r="CQ12" s="114">
        <v>3571346</v>
      </c>
      <c r="CR12" s="114">
        <v>3169565</v>
      </c>
      <c r="CS12" s="114">
        <v>1825250</v>
      </c>
      <c r="CT12" s="114">
        <v>1248082</v>
      </c>
      <c r="CU12" s="113">
        <v>13851553</v>
      </c>
      <c r="CV12" s="116">
        <v>13851553</v>
      </c>
      <c r="CW12" s="110">
        <v>19549</v>
      </c>
      <c r="CX12" s="114">
        <v>93048</v>
      </c>
      <c r="CY12" s="113">
        <v>112597</v>
      </c>
      <c r="CZ12" s="110">
        <v>0</v>
      </c>
      <c r="DA12" s="114">
        <v>300321</v>
      </c>
      <c r="DB12" s="114">
        <v>751718</v>
      </c>
      <c r="DC12" s="114">
        <v>723596</v>
      </c>
      <c r="DD12" s="114">
        <v>674939</v>
      </c>
      <c r="DE12" s="114">
        <v>193106</v>
      </c>
      <c r="DF12" s="113">
        <v>2643680</v>
      </c>
      <c r="DG12" s="116">
        <v>2756277</v>
      </c>
      <c r="DH12" s="110">
        <v>0</v>
      </c>
      <c r="DI12" s="114">
        <v>0</v>
      </c>
      <c r="DJ12" s="112">
        <v>0</v>
      </c>
      <c r="DK12" s="111">
        <v>0</v>
      </c>
      <c r="DL12" s="114">
        <v>357824</v>
      </c>
      <c r="DM12" s="114">
        <v>673571</v>
      </c>
      <c r="DN12" s="114">
        <v>1321579</v>
      </c>
      <c r="DO12" s="114">
        <v>2181315</v>
      </c>
      <c r="DP12" s="114">
        <v>937824</v>
      </c>
      <c r="DQ12" s="113">
        <v>5472113</v>
      </c>
      <c r="DR12" s="116">
        <v>5472113</v>
      </c>
      <c r="DS12" s="110">
        <v>0</v>
      </c>
      <c r="DT12" s="114">
        <v>0</v>
      </c>
      <c r="DU12" s="113">
        <v>0</v>
      </c>
      <c r="DV12" s="110">
        <v>0</v>
      </c>
      <c r="DW12" s="114">
        <v>357824</v>
      </c>
      <c r="DX12" s="114">
        <v>673571</v>
      </c>
      <c r="DY12" s="114">
        <v>1005116</v>
      </c>
      <c r="DZ12" s="114">
        <v>2181315</v>
      </c>
      <c r="EA12" s="114">
        <v>928034</v>
      </c>
      <c r="EB12" s="113">
        <v>5145860</v>
      </c>
      <c r="EC12" s="116">
        <v>5145860</v>
      </c>
      <c r="ED12" s="110">
        <v>0</v>
      </c>
      <c r="EE12" s="112">
        <v>0</v>
      </c>
      <c r="EF12" s="113">
        <v>0</v>
      </c>
      <c r="EG12" s="110">
        <v>0</v>
      </c>
      <c r="EH12" s="114">
        <v>0</v>
      </c>
      <c r="EI12" s="114">
        <v>0</v>
      </c>
      <c r="EJ12" s="114">
        <v>316463</v>
      </c>
      <c r="EK12" s="114">
        <v>0</v>
      </c>
      <c r="EL12" s="114">
        <v>9790</v>
      </c>
      <c r="EM12" s="112">
        <v>326253</v>
      </c>
      <c r="EN12" s="116">
        <v>326253</v>
      </c>
      <c r="EO12" s="110">
        <v>0</v>
      </c>
      <c r="EP12" s="114">
        <v>0</v>
      </c>
      <c r="EQ12" s="112">
        <v>0</v>
      </c>
      <c r="ER12" s="111">
        <v>0</v>
      </c>
      <c r="ES12" s="114">
        <v>0</v>
      </c>
      <c r="ET12" s="114">
        <v>0</v>
      </c>
      <c r="EU12" s="114">
        <v>0</v>
      </c>
      <c r="EV12" s="114">
        <v>0</v>
      </c>
      <c r="EW12" s="114">
        <v>0</v>
      </c>
      <c r="EX12" s="113">
        <v>0</v>
      </c>
      <c r="EY12" s="116">
        <v>0</v>
      </c>
      <c r="EZ12" s="110">
        <v>0</v>
      </c>
      <c r="FA12" s="114">
        <v>0</v>
      </c>
      <c r="FB12" s="112">
        <v>0</v>
      </c>
      <c r="FC12" s="348"/>
      <c r="FD12" s="114">
        <v>0</v>
      </c>
      <c r="FE12" s="114">
        <v>0</v>
      </c>
      <c r="FF12" s="114">
        <v>0</v>
      </c>
      <c r="FG12" s="114">
        <v>0</v>
      </c>
      <c r="FH12" s="114">
        <v>0</v>
      </c>
      <c r="FI12" s="113">
        <v>0</v>
      </c>
      <c r="FJ12" s="116">
        <v>0</v>
      </c>
      <c r="FK12" s="110">
        <v>246757</v>
      </c>
      <c r="FL12" s="114">
        <v>493339</v>
      </c>
      <c r="FM12" s="113">
        <v>740096</v>
      </c>
      <c r="FN12" s="110">
        <v>0</v>
      </c>
      <c r="FO12" s="114">
        <v>757106</v>
      </c>
      <c r="FP12" s="114">
        <v>1832897</v>
      </c>
      <c r="FQ12" s="114">
        <v>1406545</v>
      </c>
      <c r="FR12" s="114">
        <v>1345798</v>
      </c>
      <c r="FS12" s="114">
        <v>1156015</v>
      </c>
      <c r="FT12" s="113">
        <v>6498361</v>
      </c>
      <c r="FU12" s="116">
        <v>7238457</v>
      </c>
      <c r="FV12" s="115">
        <v>148904</v>
      </c>
      <c r="FW12" s="114">
        <v>418761</v>
      </c>
      <c r="FX12" s="112">
        <v>567665</v>
      </c>
      <c r="FY12" s="111">
        <v>0</v>
      </c>
      <c r="FZ12" s="114">
        <v>387576</v>
      </c>
      <c r="GA12" s="114">
        <v>1563905</v>
      </c>
      <c r="GB12" s="114">
        <v>1287027</v>
      </c>
      <c r="GC12" s="114">
        <v>1214128</v>
      </c>
      <c r="GD12" s="114">
        <v>1074815</v>
      </c>
      <c r="GE12" s="113">
        <v>5527451</v>
      </c>
      <c r="GF12" s="319">
        <v>6095116</v>
      </c>
      <c r="GG12" s="115">
        <v>5852</v>
      </c>
      <c r="GH12" s="114">
        <v>74578</v>
      </c>
      <c r="GI12" s="112">
        <v>80430</v>
      </c>
      <c r="GJ12" s="111">
        <v>0</v>
      </c>
      <c r="GK12" s="114">
        <v>0</v>
      </c>
      <c r="GL12" s="114">
        <v>57592</v>
      </c>
      <c r="GM12" s="114">
        <v>41195</v>
      </c>
      <c r="GN12" s="114">
        <v>83370</v>
      </c>
      <c r="GO12" s="114">
        <v>0</v>
      </c>
      <c r="GP12" s="113">
        <v>182157</v>
      </c>
      <c r="GQ12" s="116">
        <v>262587</v>
      </c>
      <c r="GR12" s="110">
        <v>92001</v>
      </c>
      <c r="GS12" s="114">
        <v>0</v>
      </c>
      <c r="GT12" s="113">
        <v>92001</v>
      </c>
      <c r="GU12" s="110">
        <v>0</v>
      </c>
      <c r="GV12" s="114">
        <v>369530</v>
      </c>
      <c r="GW12" s="114">
        <v>211400</v>
      </c>
      <c r="GX12" s="114">
        <v>78323</v>
      </c>
      <c r="GY12" s="114">
        <v>48300</v>
      </c>
      <c r="GZ12" s="114">
        <v>81200</v>
      </c>
      <c r="HA12" s="112">
        <v>788753</v>
      </c>
      <c r="HB12" s="116">
        <v>880754</v>
      </c>
      <c r="HC12" s="110">
        <v>481067</v>
      </c>
      <c r="HD12" s="114">
        <v>1469755</v>
      </c>
      <c r="HE12" s="112">
        <v>1950822</v>
      </c>
      <c r="HF12" s="111">
        <v>0</v>
      </c>
      <c r="HG12" s="114">
        <v>3646695</v>
      </c>
      <c r="HH12" s="114">
        <v>4714081</v>
      </c>
      <c r="HI12" s="114">
        <v>5533311</v>
      </c>
      <c r="HJ12" s="114">
        <v>5845306</v>
      </c>
      <c r="HK12" s="114">
        <v>2350302</v>
      </c>
      <c r="HL12" s="113">
        <v>22089695</v>
      </c>
      <c r="HM12" s="109">
        <v>24040517</v>
      </c>
      <c r="HN12" s="329"/>
      <c r="HO12" s="330"/>
      <c r="HP12" s="331"/>
      <c r="HQ12" s="332"/>
      <c r="HR12" s="330"/>
      <c r="HS12" s="330"/>
      <c r="HT12" s="330"/>
      <c r="HU12" s="330"/>
      <c r="HV12" s="330"/>
      <c r="HW12" s="333"/>
      <c r="HX12" s="334"/>
      <c r="HY12" s="131">
        <v>0</v>
      </c>
      <c r="HZ12" s="132">
        <v>0</v>
      </c>
      <c r="IA12" s="133">
        <v>0</v>
      </c>
      <c r="IB12" s="134">
        <v>0</v>
      </c>
      <c r="IC12" s="135">
        <v>4300373</v>
      </c>
      <c r="ID12" s="136">
        <v>5279620</v>
      </c>
      <c r="IE12" s="137">
        <v>3796555</v>
      </c>
      <c r="IF12" s="135">
        <v>4210293</v>
      </c>
      <c r="IG12" s="137">
        <v>2012314</v>
      </c>
      <c r="IH12" s="138">
        <v>19599155</v>
      </c>
      <c r="II12" s="139">
        <v>19599155</v>
      </c>
      <c r="IJ12" s="232">
        <v>0</v>
      </c>
      <c r="IK12" s="236">
        <v>0</v>
      </c>
      <c r="IL12" s="237">
        <v>0</v>
      </c>
      <c r="IM12" s="140"/>
      <c r="IN12" s="119">
        <v>0</v>
      </c>
      <c r="IO12" s="119">
        <v>108523</v>
      </c>
      <c r="IP12" s="119">
        <v>169667</v>
      </c>
      <c r="IQ12" s="119">
        <v>204936</v>
      </c>
      <c r="IR12" s="119">
        <v>551965</v>
      </c>
      <c r="IS12" s="141">
        <v>1035091</v>
      </c>
      <c r="IT12" s="321">
        <v>1035091</v>
      </c>
      <c r="IU12" s="142">
        <v>0</v>
      </c>
      <c r="IV12" s="119">
        <v>0</v>
      </c>
      <c r="IW12" s="120">
        <v>0</v>
      </c>
      <c r="IX12" s="144"/>
      <c r="IY12" s="119">
        <v>0</v>
      </c>
      <c r="IZ12" s="119">
        <v>0</v>
      </c>
      <c r="JA12" s="119">
        <v>0</v>
      </c>
      <c r="JB12" s="119">
        <v>8839</v>
      </c>
      <c r="JC12" s="119">
        <v>0</v>
      </c>
      <c r="JD12" s="120">
        <v>8839</v>
      </c>
      <c r="JE12" s="121">
        <v>8839</v>
      </c>
      <c r="JF12" s="142">
        <v>0</v>
      </c>
      <c r="JG12" s="119">
        <v>0</v>
      </c>
      <c r="JH12" s="141">
        <v>0</v>
      </c>
      <c r="JI12" s="118">
        <v>0</v>
      </c>
      <c r="JJ12" s="119">
        <v>1381857</v>
      </c>
      <c r="JK12" s="119">
        <v>1872645</v>
      </c>
      <c r="JL12" s="119">
        <v>1167104</v>
      </c>
      <c r="JM12" s="119">
        <v>232012</v>
      </c>
      <c r="JN12" s="119">
        <v>117095</v>
      </c>
      <c r="JO12" s="120">
        <v>4770713</v>
      </c>
      <c r="JP12" s="321">
        <v>4770713</v>
      </c>
      <c r="JQ12" s="142">
        <v>0</v>
      </c>
      <c r="JR12" s="119">
        <v>0</v>
      </c>
      <c r="JS12" s="141">
        <v>0</v>
      </c>
      <c r="JT12" s="118">
        <v>0</v>
      </c>
      <c r="JU12" s="119">
        <v>118905</v>
      </c>
      <c r="JV12" s="119">
        <v>35198</v>
      </c>
      <c r="JW12" s="119">
        <v>11386</v>
      </c>
      <c r="JX12" s="119">
        <v>0</v>
      </c>
      <c r="JY12" s="119">
        <v>106997</v>
      </c>
      <c r="JZ12" s="120">
        <v>272486</v>
      </c>
      <c r="KA12" s="321">
        <v>272486</v>
      </c>
      <c r="KB12" s="234">
        <v>0</v>
      </c>
      <c r="KC12" s="230">
        <v>0</v>
      </c>
      <c r="KD12" s="120">
        <v>0</v>
      </c>
      <c r="KE12" s="118">
        <v>0</v>
      </c>
      <c r="KF12" s="119">
        <v>413376</v>
      </c>
      <c r="KG12" s="119">
        <v>1017051</v>
      </c>
      <c r="KH12" s="119">
        <v>612702</v>
      </c>
      <c r="KI12" s="119">
        <v>603121</v>
      </c>
      <c r="KJ12" s="119">
        <v>496550</v>
      </c>
      <c r="KK12" s="120">
        <v>3142800</v>
      </c>
      <c r="KL12" s="143">
        <v>3142800</v>
      </c>
      <c r="KM12" s="232">
        <v>0</v>
      </c>
      <c r="KN12" s="236">
        <v>0</v>
      </c>
      <c r="KO12" s="237">
        <v>0</v>
      </c>
      <c r="KP12" s="140"/>
      <c r="KQ12" s="119">
        <v>2266217</v>
      </c>
      <c r="KR12" s="119">
        <v>1728266</v>
      </c>
      <c r="KS12" s="119">
        <v>1835696</v>
      </c>
      <c r="KT12" s="119">
        <v>2781608</v>
      </c>
      <c r="KU12" s="119">
        <v>739707</v>
      </c>
      <c r="KV12" s="120">
        <v>9351494</v>
      </c>
      <c r="KW12" s="321">
        <v>9351494</v>
      </c>
      <c r="KX12" s="142">
        <v>0</v>
      </c>
      <c r="KY12" s="119">
        <v>0</v>
      </c>
      <c r="KZ12" s="120">
        <v>0</v>
      </c>
      <c r="LA12" s="145"/>
      <c r="LB12" s="119">
        <v>0</v>
      </c>
      <c r="LC12" s="119">
        <v>0</v>
      </c>
      <c r="LD12" s="119">
        <v>0</v>
      </c>
      <c r="LE12" s="119">
        <v>0</v>
      </c>
      <c r="LF12" s="119">
        <v>0</v>
      </c>
      <c r="LG12" s="120">
        <v>0</v>
      </c>
      <c r="LH12" s="121">
        <v>0</v>
      </c>
      <c r="LI12" s="142">
        <v>0</v>
      </c>
      <c r="LJ12" s="119">
        <v>0</v>
      </c>
      <c r="LK12" s="120">
        <v>0</v>
      </c>
      <c r="LL12" s="145"/>
      <c r="LM12" s="119">
        <v>0</v>
      </c>
      <c r="LN12" s="119">
        <v>182059</v>
      </c>
      <c r="LO12" s="119">
        <v>0</v>
      </c>
      <c r="LP12" s="119">
        <v>0</v>
      </c>
      <c r="LQ12" s="119">
        <v>0</v>
      </c>
      <c r="LR12" s="120">
        <v>182059</v>
      </c>
      <c r="LS12" s="321">
        <v>182059</v>
      </c>
      <c r="LT12" s="142">
        <v>0</v>
      </c>
      <c r="LU12" s="119">
        <v>0</v>
      </c>
      <c r="LV12" s="120">
        <v>0</v>
      </c>
      <c r="LW12" s="145"/>
      <c r="LX12" s="119">
        <v>120018</v>
      </c>
      <c r="LY12" s="119">
        <v>335878</v>
      </c>
      <c r="LZ12" s="119">
        <v>0</v>
      </c>
      <c r="MA12" s="119">
        <v>379777</v>
      </c>
      <c r="MB12" s="119">
        <v>0</v>
      </c>
      <c r="MC12" s="120">
        <v>835673</v>
      </c>
      <c r="MD12" s="121">
        <v>835673</v>
      </c>
      <c r="ME12" s="142">
        <v>0</v>
      </c>
      <c r="MF12" s="119">
        <v>0</v>
      </c>
      <c r="MG12" s="120">
        <v>0</v>
      </c>
      <c r="MH12" s="145"/>
      <c r="MI12" s="119">
        <v>285825</v>
      </c>
      <c r="MJ12" s="119">
        <v>2651297</v>
      </c>
      <c r="MK12" s="119">
        <v>6439425</v>
      </c>
      <c r="ML12" s="119">
        <v>11230795</v>
      </c>
      <c r="MM12" s="119">
        <v>5697046</v>
      </c>
      <c r="MN12" s="120">
        <v>26304388</v>
      </c>
      <c r="MO12" s="143">
        <v>26304388</v>
      </c>
      <c r="MP12" s="142">
        <v>0</v>
      </c>
      <c r="MQ12" s="119">
        <v>0</v>
      </c>
      <c r="MR12" s="120">
        <v>0</v>
      </c>
      <c r="MS12" s="145"/>
      <c r="MT12" s="119">
        <v>0</v>
      </c>
      <c r="MU12" s="119">
        <v>0</v>
      </c>
      <c r="MV12" s="119">
        <v>3517176</v>
      </c>
      <c r="MW12" s="119">
        <v>7167664</v>
      </c>
      <c r="MX12" s="119">
        <v>4660824</v>
      </c>
      <c r="MY12" s="120">
        <v>15345664</v>
      </c>
      <c r="MZ12" s="143">
        <v>15345664</v>
      </c>
      <c r="NA12" s="142">
        <v>0</v>
      </c>
      <c r="NB12" s="119">
        <v>0</v>
      </c>
      <c r="NC12" s="120">
        <v>0</v>
      </c>
      <c r="ND12" s="145"/>
      <c r="NE12" s="119">
        <v>285825</v>
      </c>
      <c r="NF12" s="119">
        <v>2651297</v>
      </c>
      <c r="NG12" s="119">
        <v>2922249</v>
      </c>
      <c r="NH12" s="119">
        <v>3421252</v>
      </c>
      <c r="NI12" s="119">
        <v>51867</v>
      </c>
      <c r="NJ12" s="120">
        <v>9332490</v>
      </c>
      <c r="NK12" s="321">
        <v>9332490</v>
      </c>
      <c r="NL12" s="142">
        <v>0</v>
      </c>
      <c r="NM12" s="119">
        <v>0</v>
      </c>
      <c r="NN12" s="120">
        <v>0</v>
      </c>
      <c r="NO12" s="145"/>
      <c r="NP12" s="119">
        <v>0</v>
      </c>
      <c r="NQ12" s="119">
        <v>0</v>
      </c>
      <c r="NR12" s="119">
        <v>0</v>
      </c>
      <c r="NS12" s="119">
        <v>0</v>
      </c>
      <c r="NT12" s="119">
        <v>283257</v>
      </c>
      <c r="NU12" s="120">
        <v>283257</v>
      </c>
      <c r="NV12" s="121">
        <v>283257</v>
      </c>
      <c r="NW12" s="142">
        <v>0</v>
      </c>
      <c r="NX12" s="119">
        <v>0</v>
      </c>
      <c r="NY12" s="120">
        <v>0</v>
      </c>
      <c r="NZ12" s="145"/>
      <c r="OA12" s="119">
        <v>0</v>
      </c>
      <c r="OB12" s="119">
        <v>0</v>
      </c>
      <c r="OC12" s="119">
        <v>0</v>
      </c>
      <c r="OD12" s="119">
        <v>641879</v>
      </c>
      <c r="OE12" s="119">
        <v>701098</v>
      </c>
      <c r="OF12" s="120">
        <v>1342977</v>
      </c>
      <c r="OG12" s="121">
        <v>1342977</v>
      </c>
      <c r="OH12" s="142">
        <v>938150</v>
      </c>
      <c r="OI12" s="119">
        <v>2980377</v>
      </c>
      <c r="OJ12" s="141">
        <v>3918527</v>
      </c>
      <c r="OK12" s="118">
        <v>0</v>
      </c>
      <c r="OL12" s="119">
        <v>17642421</v>
      </c>
      <c r="OM12" s="119">
        <v>24651140</v>
      </c>
      <c r="ON12" s="119">
        <v>28483169</v>
      </c>
      <c r="OO12" s="119">
        <v>33532025</v>
      </c>
      <c r="OP12" s="119">
        <v>20162485</v>
      </c>
      <c r="OQ12" s="120">
        <v>124471240</v>
      </c>
      <c r="OR12" s="143">
        <v>128389767</v>
      </c>
    </row>
    <row r="13" spans="1:408" ht="20.25" customHeight="1" x14ac:dyDescent="0.2">
      <c r="A13" s="126" t="s">
        <v>7</v>
      </c>
      <c r="B13" s="110">
        <v>899990</v>
      </c>
      <c r="C13" s="114">
        <v>986362</v>
      </c>
      <c r="D13" s="113">
        <v>1886352</v>
      </c>
      <c r="E13" s="109">
        <v>0</v>
      </c>
      <c r="F13" s="114">
        <v>10252498</v>
      </c>
      <c r="G13" s="114">
        <v>12206772</v>
      </c>
      <c r="H13" s="114">
        <v>8120464</v>
      </c>
      <c r="I13" s="114">
        <v>6702220</v>
      </c>
      <c r="J13" s="114">
        <v>7213152</v>
      </c>
      <c r="K13" s="109">
        <v>44495106</v>
      </c>
      <c r="L13" s="116">
        <v>46381458</v>
      </c>
      <c r="M13" s="110">
        <v>126945</v>
      </c>
      <c r="N13" s="114">
        <v>134472</v>
      </c>
      <c r="O13" s="113">
        <v>261417</v>
      </c>
      <c r="P13" s="110">
        <v>0</v>
      </c>
      <c r="Q13" s="114">
        <v>2921031</v>
      </c>
      <c r="R13" s="114">
        <v>4102352</v>
      </c>
      <c r="S13" s="114">
        <v>3024579</v>
      </c>
      <c r="T13" s="114">
        <v>1724303</v>
      </c>
      <c r="U13" s="114">
        <v>4166109</v>
      </c>
      <c r="V13" s="113">
        <v>15938374</v>
      </c>
      <c r="W13" s="116">
        <v>16199791</v>
      </c>
      <c r="X13" s="110">
        <v>0</v>
      </c>
      <c r="Y13" s="114">
        <v>0</v>
      </c>
      <c r="Z13" s="113">
        <v>0</v>
      </c>
      <c r="AA13" s="110">
        <v>0</v>
      </c>
      <c r="AB13" s="114">
        <v>1288653</v>
      </c>
      <c r="AC13" s="114">
        <v>2150926</v>
      </c>
      <c r="AD13" s="114">
        <v>1769963</v>
      </c>
      <c r="AE13" s="114">
        <v>729732</v>
      </c>
      <c r="AF13" s="114">
        <v>2684459</v>
      </c>
      <c r="AG13" s="113">
        <v>8623733</v>
      </c>
      <c r="AH13" s="116">
        <v>8623733</v>
      </c>
      <c r="AI13" s="110">
        <v>0</v>
      </c>
      <c r="AJ13" s="114">
        <v>0</v>
      </c>
      <c r="AK13" s="113">
        <v>0</v>
      </c>
      <c r="AL13" s="110">
        <v>0</v>
      </c>
      <c r="AM13" s="114">
        <v>111390</v>
      </c>
      <c r="AN13" s="114">
        <v>74104</v>
      </c>
      <c r="AO13" s="114">
        <v>40887</v>
      </c>
      <c r="AP13" s="114">
        <v>60758</v>
      </c>
      <c r="AQ13" s="114">
        <v>405249</v>
      </c>
      <c r="AR13" s="113">
        <v>692388</v>
      </c>
      <c r="AS13" s="116">
        <v>692388</v>
      </c>
      <c r="AT13" s="110">
        <v>0</v>
      </c>
      <c r="AU13" s="114">
        <v>61896</v>
      </c>
      <c r="AV13" s="113">
        <v>61896</v>
      </c>
      <c r="AW13" s="110">
        <v>0</v>
      </c>
      <c r="AX13" s="114">
        <v>965737</v>
      </c>
      <c r="AY13" s="114">
        <v>1116374</v>
      </c>
      <c r="AZ13" s="114">
        <v>719364</v>
      </c>
      <c r="BA13" s="114">
        <v>572366</v>
      </c>
      <c r="BB13" s="114">
        <v>838842</v>
      </c>
      <c r="BC13" s="113">
        <v>4212683</v>
      </c>
      <c r="BD13" s="116">
        <v>4274579</v>
      </c>
      <c r="BE13" s="110">
        <v>0</v>
      </c>
      <c r="BF13" s="114">
        <v>0</v>
      </c>
      <c r="BG13" s="112">
        <v>0</v>
      </c>
      <c r="BH13" s="111">
        <v>0</v>
      </c>
      <c r="BI13" s="114">
        <v>89961</v>
      </c>
      <c r="BJ13" s="114">
        <v>114862</v>
      </c>
      <c r="BK13" s="114">
        <v>47485</v>
      </c>
      <c r="BL13" s="114">
        <v>36983</v>
      </c>
      <c r="BM13" s="114">
        <v>0</v>
      </c>
      <c r="BN13" s="113">
        <v>289291</v>
      </c>
      <c r="BO13" s="116">
        <v>289291</v>
      </c>
      <c r="BP13" s="110">
        <v>126945</v>
      </c>
      <c r="BQ13" s="114">
        <v>72576</v>
      </c>
      <c r="BR13" s="113">
        <v>199521</v>
      </c>
      <c r="BS13" s="110">
        <v>0</v>
      </c>
      <c r="BT13" s="114">
        <v>465290</v>
      </c>
      <c r="BU13" s="114">
        <v>646086</v>
      </c>
      <c r="BV13" s="114">
        <v>446880</v>
      </c>
      <c r="BW13" s="114">
        <v>324464</v>
      </c>
      <c r="BX13" s="114">
        <v>237559</v>
      </c>
      <c r="BY13" s="113">
        <v>2120279</v>
      </c>
      <c r="BZ13" s="116">
        <v>2319800</v>
      </c>
      <c r="CA13" s="110">
        <v>36052</v>
      </c>
      <c r="CB13" s="114">
        <v>100640</v>
      </c>
      <c r="CC13" s="113">
        <v>136692</v>
      </c>
      <c r="CD13" s="110">
        <v>0</v>
      </c>
      <c r="CE13" s="114">
        <v>3224185</v>
      </c>
      <c r="CF13" s="114">
        <v>2351875</v>
      </c>
      <c r="CG13" s="114">
        <v>892024</v>
      </c>
      <c r="CH13" s="114">
        <v>467941</v>
      </c>
      <c r="CI13" s="114">
        <v>654657</v>
      </c>
      <c r="CJ13" s="113">
        <v>7590682</v>
      </c>
      <c r="CK13" s="116">
        <v>7727374</v>
      </c>
      <c r="CL13" s="110">
        <v>0</v>
      </c>
      <c r="CM13" s="114">
        <v>0</v>
      </c>
      <c r="CN13" s="113">
        <v>0</v>
      </c>
      <c r="CO13" s="111">
        <v>0</v>
      </c>
      <c r="CP13" s="114">
        <v>2120281</v>
      </c>
      <c r="CQ13" s="114">
        <v>1721354</v>
      </c>
      <c r="CR13" s="114">
        <v>436111</v>
      </c>
      <c r="CS13" s="114">
        <v>353837</v>
      </c>
      <c r="CT13" s="114">
        <v>473048</v>
      </c>
      <c r="CU13" s="113">
        <v>5104631</v>
      </c>
      <c r="CV13" s="116">
        <v>5104631</v>
      </c>
      <c r="CW13" s="110">
        <v>36052</v>
      </c>
      <c r="CX13" s="114">
        <v>100640</v>
      </c>
      <c r="CY13" s="113">
        <v>136692</v>
      </c>
      <c r="CZ13" s="110">
        <v>0</v>
      </c>
      <c r="DA13" s="114">
        <v>1103904</v>
      </c>
      <c r="DB13" s="114">
        <v>630521</v>
      </c>
      <c r="DC13" s="114">
        <v>455913</v>
      </c>
      <c r="DD13" s="114">
        <v>114104</v>
      </c>
      <c r="DE13" s="114">
        <v>181609</v>
      </c>
      <c r="DF13" s="113">
        <v>2486051</v>
      </c>
      <c r="DG13" s="116">
        <v>2622743</v>
      </c>
      <c r="DH13" s="110">
        <v>0</v>
      </c>
      <c r="DI13" s="114">
        <v>0</v>
      </c>
      <c r="DJ13" s="112">
        <v>0</v>
      </c>
      <c r="DK13" s="111">
        <v>0</v>
      </c>
      <c r="DL13" s="114">
        <v>197812</v>
      </c>
      <c r="DM13" s="114">
        <v>397254</v>
      </c>
      <c r="DN13" s="114">
        <v>558481</v>
      </c>
      <c r="DO13" s="114">
        <v>573380</v>
      </c>
      <c r="DP13" s="114">
        <v>216357</v>
      </c>
      <c r="DQ13" s="113">
        <v>1943284</v>
      </c>
      <c r="DR13" s="116">
        <v>1943284</v>
      </c>
      <c r="DS13" s="110">
        <v>0</v>
      </c>
      <c r="DT13" s="114">
        <v>0</v>
      </c>
      <c r="DU13" s="113">
        <v>0</v>
      </c>
      <c r="DV13" s="110">
        <v>0</v>
      </c>
      <c r="DW13" s="114">
        <v>197812</v>
      </c>
      <c r="DX13" s="114">
        <v>397254</v>
      </c>
      <c r="DY13" s="114">
        <v>515060</v>
      </c>
      <c r="DZ13" s="114">
        <v>573380</v>
      </c>
      <c r="EA13" s="114">
        <v>147764</v>
      </c>
      <c r="EB13" s="113">
        <v>1831270</v>
      </c>
      <c r="EC13" s="116">
        <v>1831270</v>
      </c>
      <c r="ED13" s="110">
        <v>0</v>
      </c>
      <c r="EE13" s="112">
        <v>0</v>
      </c>
      <c r="EF13" s="113">
        <v>0</v>
      </c>
      <c r="EG13" s="110">
        <v>0</v>
      </c>
      <c r="EH13" s="114">
        <v>0</v>
      </c>
      <c r="EI13" s="114">
        <v>0</v>
      </c>
      <c r="EJ13" s="114">
        <v>43421</v>
      </c>
      <c r="EK13" s="114">
        <v>0</v>
      </c>
      <c r="EL13" s="114">
        <v>68593</v>
      </c>
      <c r="EM13" s="112">
        <v>112014</v>
      </c>
      <c r="EN13" s="116">
        <v>112014</v>
      </c>
      <c r="EO13" s="110">
        <v>0</v>
      </c>
      <c r="EP13" s="114">
        <v>0</v>
      </c>
      <c r="EQ13" s="112">
        <v>0</v>
      </c>
      <c r="ER13" s="111">
        <v>0</v>
      </c>
      <c r="ES13" s="114">
        <v>0</v>
      </c>
      <c r="ET13" s="114">
        <v>0</v>
      </c>
      <c r="EU13" s="114">
        <v>0</v>
      </c>
      <c r="EV13" s="114">
        <v>0</v>
      </c>
      <c r="EW13" s="114">
        <v>0</v>
      </c>
      <c r="EX13" s="113">
        <v>0</v>
      </c>
      <c r="EY13" s="116">
        <v>0</v>
      </c>
      <c r="EZ13" s="110">
        <v>0</v>
      </c>
      <c r="FA13" s="114">
        <v>0</v>
      </c>
      <c r="FB13" s="112">
        <v>0</v>
      </c>
      <c r="FC13" s="348"/>
      <c r="FD13" s="114">
        <v>0</v>
      </c>
      <c r="FE13" s="114">
        <v>0</v>
      </c>
      <c r="FF13" s="114">
        <v>0</v>
      </c>
      <c r="FG13" s="114">
        <v>0</v>
      </c>
      <c r="FH13" s="114">
        <v>0</v>
      </c>
      <c r="FI13" s="113">
        <v>0</v>
      </c>
      <c r="FJ13" s="116">
        <v>0</v>
      </c>
      <c r="FK13" s="110">
        <v>233261</v>
      </c>
      <c r="FL13" s="114">
        <v>355964</v>
      </c>
      <c r="FM13" s="113">
        <v>589225</v>
      </c>
      <c r="FN13" s="110">
        <v>0</v>
      </c>
      <c r="FO13" s="114">
        <v>495075</v>
      </c>
      <c r="FP13" s="114">
        <v>1200416</v>
      </c>
      <c r="FQ13" s="114">
        <v>575620</v>
      </c>
      <c r="FR13" s="114">
        <v>410284</v>
      </c>
      <c r="FS13" s="114">
        <v>380611</v>
      </c>
      <c r="FT13" s="113">
        <v>3062006</v>
      </c>
      <c r="FU13" s="116">
        <v>3651231</v>
      </c>
      <c r="FV13" s="115">
        <v>55377</v>
      </c>
      <c r="FW13" s="114">
        <v>75964</v>
      </c>
      <c r="FX13" s="112">
        <v>131341</v>
      </c>
      <c r="FY13" s="111">
        <v>0</v>
      </c>
      <c r="FZ13" s="114">
        <v>357917</v>
      </c>
      <c r="GA13" s="114">
        <v>1072036</v>
      </c>
      <c r="GB13" s="114">
        <v>492009</v>
      </c>
      <c r="GC13" s="114">
        <v>366331</v>
      </c>
      <c r="GD13" s="114">
        <v>380611</v>
      </c>
      <c r="GE13" s="113">
        <v>2668904</v>
      </c>
      <c r="GF13" s="319">
        <v>2800245</v>
      </c>
      <c r="GG13" s="115">
        <v>37884</v>
      </c>
      <c r="GH13" s="114">
        <v>0</v>
      </c>
      <c r="GI13" s="112">
        <v>37884</v>
      </c>
      <c r="GJ13" s="111">
        <v>0</v>
      </c>
      <c r="GK13" s="114">
        <v>28028</v>
      </c>
      <c r="GL13" s="114">
        <v>13860</v>
      </c>
      <c r="GM13" s="114">
        <v>34611</v>
      </c>
      <c r="GN13" s="114">
        <v>14553</v>
      </c>
      <c r="GO13" s="114">
        <v>0</v>
      </c>
      <c r="GP13" s="113">
        <v>91052</v>
      </c>
      <c r="GQ13" s="116">
        <v>128936</v>
      </c>
      <c r="GR13" s="110">
        <v>140000</v>
      </c>
      <c r="GS13" s="114">
        <v>280000</v>
      </c>
      <c r="GT13" s="113">
        <v>420000</v>
      </c>
      <c r="GU13" s="110">
        <v>0</v>
      </c>
      <c r="GV13" s="114">
        <v>109130</v>
      </c>
      <c r="GW13" s="114">
        <v>114520</v>
      </c>
      <c r="GX13" s="114">
        <v>49000</v>
      </c>
      <c r="GY13" s="114">
        <v>29400</v>
      </c>
      <c r="GZ13" s="114">
        <v>0</v>
      </c>
      <c r="HA13" s="112">
        <v>302050</v>
      </c>
      <c r="HB13" s="116">
        <v>722050</v>
      </c>
      <c r="HC13" s="110">
        <v>503732</v>
      </c>
      <c r="HD13" s="114">
        <v>395286</v>
      </c>
      <c r="HE13" s="112">
        <v>899018</v>
      </c>
      <c r="HF13" s="111">
        <v>0</v>
      </c>
      <c r="HG13" s="114">
        <v>3414395</v>
      </c>
      <c r="HH13" s="114">
        <v>4154875</v>
      </c>
      <c r="HI13" s="114">
        <v>3069760</v>
      </c>
      <c r="HJ13" s="114">
        <v>3526312</v>
      </c>
      <c r="HK13" s="114">
        <v>1795418</v>
      </c>
      <c r="HL13" s="113">
        <v>15960760</v>
      </c>
      <c r="HM13" s="109">
        <v>16859778</v>
      </c>
      <c r="HN13" s="329"/>
      <c r="HO13" s="330"/>
      <c r="HP13" s="331"/>
      <c r="HQ13" s="332"/>
      <c r="HR13" s="330"/>
      <c r="HS13" s="330"/>
      <c r="HT13" s="330"/>
      <c r="HU13" s="330"/>
      <c r="HV13" s="330"/>
      <c r="HW13" s="333"/>
      <c r="HX13" s="334"/>
      <c r="HY13" s="131">
        <v>0</v>
      </c>
      <c r="HZ13" s="132">
        <v>0</v>
      </c>
      <c r="IA13" s="133">
        <v>0</v>
      </c>
      <c r="IB13" s="146">
        <v>0</v>
      </c>
      <c r="IC13" s="132">
        <v>1361294</v>
      </c>
      <c r="ID13" s="147">
        <v>1410487</v>
      </c>
      <c r="IE13" s="133">
        <v>3817576</v>
      </c>
      <c r="IF13" s="132">
        <v>1449255</v>
      </c>
      <c r="IG13" s="133">
        <v>937825</v>
      </c>
      <c r="IH13" s="148">
        <v>8976437</v>
      </c>
      <c r="II13" s="139">
        <v>8976437</v>
      </c>
      <c r="IJ13" s="232">
        <v>0</v>
      </c>
      <c r="IK13" s="236">
        <v>0</v>
      </c>
      <c r="IL13" s="237">
        <v>0</v>
      </c>
      <c r="IM13" s="140"/>
      <c r="IN13" s="119">
        <v>0</v>
      </c>
      <c r="IO13" s="119">
        <v>0</v>
      </c>
      <c r="IP13" s="119">
        <v>174050</v>
      </c>
      <c r="IQ13" s="119">
        <v>0</v>
      </c>
      <c r="IR13" s="119">
        <v>0</v>
      </c>
      <c r="IS13" s="141">
        <v>174050</v>
      </c>
      <c r="IT13" s="321">
        <v>174050</v>
      </c>
      <c r="IU13" s="142">
        <v>0</v>
      </c>
      <c r="IV13" s="119">
        <v>0</v>
      </c>
      <c r="IW13" s="120">
        <v>0</v>
      </c>
      <c r="IX13" s="144"/>
      <c r="IY13" s="119">
        <v>0</v>
      </c>
      <c r="IZ13" s="119">
        <v>0</v>
      </c>
      <c r="JA13" s="119">
        <v>0</v>
      </c>
      <c r="JB13" s="119">
        <v>0</v>
      </c>
      <c r="JC13" s="119">
        <v>0</v>
      </c>
      <c r="JD13" s="120">
        <v>0</v>
      </c>
      <c r="JE13" s="121">
        <v>0</v>
      </c>
      <c r="JF13" s="142">
        <v>0</v>
      </c>
      <c r="JG13" s="119">
        <v>0</v>
      </c>
      <c r="JH13" s="141">
        <v>0</v>
      </c>
      <c r="JI13" s="118">
        <v>0</v>
      </c>
      <c r="JJ13" s="119">
        <v>599134</v>
      </c>
      <c r="JK13" s="119">
        <v>518156</v>
      </c>
      <c r="JL13" s="119">
        <v>1266969</v>
      </c>
      <c r="JM13" s="119">
        <v>597695</v>
      </c>
      <c r="JN13" s="119">
        <v>129446</v>
      </c>
      <c r="JO13" s="120">
        <v>3111400</v>
      </c>
      <c r="JP13" s="321">
        <v>3111400</v>
      </c>
      <c r="JQ13" s="142">
        <v>0</v>
      </c>
      <c r="JR13" s="119">
        <v>0</v>
      </c>
      <c r="JS13" s="141">
        <v>0</v>
      </c>
      <c r="JT13" s="118">
        <v>0</v>
      </c>
      <c r="JU13" s="119">
        <v>118772</v>
      </c>
      <c r="JV13" s="119">
        <v>213934</v>
      </c>
      <c r="JW13" s="119">
        <v>462741</v>
      </c>
      <c r="JX13" s="119">
        <v>195080</v>
      </c>
      <c r="JY13" s="119">
        <v>0</v>
      </c>
      <c r="JZ13" s="120">
        <v>990527</v>
      </c>
      <c r="KA13" s="321">
        <v>990527</v>
      </c>
      <c r="KB13" s="234">
        <v>0</v>
      </c>
      <c r="KC13" s="230">
        <v>0</v>
      </c>
      <c r="KD13" s="120">
        <v>0</v>
      </c>
      <c r="KE13" s="118">
        <v>0</v>
      </c>
      <c r="KF13" s="119">
        <v>0</v>
      </c>
      <c r="KG13" s="119">
        <v>274794</v>
      </c>
      <c r="KH13" s="119">
        <v>181345</v>
      </c>
      <c r="KI13" s="119">
        <v>200347</v>
      </c>
      <c r="KJ13" s="119">
        <v>0</v>
      </c>
      <c r="KK13" s="120">
        <v>656486</v>
      </c>
      <c r="KL13" s="143">
        <v>656486</v>
      </c>
      <c r="KM13" s="232">
        <v>0</v>
      </c>
      <c r="KN13" s="236">
        <v>0</v>
      </c>
      <c r="KO13" s="237">
        <v>0</v>
      </c>
      <c r="KP13" s="140"/>
      <c r="KQ13" s="119">
        <v>643388</v>
      </c>
      <c r="KR13" s="119">
        <v>403603</v>
      </c>
      <c r="KS13" s="119">
        <v>1732471</v>
      </c>
      <c r="KT13" s="119">
        <v>456133</v>
      </c>
      <c r="KU13" s="119">
        <v>222455</v>
      </c>
      <c r="KV13" s="120">
        <v>3458050</v>
      </c>
      <c r="KW13" s="321">
        <v>3458050</v>
      </c>
      <c r="KX13" s="142">
        <v>0</v>
      </c>
      <c r="KY13" s="119">
        <v>0</v>
      </c>
      <c r="KZ13" s="120">
        <v>0</v>
      </c>
      <c r="LA13" s="145"/>
      <c r="LB13" s="119">
        <v>0</v>
      </c>
      <c r="LC13" s="119">
        <v>0</v>
      </c>
      <c r="LD13" s="119">
        <v>0</v>
      </c>
      <c r="LE13" s="119">
        <v>0</v>
      </c>
      <c r="LF13" s="119">
        <v>0</v>
      </c>
      <c r="LG13" s="120">
        <v>0</v>
      </c>
      <c r="LH13" s="121">
        <v>0</v>
      </c>
      <c r="LI13" s="142">
        <v>0</v>
      </c>
      <c r="LJ13" s="119">
        <v>0</v>
      </c>
      <c r="LK13" s="120">
        <v>0</v>
      </c>
      <c r="LL13" s="145"/>
      <c r="LM13" s="119">
        <v>0</v>
      </c>
      <c r="LN13" s="119">
        <v>0</v>
      </c>
      <c r="LO13" s="119">
        <v>0</v>
      </c>
      <c r="LP13" s="119">
        <v>0</v>
      </c>
      <c r="LQ13" s="119">
        <v>0</v>
      </c>
      <c r="LR13" s="120">
        <v>0</v>
      </c>
      <c r="LS13" s="321">
        <v>0</v>
      </c>
      <c r="LT13" s="142">
        <v>0</v>
      </c>
      <c r="LU13" s="119">
        <v>0</v>
      </c>
      <c r="LV13" s="120">
        <v>0</v>
      </c>
      <c r="LW13" s="145"/>
      <c r="LX13" s="119">
        <v>0</v>
      </c>
      <c r="LY13" s="119">
        <v>0</v>
      </c>
      <c r="LZ13" s="119">
        <v>0</v>
      </c>
      <c r="MA13" s="119">
        <v>0</v>
      </c>
      <c r="MB13" s="119">
        <v>585924</v>
      </c>
      <c r="MC13" s="120">
        <v>585924</v>
      </c>
      <c r="MD13" s="121">
        <v>585924</v>
      </c>
      <c r="ME13" s="142">
        <v>0</v>
      </c>
      <c r="MF13" s="119">
        <v>0</v>
      </c>
      <c r="MG13" s="120">
        <v>0</v>
      </c>
      <c r="MH13" s="145"/>
      <c r="MI13" s="119">
        <v>307558</v>
      </c>
      <c r="MJ13" s="119">
        <v>1571444</v>
      </c>
      <c r="MK13" s="119">
        <v>1474274</v>
      </c>
      <c r="ML13" s="119">
        <v>6056316</v>
      </c>
      <c r="MM13" s="119">
        <v>3240978</v>
      </c>
      <c r="MN13" s="120">
        <v>12650570</v>
      </c>
      <c r="MO13" s="143">
        <v>12650570</v>
      </c>
      <c r="MP13" s="142">
        <v>0</v>
      </c>
      <c r="MQ13" s="119">
        <v>0</v>
      </c>
      <c r="MR13" s="120">
        <v>0</v>
      </c>
      <c r="MS13" s="145"/>
      <c r="MT13" s="119">
        <v>0</v>
      </c>
      <c r="MU13" s="119">
        <v>197864</v>
      </c>
      <c r="MV13" s="119">
        <v>306870</v>
      </c>
      <c r="MW13" s="119">
        <v>5294835</v>
      </c>
      <c r="MX13" s="119">
        <v>2690662</v>
      </c>
      <c r="MY13" s="120">
        <v>8490231</v>
      </c>
      <c r="MZ13" s="143">
        <v>8490231</v>
      </c>
      <c r="NA13" s="142">
        <v>0</v>
      </c>
      <c r="NB13" s="119">
        <v>0</v>
      </c>
      <c r="NC13" s="120">
        <v>0</v>
      </c>
      <c r="ND13" s="145"/>
      <c r="NE13" s="119">
        <v>307558</v>
      </c>
      <c r="NF13" s="119">
        <v>1373580</v>
      </c>
      <c r="NG13" s="119">
        <v>1167404</v>
      </c>
      <c r="NH13" s="119">
        <v>761481</v>
      </c>
      <c r="NI13" s="119">
        <v>550316</v>
      </c>
      <c r="NJ13" s="120">
        <v>4160339</v>
      </c>
      <c r="NK13" s="321">
        <v>4160339</v>
      </c>
      <c r="NL13" s="142">
        <v>0</v>
      </c>
      <c r="NM13" s="119">
        <v>0</v>
      </c>
      <c r="NN13" s="120">
        <v>0</v>
      </c>
      <c r="NO13" s="145"/>
      <c r="NP13" s="119">
        <v>0</v>
      </c>
      <c r="NQ13" s="119">
        <v>0</v>
      </c>
      <c r="NR13" s="119">
        <v>0</v>
      </c>
      <c r="NS13" s="119">
        <v>0</v>
      </c>
      <c r="NT13" s="119">
        <v>0</v>
      </c>
      <c r="NU13" s="120">
        <v>0</v>
      </c>
      <c r="NV13" s="121">
        <v>0</v>
      </c>
      <c r="NW13" s="142">
        <v>0</v>
      </c>
      <c r="NX13" s="119">
        <v>0</v>
      </c>
      <c r="NY13" s="120">
        <v>0</v>
      </c>
      <c r="NZ13" s="145"/>
      <c r="OA13" s="119">
        <v>0</v>
      </c>
      <c r="OB13" s="119">
        <v>0</v>
      </c>
      <c r="OC13" s="119">
        <v>0</v>
      </c>
      <c r="OD13" s="119">
        <v>0</v>
      </c>
      <c r="OE13" s="119">
        <v>0</v>
      </c>
      <c r="OF13" s="120">
        <v>0</v>
      </c>
      <c r="OG13" s="121">
        <v>0</v>
      </c>
      <c r="OH13" s="142">
        <v>899990</v>
      </c>
      <c r="OI13" s="119">
        <v>986362</v>
      </c>
      <c r="OJ13" s="141">
        <v>1886352</v>
      </c>
      <c r="OK13" s="118">
        <v>0</v>
      </c>
      <c r="OL13" s="119">
        <v>11921350</v>
      </c>
      <c r="OM13" s="119">
        <v>15188703</v>
      </c>
      <c r="ON13" s="119">
        <v>13412314</v>
      </c>
      <c r="OO13" s="119">
        <v>14207791</v>
      </c>
      <c r="OP13" s="119">
        <v>11391955</v>
      </c>
      <c r="OQ13" s="120">
        <v>66122113</v>
      </c>
      <c r="OR13" s="143">
        <v>68008465</v>
      </c>
    </row>
    <row r="14" spans="1:408" ht="20.25" customHeight="1" x14ac:dyDescent="0.2">
      <c r="A14" s="126" t="s">
        <v>8</v>
      </c>
      <c r="B14" s="110">
        <v>559183</v>
      </c>
      <c r="C14" s="114">
        <v>285749</v>
      </c>
      <c r="D14" s="113">
        <v>844932</v>
      </c>
      <c r="E14" s="109">
        <v>0</v>
      </c>
      <c r="F14" s="114">
        <v>4057025</v>
      </c>
      <c r="G14" s="114">
        <v>6354894</v>
      </c>
      <c r="H14" s="114">
        <v>3522704</v>
      </c>
      <c r="I14" s="114">
        <v>4947498</v>
      </c>
      <c r="J14" s="114">
        <v>3312800</v>
      </c>
      <c r="K14" s="109">
        <v>22194921</v>
      </c>
      <c r="L14" s="116">
        <v>23039853</v>
      </c>
      <c r="M14" s="110">
        <v>86565</v>
      </c>
      <c r="N14" s="114">
        <v>101010</v>
      </c>
      <c r="O14" s="113">
        <v>187575</v>
      </c>
      <c r="P14" s="110">
        <v>0</v>
      </c>
      <c r="Q14" s="114">
        <v>1066865</v>
      </c>
      <c r="R14" s="114">
        <v>1772260</v>
      </c>
      <c r="S14" s="114">
        <v>957401</v>
      </c>
      <c r="T14" s="114">
        <v>1725174</v>
      </c>
      <c r="U14" s="114">
        <v>1081025</v>
      </c>
      <c r="V14" s="113">
        <v>6602725</v>
      </c>
      <c r="W14" s="116">
        <v>6790300</v>
      </c>
      <c r="X14" s="110">
        <v>0</v>
      </c>
      <c r="Y14" s="114">
        <v>0</v>
      </c>
      <c r="Z14" s="113">
        <v>0</v>
      </c>
      <c r="AA14" s="110">
        <v>0</v>
      </c>
      <c r="AB14" s="114">
        <v>705810</v>
      </c>
      <c r="AC14" s="114">
        <v>1021857</v>
      </c>
      <c r="AD14" s="114">
        <v>416770</v>
      </c>
      <c r="AE14" s="114">
        <v>697707</v>
      </c>
      <c r="AF14" s="114">
        <v>645975</v>
      </c>
      <c r="AG14" s="113">
        <v>3488119</v>
      </c>
      <c r="AH14" s="116">
        <v>3488119</v>
      </c>
      <c r="AI14" s="110">
        <v>0</v>
      </c>
      <c r="AJ14" s="114">
        <v>0</v>
      </c>
      <c r="AK14" s="113">
        <v>0</v>
      </c>
      <c r="AL14" s="110">
        <v>0</v>
      </c>
      <c r="AM14" s="114">
        <v>0</v>
      </c>
      <c r="AN14" s="114">
        <v>0</v>
      </c>
      <c r="AO14" s="114">
        <v>0</v>
      </c>
      <c r="AP14" s="114">
        <v>233131</v>
      </c>
      <c r="AQ14" s="114">
        <v>111390</v>
      </c>
      <c r="AR14" s="113">
        <v>344521</v>
      </c>
      <c r="AS14" s="116">
        <v>344521</v>
      </c>
      <c r="AT14" s="110">
        <v>35808</v>
      </c>
      <c r="AU14" s="114">
        <v>51455</v>
      </c>
      <c r="AV14" s="113">
        <v>87263</v>
      </c>
      <c r="AW14" s="110">
        <v>0</v>
      </c>
      <c r="AX14" s="114">
        <v>259419</v>
      </c>
      <c r="AY14" s="114">
        <v>372552</v>
      </c>
      <c r="AZ14" s="114">
        <v>192744</v>
      </c>
      <c r="BA14" s="114">
        <v>370846</v>
      </c>
      <c r="BB14" s="114">
        <v>93998</v>
      </c>
      <c r="BC14" s="113">
        <v>1289559</v>
      </c>
      <c r="BD14" s="116">
        <v>1376822</v>
      </c>
      <c r="BE14" s="110">
        <v>0</v>
      </c>
      <c r="BF14" s="114">
        <v>36983</v>
      </c>
      <c r="BG14" s="112">
        <v>36983</v>
      </c>
      <c r="BH14" s="111">
        <v>0</v>
      </c>
      <c r="BI14" s="114">
        <v>36599</v>
      </c>
      <c r="BJ14" s="114">
        <v>126845</v>
      </c>
      <c r="BK14" s="114">
        <v>219549</v>
      </c>
      <c r="BL14" s="114">
        <v>63585</v>
      </c>
      <c r="BM14" s="114">
        <v>65645</v>
      </c>
      <c r="BN14" s="113">
        <v>512223</v>
      </c>
      <c r="BO14" s="116">
        <v>549206</v>
      </c>
      <c r="BP14" s="110">
        <v>50757</v>
      </c>
      <c r="BQ14" s="114">
        <v>12572</v>
      </c>
      <c r="BR14" s="113">
        <v>63329</v>
      </c>
      <c r="BS14" s="110">
        <v>0</v>
      </c>
      <c r="BT14" s="114">
        <v>65037</v>
      </c>
      <c r="BU14" s="114">
        <v>251006</v>
      </c>
      <c r="BV14" s="114">
        <v>128338</v>
      </c>
      <c r="BW14" s="114">
        <v>359905</v>
      </c>
      <c r="BX14" s="114">
        <v>164017</v>
      </c>
      <c r="BY14" s="113">
        <v>968303</v>
      </c>
      <c r="BZ14" s="116">
        <v>1031632</v>
      </c>
      <c r="CA14" s="110">
        <v>34627</v>
      </c>
      <c r="CB14" s="114">
        <v>132204</v>
      </c>
      <c r="CC14" s="113">
        <v>166831</v>
      </c>
      <c r="CD14" s="110">
        <v>0</v>
      </c>
      <c r="CE14" s="114">
        <v>1669248</v>
      </c>
      <c r="CF14" s="114">
        <v>1807604</v>
      </c>
      <c r="CG14" s="114">
        <v>473772</v>
      </c>
      <c r="CH14" s="114">
        <v>1405179</v>
      </c>
      <c r="CI14" s="114">
        <v>256303</v>
      </c>
      <c r="CJ14" s="113">
        <v>5612106</v>
      </c>
      <c r="CK14" s="116">
        <v>5778937</v>
      </c>
      <c r="CL14" s="110">
        <v>0</v>
      </c>
      <c r="CM14" s="114">
        <v>0</v>
      </c>
      <c r="CN14" s="113">
        <v>0</v>
      </c>
      <c r="CO14" s="111">
        <v>0</v>
      </c>
      <c r="CP14" s="114">
        <v>1082105</v>
      </c>
      <c r="CQ14" s="114">
        <v>1425266</v>
      </c>
      <c r="CR14" s="114">
        <v>199732</v>
      </c>
      <c r="CS14" s="114">
        <v>859811</v>
      </c>
      <c r="CT14" s="114">
        <v>199866</v>
      </c>
      <c r="CU14" s="113">
        <v>3766780</v>
      </c>
      <c r="CV14" s="116">
        <v>3766780</v>
      </c>
      <c r="CW14" s="110">
        <v>34627</v>
      </c>
      <c r="CX14" s="114">
        <v>132204</v>
      </c>
      <c r="CY14" s="113">
        <v>166831</v>
      </c>
      <c r="CZ14" s="110">
        <v>0</v>
      </c>
      <c r="DA14" s="114">
        <v>587143</v>
      </c>
      <c r="DB14" s="114">
        <v>382338</v>
      </c>
      <c r="DC14" s="114">
        <v>274040</v>
      </c>
      <c r="DD14" s="114">
        <v>545368</v>
      </c>
      <c r="DE14" s="114">
        <v>56437</v>
      </c>
      <c r="DF14" s="113">
        <v>1845326</v>
      </c>
      <c r="DG14" s="116">
        <v>2012157</v>
      </c>
      <c r="DH14" s="110">
        <v>0</v>
      </c>
      <c r="DI14" s="114">
        <v>0</v>
      </c>
      <c r="DJ14" s="112">
        <v>0</v>
      </c>
      <c r="DK14" s="111">
        <v>0</v>
      </c>
      <c r="DL14" s="114">
        <v>128370</v>
      </c>
      <c r="DM14" s="114">
        <v>522831</v>
      </c>
      <c r="DN14" s="114">
        <v>82496</v>
      </c>
      <c r="DO14" s="114">
        <v>288045</v>
      </c>
      <c r="DP14" s="114">
        <v>96727</v>
      </c>
      <c r="DQ14" s="113">
        <v>1118469</v>
      </c>
      <c r="DR14" s="116">
        <v>1118469</v>
      </c>
      <c r="DS14" s="110">
        <v>0</v>
      </c>
      <c r="DT14" s="114">
        <v>0</v>
      </c>
      <c r="DU14" s="113">
        <v>0</v>
      </c>
      <c r="DV14" s="110">
        <v>0</v>
      </c>
      <c r="DW14" s="114">
        <v>128370</v>
      </c>
      <c r="DX14" s="114">
        <v>522831</v>
      </c>
      <c r="DY14" s="114">
        <v>82496</v>
      </c>
      <c r="DZ14" s="114">
        <v>288045</v>
      </c>
      <c r="EA14" s="114">
        <v>96727</v>
      </c>
      <c r="EB14" s="113">
        <v>1118469</v>
      </c>
      <c r="EC14" s="116">
        <v>1118469</v>
      </c>
      <c r="ED14" s="110">
        <v>0</v>
      </c>
      <c r="EE14" s="112">
        <v>0</v>
      </c>
      <c r="EF14" s="113">
        <v>0</v>
      </c>
      <c r="EG14" s="110">
        <v>0</v>
      </c>
      <c r="EH14" s="114">
        <v>0</v>
      </c>
      <c r="EI14" s="114">
        <v>0</v>
      </c>
      <c r="EJ14" s="114">
        <v>0</v>
      </c>
      <c r="EK14" s="114">
        <v>0</v>
      </c>
      <c r="EL14" s="114">
        <v>0</v>
      </c>
      <c r="EM14" s="112">
        <v>0</v>
      </c>
      <c r="EN14" s="116">
        <v>0</v>
      </c>
      <c r="EO14" s="110">
        <v>0</v>
      </c>
      <c r="EP14" s="114">
        <v>0</v>
      </c>
      <c r="EQ14" s="112">
        <v>0</v>
      </c>
      <c r="ER14" s="111">
        <v>0</v>
      </c>
      <c r="ES14" s="114">
        <v>0</v>
      </c>
      <c r="ET14" s="114">
        <v>0</v>
      </c>
      <c r="EU14" s="114">
        <v>0</v>
      </c>
      <c r="EV14" s="114">
        <v>0</v>
      </c>
      <c r="EW14" s="114">
        <v>0</v>
      </c>
      <c r="EX14" s="113">
        <v>0</v>
      </c>
      <c r="EY14" s="116">
        <v>0</v>
      </c>
      <c r="EZ14" s="110">
        <v>0</v>
      </c>
      <c r="FA14" s="114">
        <v>0</v>
      </c>
      <c r="FB14" s="112">
        <v>0</v>
      </c>
      <c r="FC14" s="348"/>
      <c r="FD14" s="114">
        <v>0</v>
      </c>
      <c r="FE14" s="114">
        <v>0</v>
      </c>
      <c r="FF14" s="114">
        <v>0</v>
      </c>
      <c r="FG14" s="114">
        <v>0</v>
      </c>
      <c r="FH14" s="114">
        <v>0</v>
      </c>
      <c r="FI14" s="113">
        <v>0</v>
      </c>
      <c r="FJ14" s="116">
        <v>0</v>
      </c>
      <c r="FK14" s="110">
        <v>44142</v>
      </c>
      <c r="FL14" s="114">
        <v>52535</v>
      </c>
      <c r="FM14" s="113">
        <v>96677</v>
      </c>
      <c r="FN14" s="110">
        <v>0</v>
      </c>
      <c r="FO14" s="114">
        <v>175740</v>
      </c>
      <c r="FP14" s="114">
        <v>459263</v>
      </c>
      <c r="FQ14" s="114">
        <v>220318</v>
      </c>
      <c r="FR14" s="114">
        <v>433538</v>
      </c>
      <c r="FS14" s="114">
        <v>170275</v>
      </c>
      <c r="FT14" s="113">
        <v>1459134</v>
      </c>
      <c r="FU14" s="116">
        <v>1555811</v>
      </c>
      <c r="FV14" s="115">
        <v>44142</v>
      </c>
      <c r="FW14" s="114">
        <v>52535</v>
      </c>
      <c r="FX14" s="112">
        <v>96677</v>
      </c>
      <c r="FY14" s="111">
        <v>0</v>
      </c>
      <c r="FZ14" s="114">
        <v>175740</v>
      </c>
      <c r="GA14" s="114">
        <v>459263</v>
      </c>
      <c r="GB14" s="114">
        <v>220318</v>
      </c>
      <c r="GC14" s="114">
        <v>433538</v>
      </c>
      <c r="GD14" s="114">
        <v>170275</v>
      </c>
      <c r="GE14" s="113">
        <v>1459134</v>
      </c>
      <c r="GF14" s="319">
        <v>1555811</v>
      </c>
      <c r="GG14" s="115">
        <v>0</v>
      </c>
      <c r="GH14" s="114">
        <v>0</v>
      </c>
      <c r="GI14" s="112">
        <v>0</v>
      </c>
      <c r="GJ14" s="111">
        <v>0</v>
      </c>
      <c r="GK14" s="114">
        <v>0</v>
      </c>
      <c r="GL14" s="114">
        <v>0</v>
      </c>
      <c r="GM14" s="114">
        <v>0</v>
      </c>
      <c r="GN14" s="114">
        <v>0</v>
      </c>
      <c r="GO14" s="114">
        <v>0</v>
      </c>
      <c r="GP14" s="113">
        <v>0</v>
      </c>
      <c r="GQ14" s="116">
        <v>0</v>
      </c>
      <c r="GR14" s="110">
        <v>0</v>
      </c>
      <c r="GS14" s="114">
        <v>0</v>
      </c>
      <c r="GT14" s="113">
        <v>0</v>
      </c>
      <c r="GU14" s="110">
        <v>0</v>
      </c>
      <c r="GV14" s="114">
        <v>0</v>
      </c>
      <c r="GW14" s="114">
        <v>0</v>
      </c>
      <c r="GX14" s="114">
        <v>0</v>
      </c>
      <c r="GY14" s="114">
        <v>0</v>
      </c>
      <c r="GZ14" s="114">
        <v>0</v>
      </c>
      <c r="HA14" s="112">
        <v>0</v>
      </c>
      <c r="HB14" s="116">
        <v>0</v>
      </c>
      <c r="HC14" s="110">
        <v>393849</v>
      </c>
      <c r="HD14" s="114">
        <v>0</v>
      </c>
      <c r="HE14" s="112">
        <v>393849</v>
      </c>
      <c r="HF14" s="111">
        <v>0</v>
      </c>
      <c r="HG14" s="114">
        <v>1016802</v>
      </c>
      <c r="HH14" s="114">
        <v>1792936</v>
      </c>
      <c r="HI14" s="114">
        <v>1788717</v>
      </c>
      <c r="HJ14" s="114">
        <v>1095562</v>
      </c>
      <c r="HK14" s="114">
        <v>1708470</v>
      </c>
      <c r="HL14" s="113">
        <v>7402487</v>
      </c>
      <c r="HM14" s="109">
        <v>7796336</v>
      </c>
      <c r="HN14" s="329"/>
      <c r="HO14" s="330"/>
      <c r="HP14" s="331"/>
      <c r="HQ14" s="332"/>
      <c r="HR14" s="330"/>
      <c r="HS14" s="330"/>
      <c r="HT14" s="330"/>
      <c r="HU14" s="330"/>
      <c r="HV14" s="330"/>
      <c r="HW14" s="333"/>
      <c r="HX14" s="334"/>
      <c r="HY14" s="131">
        <v>0</v>
      </c>
      <c r="HZ14" s="132">
        <v>0</v>
      </c>
      <c r="IA14" s="133">
        <v>0</v>
      </c>
      <c r="IB14" s="134">
        <v>0</v>
      </c>
      <c r="IC14" s="135">
        <v>1205813</v>
      </c>
      <c r="ID14" s="136">
        <v>1146919</v>
      </c>
      <c r="IE14" s="137">
        <v>708337</v>
      </c>
      <c r="IF14" s="135">
        <v>2205057</v>
      </c>
      <c r="IG14" s="137">
        <v>771978</v>
      </c>
      <c r="IH14" s="138">
        <v>6038104</v>
      </c>
      <c r="II14" s="139">
        <v>6038104</v>
      </c>
      <c r="IJ14" s="232">
        <v>0</v>
      </c>
      <c r="IK14" s="236">
        <v>0</v>
      </c>
      <c r="IL14" s="237">
        <v>0</v>
      </c>
      <c r="IM14" s="140"/>
      <c r="IN14" s="119">
        <v>0</v>
      </c>
      <c r="IO14" s="119">
        <v>0</v>
      </c>
      <c r="IP14" s="119">
        <v>0</v>
      </c>
      <c r="IQ14" s="119">
        <v>210558</v>
      </c>
      <c r="IR14" s="119">
        <v>0</v>
      </c>
      <c r="IS14" s="141">
        <v>210558</v>
      </c>
      <c r="IT14" s="321">
        <v>210558</v>
      </c>
      <c r="IU14" s="142">
        <v>0</v>
      </c>
      <c r="IV14" s="119">
        <v>0</v>
      </c>
      <c r="IW14" s="120">
        <v>0</v>
      </c>
      <c r="IX14" s="144"/>
      <c r="IY14" s="119">
        <v>0</v>
      </c>
      <c r="IZ14" s="119">
        <v>0</v>
      </c>
      <c r="JA14" s="119">
        <v>0</v>
      </c>
      <c r="JB14" s="119">
        <v>0</v>
      </c>
      <c r="JC14" s="119">
        <v>0</v>
      </c>
      <c r="JD14" s="120">
        <v>0</v>
      </c>
      <c r="JE14" s="121">
        <v>0</v>
      </c>
      <c r="JF14" s="142">
        <v>0</v>
      </c>
      <c r="JG14" s="119">
        <v>0</v>
      </c>
      <c r="JH14" s="141">
        <v>0</v>
      </c>
      <c r="JI14" s="118">
        <v>0</v>
      </c>
      <c r="JJ14" s="119">
        <v>828589</v>
      </c>
      <c r="JK14" s="119">
        <v>617454</v>
      </c>
      <c r="JL14" s="119">
        <v>447028</v>
      </c>
      <c r="JM14" s="119">
        <v>317452</v>
      </c>
      <c r="JN14" s="119">
        <v>92064</v>
      </c>
      <c r="JO14" s="120">
        <v>2302587</v>
      </c>
      <c r="JP14" s="321">
        <v>2302587</v>
      </c>
      <c r="JQ14" s="142">
        <v>0</v>
      </c>
      <c r="JR14" s="119">
        <v>0</v>
      </c>
      <c r="JS14" s="141">
        <v>0</v>
      </c>
      <c r="JT14" s="118">
        <v>0</v>
      </c>
      <c r="JU14" s="119">
        <v>0</v>
      </c>
      <c r="JV14" s="119">
        <v>165150</v>
      </c>
      <c r="JW14" s="119">
        <v>0</v>
      </c>
      <c r="JX14" s="119">
        <v>0</v>
      </c>
      <c r="JY14" s="119">
        <v>0</v>
      </c>
      <c r="JZ14" s="120">
        <v>165150</v>
      </c>
      <c r="KA14" s="321">
        <v>165150</v>
      </c>
      <c r="KB14" s="234">
        <v>0</v>
      </c>
      <c r="KC14" s="230">
        <v>0</v>
      </c>
      <c r="KD14" s="120">
        <v>0</v>
      </c>
      <c r="KE14" s="118">
        <v>0</v>
      </c>
      <c r="KF14" s="119">
        <v>377224</v>
      </c>
      <c r="KG14" s="119">
        <v>0</v>
      </c>
      <c r="KH14" s="119">
        <v>261309</v>
      </c>
      <c r="KI14" s="119">
        <v>0</v>
      </c>
      <c r="KJ14" s="119">
        <v>415368</v>
      </c>
      <c r="KK14" s="120">
        <v>1053901</v>
      </c>
      <c r="KL14" s="143">
        <v>1053901</v>
      </c>
      <c r="KM14" s="232">
        <v>0</v>
      </c>
      <c r="KN14" s="236">
        <v>0</v>
      </c>
      <c r="KO14" s="237">
        <v>0</v>
      </c>
      <c r="KP14" s="140"/>
      <c r="KQ14" s="119">
        <v>0</v>
      </c>
      <c r="KR14" s="119">
        <v>212990</v>
      </c>
      <c r="KS14" s="119">
        <v>0</v>
      </c>
      <c r="KT14" s="119">
        <v>1115825</v>
      </c>
      <c r="KU14" s="119">
        <v>0</v>
      </c>
      <c r="KV14" s="120">
        <v>1328815</v>
      </c>
      <c r="KW14" s="321">
        <v>1328815</v>
      </c>
      <c r="KX14" s="142">
        <v>0</v>
      </c>
      <c r="KY14" s="119">
        <v>0</v>
      </c>
      <c r="KZ14" s="120">
        <v>0</v>
      </c>
      <c r="LA14" s="145"/>
      <c r="LB14" s="119">
        <v>0</v>
      </c>
      <c r="LC14" s="119">
        <v>151325</v>
      </c>
      <c r="LD14" s="119">
        <v>0</v>
      </c>
      <c r="LE14" s="119">
        <v>189179</v>
      </c>
      <c r="LF14" s="119">
        <v>0</v>
      </c>
      <c r="LG14" s="120">
        <v>340504</v>
      </c>
      <c r="LH14" s="121">
        <v>340504</v>
      </c>
      <c r="LI14" s="142">
        <v>0</v>
      </c>
      <c r="LJ14" s="119">
        <v>0</v>
      </c>
      <c r="LK14" s="120">
        <v>0</v>
      </c>
      <c r="LL14" s="145"/>
      <c r="LM14" s="119">
        <v>0</v>
      </c>
      <c r="LN14" s="119">
        <v>0</v>
      </c>
      <c r="LO14" s="119">
        <v>0</v>
      </c>
      <c r="LP14" s="119">
        <v>247429</v>
      </c>
      <c r="LQ14" s="119">
        <v>264546</v>
      </c>
      <c r="LR14" s="120">
        <v>511975</v>
      </c>
      <c r="LS14" s="321">
        <v>511975</v>
      </c>
      <c r="LT14" s="142">
        <v>0</v>
      </c>
      <c r="LU14" s="119">
        <v>0</v>
      </c>
      <c r="LV14" s="120">
        <v>0</v>
      </c>
      <c r="LW14" s="145"/>
      <c r="LX14" s="119">
        <v>0</v>
      </c>
      <c r="LY14" s="119">
        <v>0</v>
      </c>
      <c r="LZ14" s="119">
        <v>0</v>
      </c>
      <c r="MA14" s="119">
        <v>124614</v>
      </c>
      <c r="MB14" s="119">
        <v>0</v>
      </c>
      <c r="MC14" s="120">
        <v>124614</v>
      </c>
      <c r="MD14" s="121">
        <v>124614</v>
      </c>
      <c r="ME14" s="142">
        <v>0</v>
      </c>
      <c r="MF14" s="119">
        <v>0</v>
      </c>
      <c r="MG14" s="120">
        <v>0</v>
      </c>
      <c r="MH14" s="145"/>
      <c r="MI14" s="119">
        <v>0</v>
      </c>
      <c r="MJ14" s="119">
        <v>988127</v>
      </c>
      <c r="MK14" s="119">
        <v>1017308</v>
      </c>
      <c r="ML14" s="119">
        <v>3934486</v>
      </c>
      <c r="MM14" s="119">
        <v>1572683</v>
      </c>
      <c r="MN14" s="120">
        <v>7512604</v>
      </c>
      <c r="MO14" s="143">
        <v>7512604</v>
      </c>
      <c r="MP14" s="142">
        <v>0</v>
      </c>
      <c r="MQ14" s="119">
        <v>0</v>
      </c>
      <c r="MR14" s="120">
        <v>0</v>
      </c>
      <c r="MS14" s="145"/>
      <c r="MT14" s="119">
        <v>0</v>
      </c>
      <c r="MU14" s="119">
        <v>-483</v>
      </c>
      <c r="MV14" s="119">
        <v>197432</v>
      </c>
      <c r="MW14" s="119">
        <v>2061395</v>
      </c>
      <c r="MX14" s="119">
        <v>1318458</v>
      </c>
      <c r="MY14" s="120">
        <v>3576802</v>
      </c>
      <c r="MZ14" s="143">
        <v>3576802</v>
      </c>
      <c r="NA14" s="142">
        <v>0</v>
      </c>
      <c r="NB14" s="119">
        <v>0</v>
      </c>
      <c r="NC14" s="120">
        <v>0</v>
      </c>
      <c r="ND14" s="145"/>
      <c r="NE14" s="119">
        <v>0</v>
      </c>
      <c r="NF14" s="119">
        <v>988610</v>
      </c>
      <c r="NG14" s="119">
        <v>819876</v>
      </c>
      <c r="NH14" s="119">
        <v>1881014</v>
      </c>
      <c r="NI14" s="119">
        <v>254225</v>
      </c>
      <c r="NJ14" s="120">
        <v>3943725</v>
      </c>
      <c r="NK14" s="321">
        <v>3943725</v>
      </c>
      <c r="NL14" s="142">
        <v>0</v>
      </c>
      <c r="NM14" s="119">
        <v>0</v>
      </c>
      <c r="NN14" s="120">
        <v>0</v>
      </c>
      <c r="NO14" s="145"/>
      <c r="NP14" s="119">
        <v>0</v>
      </c>
      <c r="NQ14" s="119">
        <v>0</v>
      </c>
      <c r="NR14" s="119">
        <v>0</v>
      </c>
      <c r="NS14" s="119">
        <v>0</v>
      </c>
      <c r="NT14" s="119">
        <v>0</v>
      </c>
      <c r="NU14" s="120">
        <v>0</v>
      </c>
      <c r="NV14" s="121">
        <v>0</v>
      </c>
      <c r="NW14" s="142">
        <v>0</v>
      </c>
      <c r="NX14" s="119">
        <v>0</v>
      </c>
      <c r="NY14" s="120">
        <v>0</v>
      </c>
      <c r="NZ14" s="145"/>
      <c r="OA14" s="119">
        <v>0</v>
      </c>
      <c r="OB14" s="119">
        <v>0</v>
      </c>
      <c r="OC14" s="119">
        <v>0</v>
      </c>
      <c r="OD14" s="119">
        <v>-7923</v>
      </c>
      <c r="OE14" s="119">
        <v>0</v>
      </c>
      <c r="OF14" s="120">
        <v>-7923</v>
      </c>
      <c r="OG14" s="121">
        <v>-7923</v>
      </c>
      <c r="OH14" s="142">
        <v>559183</v>
      </c>
      <c r="OI14" s="119">
        <v>285749</v>
      </c>
      <c r="OJ14" s="141">
        <v>844932</v>
      </c>
      <c r="OK14" s="118">
        <v>0</v>
      </c>
      <c r="OL14" s="119">
        <v>5262838</v>
      </c>
      <c r="OM14" s="119">
        <v>8489940</v>
      </c>
      <c r="ON14" s="119">
        <v>5248349</v>
      </c>
      <c r="OO14" s="119">
        <v>11087041</v>
      </c>
      <c r="OP14" s="119">
        <v>5657461</v>
      </c>
      <c r="OQ14" s="120">
        <v>35745629</v>
      </c>
      <c r="OR14" s="143">
        <v>36590561</v>
      </c>
    </row>
    <row r="15" spans="1:408" ht="20.25" customHeight="1" x14ac:dyDescent="0.2">
      <c r="A15" s="126" t="s">
        <v>9</v>
      </c>
      <c r="B15" s="110">
        <v>1540222</v>
      </c>
      <c r="C15" s="114">
        <v>1297752</v>
      </c>
      <c r="D15" s="113">
        <v>2837974</v>
      </c>
      <c r="E15" s="111">
        <v>0</v>
      </c>
      <c r="F15" s="114">
        <v>11559825</v>
      </c>
      <c r="G15" s="114">
        <v>11365867</v>
      </c>
      <c r="H15" s="114">
        <v>10891754</v>
      </c>
      <c r="I15" s="114">
        <v>14979900</v>
      </c>
      <c r="J15" s="114">
        <v>13394335</v>
      </c>
      <c r="K15" s="109">
        <v>62191681</v>
      </c>
      <c r="L15" s="116">
        <v>65029655</v>
      </c>
      <c r="M15" s="110">
        <v>328991</v>
      </c>
      <c r="N15" s="114">
        <v>300587</v>
      </c>
      <c r="O15" s="113">
        <v>629578</v>
      </c>
      <c r="P15" s="110">
        <v>0</v>
      </c>
      <c r="Q15" s="114">
        <v>4609179</v>
      </c>
      <c r="R15" s="114">
        <v>3935950</v>
      </c>
      <c r="S15" s="114">
        <v>4700177</v>
      </c>
      <c r="T15" s="114">
        <v>6527391</v>
      </c>
      <c r="U15" s="114">
        <v>7706165</v>
      </c>
      <c r="V15" s="113">
        <v>27478862</v>
      </c>
      <c r="W15" s="116">
        <v>28108440</v>
      </c>
      <c r="X15" s="110">
        <v>0</v>
      </c>
      <c r="Y15" s="114">
        <v>0</v>
      </c>
      <c r="Z15" s="113">
        <v>0</v>
      </c>
      <c r="AA15" s="110">
        <v>0</v>
      </c>
      <c r="AB15" s="114">
        <v>1740217</v>
      </c>
      <c r="AC15" s="114">
        <v>1671382</v>
      </c>
      <c r="AD15" s="114">
        <v>2415809</v>
      </c>
      <c r="AE15" s="114">
        <v>3880582</v>
      </c>
      <c r="AF15" s="114">
        <v>4955851</v>
      </c>
      <c r="AG15" s="113">
        <v>14663841</v>
      </c>
      <c r="AH15" s="116">
        <v>14663841</v>
      </c>
      <c r="AI15" s="110">
        <v>0</v>
      </c>
      <c r="AJ15" s="114">
        <v>0</v>
      </c>
      <c r="AK15" s="113">
        <v>0</v>
      </c>
      <c r="AL15" s="110">
        <v>0</v>
      </c>
      <c r="AM15" s="114">
        <v>184602</v>
      </c>
      <c r="AN15" s="114">
        <v>95781</v>
      </c>
      <c r="AO15" s="114">
        <v>140928</v>
      </c>
      <c r="AP15" s="114">
        <v>294944</v>
      </c>
      <c r="AQ15" s="114">
        <v>979196</v>
      </c>
      <c r="AR15" s="113">
        <v>1695451</v>
      </c>
      <c r="AS15" s="116">
        <v>1695451</v>
      </c>
      <c r="AT15" s="110">
        <v>65531</v>
      </c>
      <c r="AU15" s="114">
        <v>208455</v>
      </c>
      <c r="AV15" s="113">
        <v>273986</v>
      </c>
      <c r="AW15" s="110">
        <v>0</v>
      </c>
      <c r="AX15" s="114">
        <v>1825348</v>
      </c>
      <c r="AY15" s="114">
        <v>1126314</v>
      </c>
      <c r="AZ15" s="114">
        <v>1160905</v>
      </c>
      <c r="BA15" s="114">
        <v>1226469</v>
      </c>
      <c r="BB15" s="114">
        <v>1023406</v>
      </c>
      <c r="BC15" s="113">
        <v>6362442</v>
      </c>
      <c r="BD15" s="116">
        <v>6636428</v>
      </c>
      <c r="BE15" s="110">
        <v>60509</v>
      </c>
      <c r="BF15" s="114">
        <v>21355</v>
      </c>
      <c r="BG15" s="112">
        <v>81864</v>
      </c>
      <c r="BH15" s="111">
        <v>0</v>
      </c>
      <c r="BI15" s="114">
        <v>295470</v>
      </c>
      <c r="BJ15" s="114">
        <v>305534</v>
      </c>
      <c r="BK15" s="114">
        <v>201692</v>
      </c>
      <c r="BL15" s="114">
        <v>257935</v>
      </c>
      <c r="BM15" s="114">
        <v>168595</v>
      </c>
      <c r="BN15" s="113">
        <v>1229226</v>
      </c>
      <c r="BO15" s="116">
        <v>1311090</v>
      </c>
      <c r="BP15" s="110">
        <v>202951</v>
      </c>
      <c r="BQ15" s="114">
        <v>70777</v>
      </c>
      <c r="BR15" s="113">
        <v>273728</v>
      </c>
      <c r="BS15" s="110">
        <v>0</v>
      </c>
      <c r="BT15" s="114">
        <v>563542</v>
      </c>
      <c r="BU15" s="114">
        <v>736939</v>
      </c>
      <c r="BV15" s="114">
        <v>780843</v>
      </c>
      <c r="BW15" s="114">
        <v>867461</v>
      </c>
      <c r="BX15" s="114">
        <v>579117</v>
      </c>
      <c r="BY15" s="113">
        <v>3527902</v>
      </c>
      <c r="BZ15" s="116">
        <v>3801630</v>
      </c>
      <c r="CA15" s="110">
        <v>72153</v>
      </c>
      <c r="CB15" s="114">
        <v>231372</v>
      </c>
      <c r="CC15" s="113">
        <v>303525</v>
      </c>
      <c r="CD15" s="110">
        <v>0</v>
      </c>
      <c r="CE15" s="114">
        <v>2119958</v>
      </c>
      <c r="CF15" s="114">
        <v>2223840</v>
      </c>
      <c r="CG15" s="114">
        <v>1446225</v>
      </c>
      <c r="CH15" s="114">
        <v>1140095</v>
      </c>
      <c r="CI15" s="114">
        <v>524246</v>
      </c>
      <c r="CJ15" s="113">
        <v>7454364</v>
      </c>
      <c r="CK15" s="116">
        <v>7757889</v>
      </c>
      <c r="CL15" s="110">
        <v>0</v>
      </c>
      <c r="CM15" s="114">
        <v>0</v>
      </c>
      <c r="CN15" s="113">
        <v>0</v>
      </c>
      <c r="CO15" s="111">
        <v>0</v>
      </c>
      <c r="CP15" s="114">
        <v>1779535</v>
      </c>
      <c r="CQ15" s="114">
        <v>1770497</v>
      </c>
      <c r="CR15" s="114">
        <v>1207927</v>
      </c>
      <c r="CS15" s="114">
        <v>611954</v>
      </c>
      <c r="CT15" s="114">
        <v>469762</v>
      </c>
      <c r="CU15" s="113">
        <v>5839675</v>
      </c>
      <c r="CV15" s="116">
        <v>5839675</v>
      </c>
      <c r="CW15" s="110">
        <v>72153</v>
      </c>
      <c r="CX15" s="114">
        <v>231372</v>
      </c>
      <c r="CY15" s="113">
        <v>303525</v>
      </c>
      <c r="CZ15" s="110">
        <v>0</v>
      </c>
      <c r="DA15" s="114">
        <v>340423</v>
      </c>
      <c r="DB15" s="114">
        <v>453343</v>
      </c>
      <c r="DC15" s="114">
        <v>238298</v>
      </c>
      <c r="DD15" s="114">
        <v>528141</v>
      </c>
      <c r="DE15" s="114">
        <v>54484</v>
      </c>
      <c r="DF15" s="113">
        <v>1614689</v>
      </c>
      <c r="DG15" s="116">
        <v>1918214</v>
      </c>
      <c r="DH15" s="110">
        <v>101192</v>
      </c>
      <c r="DI15" s="114">
        <v>0</v>
      </c>
      <c r="DJ15" s="112">
        <v>101192</v>
      </c>
      <c r="DK15" s="111">
        <v>0</v>
      </c>
      <c r="DL15" s="114">
        <v>245120</v>
      </c>
      <c r="DM15" s="114">
        <v>443356</v>
      </c>
      <c r="DN15" s="114">
        <v>658143</v>
      </c>
      <c r="DO15" s="114">
        <v>687757</v>
      </c>
      <c r="DP15" s="114">
        <v>1281624</v>
      </c>
      <c r="DQ15" s="113">
        <v>3316000</v>
      </c>
      <c r="DR15" s="116">
        <v>3417192</v>
      </c>
      <c r="DS15" s="110">
        <v>43863</v>
      </c>
      <c r="DT15" s="114">
        <v>0</v>
      </c>
      <c r="DU15" s="113">
        <v>43863</v>
      </c>
      <c r="DV15" s="110">
        <v>0</v>
      </c>
      <c r="DW15" s="114">
        <v>245120</v>
      </c>
      <c r="DX15" s="114">
        <v>415650</v>
      </c>
      <c r="DY15" s="114">
        <v>468912</v>
      </c>
      <c r="DZ15" s="114">
        <v>652575</v>
      </c>
      <c r="EA15" s="114">
        <v>1195247</v>
      </c>
      <c r="EB15" s="113">
        <v>2977504</v>
      </c>
      <c r="EC15" s="116">
        <v>3021367</v>
      </c>
      <c r="ED15" s="110">
        <v>57329</v>
      </c>
      <c r="EE15" s="112">
        <v>0</v>
      </c>
      <c r="EF15" s="113">
        <v>57329</v>
      </c>
      <c r="EG15" s="110">
        <v>0</v>
      </c>
      <c r="EH15" s="114">
        <v>0</v>
      </c>
      <c r="EI15" s="114">
        <v>27706</v>
      </c>
      <c r="EJ15" s="114">
        <v>189231</v>
      </c>
      <c r="EK15" s="114">
        <v>35182</v>
      </c>
      <c r="EL15" s="114">
        <v>86377</v>
      </c>
      <c r="EM15" s="112">
        <v>338496</v>
      </c>
      <c r="EN15" s="116">
        <v>395825</v>
      </c>
      <c r="EO15" s="110">
        <v>0</v>
      </c>
      <c r="EP15" s="114">
        <v>0</v>
      </c>
      <c r="EQ15" s="112">
        <v>0</v>
      </c>
      <c r="ER15" s="111">
        <v>0</v>
      </c>
      <c r="ES15" s="114">
        <v>0</v>
      </c>
      <c r="ET15" s="114">
        <v>0</v>
      </c>
      <c r="EU15" s="114">
        <v>0</v>
      </c>
      <c r="EV15" s="114">
        <v>0</v>
      </c>
      <c r="EW15" s="114">
        <v>0</v>
      </c>
      <c r="EX15" s="113">
        <v>0</v>
      </c>
      <c r="EY15" s="116">
        <v>0</v>
      </c>
      <c r="EZ15" s="110">
        <v>0</v>
      </c>
      <c r="FA15" s="114">
        <v>0</v>
      </c>
      <c r="FB15" s="112">
        <v>0</v>
      </c>
      <c r="FC15" s="348"/>
      <c r="FD15" s="114">
        <v>0</v>
      </c>
      <c r="FE15" s="114">
        <v>0</v>
      </c>
      <c r="FF15" s="114">
        <v>0</v>
      </c>
      <c r="FG15" s="114">
        <v>0</v>
      </c>
      <c r="FH15" s="114">
        <v>0</v>
      </c>
      <c r="FI15" s="113">
        <v>0</v>
      </c>
      <c r="FJ15" s="116">
        <v>0</v>
      </c>
      <c r="FK15" s="110">
        <v>367962</v>
      </c>
      <c r="FL15" s="114">
        <v>214013</v>
      </c>
      <c r="FM15" s="113">
        <v>581975</v>
      </c>
      <c r="FN15" s="110">
        <v>0</v>
      </c>
      <c r="FO15" s="114">
        <v>1086711</v>
      </c>
      <c r="FP15" s="114">
        <v>1290765</v>
      </c>
      <c r="FQ15" s="114">
        <v>939449</v>
      </c>
      <c r="FR15" s="114">
        <v>1217258</v>
      </c>
      <c r="FS15" s="114">
        <v>952049</v>
      </c>
      <c r="FT15" s="113">
        <v>5486232</v>
      </c>
      <c r="FU15" s="116">
        <v>6068207</v>
      </c>
      <c r="FV15" s="115">
        <v>153412</v>
      </c>
      <c r="FW15" s="114">
        <v>197213</v>
      </c>
      <c r="FX15" s="112">
        <v>350625</v>
      </c>
      <c r="FY15" s="111">
        <v>0</v>
      </c>
      <c r="FZ15" s="114">
        <v>652694</v>
      </c>
      <c r="GA15" s="114">
        <v>1073149</v>
      </c>
      <c r="GB15" s="114">
        <v>882077</v>
      </c>
      <c r="GC15" s="114">
        <v>1077258</v>
      </c>
      <c r="GD15" s="114">
        <v>952049</v>
      </c>
      <c r="GE15" s="113">
        <v>4637227</v>
      </c>
      <c r="GF15" s="319">
        <v>4987852</v>
      </c>
      <c r="GG15" s="115">
        <v>0</v>
      </c>
      <c r="GH15" s="114">
        <v>16800</v>
      </c>
      <c r="GI15" s="112">
        <v>16800</v>
      </c>
      <c r="GJ15" s="111">
        <v>0</v>
      </c>
      <c r="GK15" s="114">
        <v>42966</v>
      </c>
      <c r="GL15" s="114">
        <v>63756</v>
      </c>
      <c r="GM15" s="114">
        <v>44072</v>
      </c>
      <c r="GN15" s="114">
        <v>0</v>
      </c>
      <c r="GO15" s="114">
        <v>0</v>
      </c>
      <c r="GP15" s="113">
        <v>150794</v>
      </c>
      <c r="GQ15" s="116">
        <v>167594</v>
      </c>
      <c r="GR15" s="110">
        <v>214550</v>
      </c>
      <c r="GS15" s="114">
        <v>0</v>
      </c>
      <c r="GT15" s="113">
        <v>214550</v>
      </c>
      <c r="GU15" s="110">
        <v>0</v>
      </c>
      <c r="GV15" s="114">
        <v>391051</v>
      </c>
      <c r="GW15" s="114">
        <v>153860</v>
      </c>
      <c r="GX15" s="114">
        <v>13300</v>
      </c>
      <c r="GY15" s="114">
        <v>140000</v>
      </c>
      <c r="GZ15" s="114">
        <v>0</v>
      </c>
      <c r="HA15" s="112">
        <v>698211</v>
      </c>
      <c r="HB15" s="116">
        <v>912761</v>
      </c>
      <c r="HC15" s="110">
        <v>669924</v>
      </c>
      <c r="HD15" s="114">
        <v>551780</v>
      </c>
      <c r="HE15" s="112">
        <v>1221704</v>
      </c>
      <c r="HF15" s="111">
        <v>0</v>
      </c>
      <c r="HG15" s="114">
        <v>3498857</v>
      </c>
      <c r="HH15" s="114">
        <v>3471956</v>
      </c>
      <c r="HI15" s="114">
        <v>3147760</v>
      </c>
      <c r="HJ15" s="114">
        <v>5407399</v>
      </c>
      <c r="HK15" s="114">
        <v>2930251</v>
      </c>
      <c r="HL15" s="113">
        <v>18456223</v>
      </c>
      <c r="HM15" s="109">
        <v>19677927</v>
      </c>
      <c r="HN15" s="329"/>
      <c r="HO15" s="330"/>
      <c r="HP15" s="331"/>
      <c r="HQ15" s="332"/>
      <c r="HR15" s="330"/>
      <c r="HS15" s="330"/>
      <c r="HT15" s="330"/>
      <c r="HU15" s="330"/>
      <c r="HV15" s="330"/>
      <c r="HW15" s="333"/>
      <c r="HX15" s="334"/>
      <c r="HY15" s="128">
        <v>37821</v>
      </c>
      <c r="HZ15" s="149">
        <v>0</v>
      </c>
      <c r="IA15" s="129">
        <v>37821</v>
      </c>
      <c r="IB15" s="146">
        <v>0</v>
      </c>
      <c r="IC15" s="132">
        <v>2202619</v>
      </c>
      <c r="ID15" s="147">
        <v>3730950</v>
      </c>
      <c r="IE15" s="133">
        <v>2808798</v>
      </c>
      <c r="IF15" s="132">
        <v>3335271</v>
      </c>
      <c r="IG15" s="133">
        <v>927579</v>
      </c>
      <c r="IH15" s="148">
        <v>13005217</v>
      </c>
      <c r="II15" s="130">
        <v>13043038</v>
      </c>
      <c r="IJ15" s="232">
        <v>0</v>
      </c>
      <c r="IK15" s="236">
        <v>0</v>
      </c>
      <c r="IL15" s="237">
        <v>0</v>
      </c>
      <c r="IM15" s="140"/>
      <c r="IN15" s="119">
        <v>0</v>
      </c>
      <c r="IO15" s="119">
        <v>101846</v>
      </c>
      <c r="IP15" s="119">
        <v>0</v>
      </c>
      <c r="IQ15" s="119">
        <v>614435</v>
      </c>
      <c r="IR15" s="119">
        <v>40128</v>
      </c>
      <c r="IS15" s="141">
        <v>756409</v>
      </c>
      <c r="IT15" s="321">
        <v>756409</v>
      </c>
      <c r="IU15" s="142">
        <v>0</v>
      </c>
      <c r="IV15" s="119">
        <v>0</v>
      </c>
      <c r="IW15" s="120">
        <v>0</v>
      </c>
      <c r="IX15" s="144"/>
      <c r="IY15" s="119">
        <v>0</v>
      </c>
      <c r="IZ15" s="119">
        <v>0</v>
      </c>
      <c r="JA15" s="119">
        <v>0</v>
      </c>
      <c r="JB15" s="119">
        <v>0</v>
      </c>
      <c r="JC15" s="119">
        <v>0</v>
      </c>
      <c r="JD15" s="120">
        <v>0</v>
      </c>
      <c r="JE15" s="121">
        <v>0</v>
      </c>
      <c r="JF15" s="142">
        <v>0</v>
      </c>
      <c r="JG15" s="119">
        <v>0</v>
      </c>
      <c r="JH15" s="141">
        <v>0</v>
      </c>
      <c r="JI15" s="118">
        <v>0</v>
      </c>
      <c r="JJ15" s="119">
        <v>1204317</v>
      </c>
      <c r="JK15" s="119">
        <v>1681974</v>
      </c>
      <c r="JL15" s="119">
        <v>905623</v>
      </c>
      <c r="JM15" s="119">
        <v>459098</v>
      </c>
      <c r="JN15" s="119">
        <v>31473</v>
      </c>
      <c r="JO15" s="120">
        <v>4282485</v>
      </c>
      <c r="JP15" s="321">
        <v>4282485</v>
      </c>
      <c r="JQ15" s="142">
        <v>0</v>
      </c>
      <c r="JR15" s="119">
        <v>0</v>
      </c>
      <c r="JS15" s="141">
        <v>0</v>
      </c>
      <c r="JT15" s="118">
        <v>0</v>
      </c>
      <c r="JU15" s="119">
        <v>127936</v>
      </c>
      <c r="JV15" s="119">
        <v>0</v>
      </c>
      <c r="JW15" s="119">
        <v>170753</v>
      </c>
      <c r="JX15" s="119">
        <v>0</v>
      </c>
      <c r="JY15" s="119">
        <v>99810</v>
      </c>
      <c r="JZ15" s="120">
        <v>398499</v>
      </c>
      <c r="KA15" s="321">
        <v>398499</v>
      </c>
      <c r="KB15" s="234">
        <v>37821</v>
      </c>
      <c r="KC15" s="230">
        <v>0</v>
      </c>
      <c r="KD15" s="120">
        <v>37821</v>
      </c>
      <c r="KE15" s="118">
        <v>0</v>
      </c>
      <c r="KF15" s="119">
        <v>779592</v>
      </c>
      <c r="KG15" s="119">
        <v>393626</v>
      </c>
      <c r="KH15" s="119">
        <v>605887</v>
      </c>
      <c r="KI15" s="119">
        <v>655496</v>
      </c>
      <c r="KJ15" s="119">
        <v>243509</v>
      </c>
      <c r="KK15" s="120">
        <v>2678110</v>
      </c>
      <c r="KL15" s="143">
        <v>2715931</v>
      </c>
      <c r="KM15" s="232">
        <v>0</v>
      </c>
      <c r="KN15" s="236">
        <v>0</v>
      </c>
      <c r="KO15" s="237">
        <v>0</v>
      </c>
      <c r="KP15" s="140"/>
      <c r="KQ15" s="119">
        <v>0</v>
      </c>
      <c r="KR15" s="119">
        <v>1075905</v>
      </c>
      <c r="KS15" s="119">
        <v>867228</v>
      </c>
      <c r="KT15" s="119">
        <v>684567</v>
      </c>
      <c r="KU15" s="119">
        <v>232398</v>
      </c>
      <c r="KV15" s="120">
        <v>2860098</v>
      </c>
      <c r="KW15" s="321">
        <v>2860098</v>
      </c>
      <c r="KX15" s="142">
        <v>0</v>
      </c>
      <c r="KY15" s="119">
        <v>0</v>
      </c>
      <c r="KZ15" s="120">
        <v>0</v>
      </c>
      <c r="LA15" s="145"/>
      <c r="LB15" s="119">
        <v>0</v>
      </c>
      <c r="LC15" s="119">
        <v>315844</v>
      </c>
      <c r="LD15" s="119">
        <v>0</v>
      </c>
      <c r="LE15" s="119">
        <v>192155</v>
      </c>
      <c r="LF15" s="119">
        <v>0</v>
      </c>
      <c r="LG15" s="120">
        <v>507999</v>
      </c>
      <c r="LH15" s="121">
        <v>507999</v>
      </c>
      <c r="LI15" s="142">
        <v>0</v>
      </c>
      <c r="LJ15" s="119">
        <v>0</v>
      </c>
      <c r="LK15" s="120">
        <v>0</v>
      </c>
      <c r="LL15" s="145"/>
      <c r="LM15" s="119">
        <v>0</v>
      </c>
      <c r="LN15" s="119">
        <v>0</v>
      </c>
      <c r="LO15" s="119">
        <v>0</v>
      </c>
      <c r="LP15" s="119">
        <v>0</v>
      </c>
      <c r="LQ15" s="119">
        <v>0</v>
      </c>
      <c r="LR15" s="120">
        <v>0</v>
      </c>
      <c r="LS15" s="321">
        <v>0</v>
      </c>
      <c r="LT15" s="142">
        <v>0</v>
      </c>
      <c r="LU15" s="119">
        <v>0</v>
      </c>
      <c r="LV15" s="120">
        <v>0</v>
      </c>
      <c r="LW15" s="145"/>
      <c r="LX15" s="119">
        <v>90774</v>
      </c>
      <c r="LY15" s="119">
        <v>161755</v>
      </c>
      <c r="LZ15" s="119">
        <v>259307</v>
      </c>
      <c r="MA15" s="119">
        <v>729520</v>
      </c>
      <c r="MB15" s="119">
        <v>280261</v>
      </c>
      <c r="MC15" s="120">
        <v>1521617</v>
      </c>
      <c r="MD15" s="121">
        <v>1521617</v>
      </c>
      <c r="ME15" s="142">
        <v>0</v>
      </c>
      <c r="MF15" s="119">
        <v>0</v>
      </c>
      <c r="MG15" s="120">
        <v>0</v>
      </c>
      <c r="MH15" s="145"/>
      <c r="MI15" s="119">
        <v>735992</v>
      </c>
      <c r="MJ15" s="119">
        <v>120849</v>
      </c>
      <c r="MK15" s="119">
        <v>4009941</v>
      </c>
      <c r="ML15" s="119">
        <v>5797924</v>
      </c>
      <c r="MM15" s="119">
        <v>5324091</v>
      </c>
      <c r="MN15" s="120">
        <v>15988797</v>
      </c>
      <c r="MO15" s="143">
        <v>15988797</v>
      </c>
      <c r="MP15" s="142">
        <v>0</v>
      </c>
      <c r="MQ15" s="119">
        <v>0</v>
      </c>
      <c r="MR15" s="120">
        <v>0</v>
      </c>
      <c r="MS15" s="145"/>
      <c r="MT15" s="119">
        <v>0</v>
      </c>
      <c r="MU15" s="119">
        <v>0</v>
      </c>
      <c r="MV15" s="119">
        <v>1330296</v>
      </c>
      <c r="MW15" s="119">
        <v>4746541</v>
      </c>
      <c r="MX15" s="119">
        <v>3914470</v>
      </c>
      <c r="MY15" s="120">
        <v>9991307</v>
      </c>
      <c r="MZ15" s="143">
        <v>9991307</v>
      </c>
      <c r="NA15" s="142">
        <v>0</v>
      </c>
      <c r="NB15" s="119">
        <v>0</v>
      </c>
      <c r="NC15" s="120">
        <v>0</v>
      </c>
      <c r="ND15" s="145"/>
      <c r="NE15" s="119">
        <v>735992</v>
      </c>
      <c r="NF15" s="119">
        <v>120849</v>
      </c>
      <c r="NG15" s="119">
        <v>2679645</v>
      </c>
      <c r="NH15" s="119">
        <v>1051383</v>
      </c>
      <c r="NI15" s="119">
        <v>1409621</v>
      </c>
      <c r="NJ15" s="120">
        <v>5997490</v>
      </c>
      <c r="NK15" s="321">
        <v>5997490</v>
      </c>
      <c r="NL15" s="142">
        <v>0</v>
      </c>
      <c r="NM15" s="119">
        <v>0</v>
      </c>
      <c r="NN15" s="120">
        <v>0</v>
      </c>
      <c r="NO15" s="145"/>
      <c r="NP15" s="119">
        <v>0</v>
      </c>
      <c r="NQ15" s="119">
        <v>0</v>
      </c>
      <c r="NR15" s="119">
        <v>0</v>
      </c>
      <c r="NS15" s="119">
        <v>0</v>
      </c>
      <c r="NT15" s="119">
        <v>0</v>
      </c>
      <c r="NU15" s="120">
        <v>0</v>
      </c>
      <c r="NV15" s="121">
        <v>0</v>
      </c>
      <c r="NW15" s="142">
        <v>0</v>
      </c>
      <c r="NX15" s="119">
        <v>0</v>
      </c>
      <c r="NY15" s="120">
        <v>0</v>
      </c>
      <c r="NZ15" s="145"/>
      <c r="OA15" s="119">
        <v>0</v>
      </c>
      <c r="OB15" s="119">
        <v>0</v>
      </c>
      <c r="OC15" s="119">
        <v>0</v>
      </c>
      <c r="OD15" s="119">
        <v>0</v>
      </c>
      <c r="OE15" s="119">
        <v>0</v>
      </c>
      <c r="OF15" s="120">
        <v>0</v>
      </c>
      <c r="OG15" s="121">
        <v>0</v>
      </c>
      <c r="OH15" s="142">
        <v>1578043</v>
      </c>
      <c r="OI15" s="119">
        <v>1297752</v>
      </c>
      <c r="OJ15" s="141">
        <v>2875795</v>
      </c>
      <c r="OK15" s="118">
        <v>0</v>
      </c>
      <c r="OL15" s="119">
        <v>14498436</v>
      </c>
      <c r="OM15" s="119">
        <v>15217666</v>
      </c>
      <c r="ON15" s="119">
        <v>17710493</v>
      </c>
      <c r="OO15" s="119">
        <v>24113095</v>
      </c>
      <c r="OP15" s="119">
        <v>19646005</v>
      </c>
      <c r="OQ15" s="120">
        <v>91185695</v>
      </c>
      <c r="OR15" s="143">
        <v>94061490</v>
      </c>
    </row>
    <row r="16" spans="1:408" ht="20.25" customHeight="1" x14ac:dyDescent="0.2">
      <c r="A16" s="126" t="s">
        <v>10</v>
      </c>
      <c r="B16" s="110">
        <v>1368512</v>
      </c>
      <c r="C16" s="114">
        <v>2543451</v>
      </c>
      <c r="D16" s="113">
        <v>3911963</v>
      </c>
      <c r="E16" s="172">
        <v>0</v>
      </c>
      <c r="F16" s="114">
        <v>17713985</v>
      </c>
      <c r="G16" s="114">
        <v>13607792</v>
      </c>
      <c r="H16" s="114">
        <v>12780506</v>
      </c>
      <c r="I16" s="114">
        <v>14157250</v>
      </c>
      <c r="J16" s="114">
        <v>12021392</v>
      </c>
      <c r="K16" s="109">
        <v>70280925</v>
      </c>
      <c r="L16" s="116">
        <v>74192888</v>
      </c>
      <c r="M16" s="110">
        <v>429772</v>
      </c>
      <c r="N16" s="114">
        <v>930147</v>
      </c>
      <c r="O16" s="113">
        <v>1359919</v>
      </c>
      <c r="P16" s="110">
        <v>0</v>
      </c>
      <c r="Q16" s="114">
        <v>6280726</v>
      </c>
      <c r="R16" s="114">
        <v>4446914</v>
      </c>
      <c r="S16" s="114">
        <v>4244528</v>
      </c>
      <c r="T16" s="114">
        <v>5766184</v>
      </c>
      <c r="U16" s="114">
        <v>6141999</v>
      </c>
      <c r="V16" s="113">
        <v>26880351</v>
      </c>
      <c r="W16" s="116">
        <v>28240270</v>
      </c>
      <c r="X16" s="110">
        <v>0</v>
      </c>
      <c r="Y16" s="114">
        <v>0</v>
      </c>
      <c r="Z16" s="113">
        <v>0</v>
      </c>
      <c r="AA16" s="110">
        <v>0</v>
      </c>
      <c r="AB16" s="114">
        <v>3066164</v>
      </c>
      <c r="AC16" s="114">
        <v>2428666</v>
      </c>
      <c r="AD16" s="114">
        <v>2170883</v>
      </c>
      <c r="AE16" s="114">
        <v>3533703</v>
      </c>
      <c r="AF16" s="114">
        <v>3656615</v>
      </c>
      <c r="AG16" s="113">
        <v>14856031</v>
      </c>
      <c r="AH16" s="116">
        <v>14856031</v>
      </c>
      <c r="AI16" s="110">
        <v>0</v>
      </c>
      <c r="AJ16" s="114">
        <v>0</v>
      </c>
      <c r="AK16" s="113">
        <v>0</v>
      </c>
      <c r="AL16" s="110">
        <v>0</v>
      </c>
      <c r="AM16" s="114">
        <v>82071</v>
      </c>
      <c r="AN16" s="114">
        <v>0</v>
      </c>
      <c r="AO16" s="114">
        <v>0</v>
      </c>
      <c r="AP16" s="114">
        <v>127081</v>
      </c>
      <c r="AQ16" s="114">
        <v>488608</v>
      </c>
      <c r="AR16" s="113">
        <v>697760</v>
      </c>
      <c r="AS16" s="116">
        <v>697760</v>
      </c>
      <c r="AT16" s="110">
        <v>208966</v>
      </c>
      <c r="AU16" s="114">
        <v>620791</v>
      </c>
      <c r="AV16" s="113">
        <v>829757</v>
      </c>
      <c r="AW16" s="110">
        <v>0</v>
      </c>
      <c r="AX16" s="114">
        <v>1961126</v>
      </c>
      <c r="AY16" s="114">
        <v>1358496</v>
      </c>
      <c r="AZ16" s="114">
        <v>1192665</v>
      </c>
      <c r="BA16" s="114">
        <v>943951</v>
      </c>
      <c r="BB16" s="114">
        <v>991474</v>
      </c>
      <c r="BC16" s="113">
        <v>6447712</v>
      </c>
      <c r="BD16" s="116">
        <v>7277469</v>
      </c>
      <c r="BE16" s="110">
        <v>49292</v>
      </c>
      <c r="BF16" s="114">
        <v>128805</v>
      </c>
      <c r="BG16" s="112">
        <v>178097</v>
      </c>
      <c r="BH16" s="111">
        <v>0</v>
      </c>
      <c r="BI16" s="114">
        <v>124095</v>
      </c>
      <c r="BJ16" s="114">
        <v>-193954</v>
      </c>
      <c r="BK16" s="114">
        <v>122390</v>
      </c>
      <c r="BL16" s="114">
        <v>192551</v>
      </c>
      <c r="BM16" s="114">
        <v>70095</v>
      </c>
      <c r="BN16" s="113">
        <v>315177</v>
      </c>
      <c r="BO16" s="116">
        <v>493274</v>
      </c>
      <c r="BP16" s="110">
        <v>171514</v>
      </c>
      <c r="BQ16" s="114">
        <v>180551</v>
      </c>
      <c r="BR16" s="113">
        <v>352065</v>
      </c>
      <c r="BS16" s="110">
        <v>0</v>
      </c>
      <c r="BT16" s="114">
        <v>1047270</v>
      </c>
      <c r="BU16" s="114">
        <v>853706</v>
      </c>
      <c r="BV16" s="114">
        <v>758590</v>
      </c>
      <c r="BW16" s="114">
        <v>968898</v>
      </c>
      <c r="BX16" s="114">
        <v>935207</v>
      </c>
      <c r="BY16" s="113">
        <v>4563671</v>
      </c>
      <c r="BZ16" s="116">
        <v>4915736</v>
      </c>
      <c r="CA16" s="110">
        <v>66414</v>
      </c>
      <c r="CB16" s="114">
        <v>147928</v>
      </c>
      <c r="CC16" s="113">
        <v>214342</v>
      </c>
      <c r="CD16" s="110">
        <v>0</v>
      </c>
      <c r="CE16" s="114">
        <v>5529362</v>
      </c>
      <c r="CF16" s="114">
        <v>3805298</v>
      </c>
      <c r="CG16" s="114">
        <v>2549981</v>
      </c>
      <c r="CH16" s="114">
        <v>1308709</v>
      </c>
      <c r="CI16" s="114">
        <v>260609</v>
      </c>
      <c r="CJ16" s="113">
        <v>13453959</v>
      </c>
      <c r="CK16" s="116">
        <v>13668301</v>
      </c>
      <c r="CL16" s="110">
        <v>0</v>
      </c>
      <c r="CM16" s="114">
        <v>0</v>
      </c>
      <c r="CN16" s="113">
        <v>0</v>
      </c>
      <c r="CO16" s="111">
        <v>0</v>
      </c>
      <c r="CP16" s="114">
        <v>4881720</v>
      </c>
      <c r="CQ16" s="114">
        <v>3418824</v>
      </c>
      <c r="CR16" s="114">
        <v>2010678</v>
      </c>
      <c r="CS16" s="114">
        <v>1006466</v>
      </c>
      <c r="CT16" s="114">
        <v>177940</v>
      </c>
      <c r="CU16" s="113">
        <v>11495628</v>
      </c>
      <c r="CV16" s="116">
        <v>11495628</v>
      </c>
      <c r="CW16" s="110">
        <v>66414</v>
      </c>
      <c r="CX16" s="114">
        <v>147928</v>
      </c>
      <c r="CY16" s="113">
        <v>214342</v>
      </c>
      <c r="CZ16" s="110">
        <v>0</v>
      </c>
      <c r="DA16" s="114">
        <v>647642</v>
      </c>
      <c r="DB16" s="114">
        <v>386474</v>
      </c>
      <c r="DC16" s="114">
        <v>539303</v>
      </c>
      <c r="DD16" s="114">
        <v>302243</v>
      </c>
      <c r="DE16" s="114">
        <v>82669</v>
      </c>
      <c r="DF16" s="113">
        <v>1958331</v>
      </c>
      <c r="DG16" s="116">
        <v>2172673</v>
      </c>
      <c r="DH16" s="110">
        <v>0</v>
      </c>
      <c r="DI16" s="114">
        <v>34631</v>
      </c>
      <c r="DJ16" s="112">
        <v>34631</v>
      </c>
      <c r="DK16" s="111">
        <v>0</v>
      </c>
      <c r="DL16" s="114">
        <v>373832</v>
      </c>
      <c r="DM16" s="114">
        <v>149496</v>
      </c>
      <c r="DN16" s="114">
        <v>949635</v>
      </c>
      <c r="DO16" s="114">
        <v>1097192</v>
      </c>
      <c r="DP16" s="114">
        <v>459162</v>
      </c>
      <c r="DQ16" s="113">
        <v>3029317</v>
      </c>
      <c r="DR16" s="116">
        <v>3063948</v>
      </c>
      <c r="DS16" s="110">
        <v>0</v>
      </c>
      <c r="DT16" s="114">
        <v>34631</v>
      </c>
      <c r="DU16" s="113">
        <v>34631</v>
      </c>
      <c r="DV16" s="110">
        <v>0</v>
      </c>
      <c r="DW16" s="114">
        <v>326019</v>
      </c>
      <c r="DX16" s="114">
        <v>138044</v>
      </c>
      <c r="DY16" s="114">
        <v>949635</v>
      </c>
      <c r="DZ16" s="114">
        <v>1052491</v>
      </c>
      <c r="EA16" s="114">
        <v>399290</v>
      </c>
      <c r="EB16" s="113">
        <v>2865479</v>
      </c>
      <c r="EC16" s="116">
        <v>2900110</v>
      </c>
      <c r="ED16" s="110">
        <v>0</v>
      </c>
      <c r="EE16" s="112">
        <v>0</v>
      </c>
      <c r="EF16" s="113">
        <v>0</v>
      </c>
      <c r="EG16" s="110">
        <v>0</v>
      </c>
      <c r="EH16" s="114">
        <v>47813</v>
      </c>
      <c r="EI16" s="114">
        <v>11452</v>
      </c>
      <c r="EJ16" s="114">
        <v>0</v>
      </c>
      <c r="EK16" s="114">
        <v>44701</v>
      </c>
      <c r="EL16" s="114">
        <v>59872</v>
      </c>
      <c r="EM16" s="112">
        <v>163838</v>
      </c>
      <c r="EN16" s="116">
        <v>163838</v>
      </c>
      <c r="EO16" s="110">
        <v>0</v>
      </c>
      <c r="EP16" s="114">
        <v>0</v>
      </c>
      <c r="EQ16" s="112">
        <v>0</v>
      </c>
      <c r="ER16" s="111">
        <v>0</v>
      </c>
      <c r="ES16" s="114">
        <v>0</v>
      </c>
      <c r="ET16" s="114">
        <v>0</v>
      </c>
      <c r="EU16" s="114">
        <v>0</v>
      </c>
      <c r="EV16" s="114">
        <v>0</v>
      </c>
      <c r="EW16" s="114">
        <v>0</v>
      </c>
      <c r="EX16" s="113">
        <v>0</v>
      </c>
      <c r="EY16" s="116">
        <v>0</v>
      </c>
      <c r="EZ16" s="110">
        <v>0</v>
      </c>
      <c r="FA16" s="114">
        <v>0</v>
      </c>
      <c r="FB16" s="112">
        <v>0</v>
      </c>
      <c r="FC16" s="348"/>
      <c r="FD16" s="114">
        <v>0</v>
      </c>
      <c r="FE16" s="114">
        <v>0</v>
      </c>
      <c r="FF16" s="114">
        <v>0</v>
      </c>
      <c r="FG16" s="114">
        <v>0</v>
      </c>
      <c r="FH16" s="114">
        <v>0</v>
      </c>
      <c r="FI16" s="113">
        <v>0</v>
      </c>
      <c r="FJ16" s="116">
        <v>0</v>
      </c>
      <c r="FK16" s="110">
        <v>424347</v>
      </c>
      <c r="FL16" s="114">
        <v>735896</v>
      </c>
      <c r="FM16" s="113">
        <v>1160243</v>
      </c>
      <c r="FN16" s="110">
        <v>0</v>
      </c>
      <c r="FO16" s="114">
        <v>810257</v>
      </c>
      <c r="FP16" s="114">
        <v>1255900</v>
      </c>
      <c r="FQ16" s="114">
        <v>1066996</v>
      </c>
      <c r="FR16" s="114">
        <v>785029</v>
      </c>
      <c r="FS16" s="114">
        <v>927276</v>
      </c>
      <c r="FT16" s="113">
        <v>4845458</v>
      </c>
      <c r="FU16" s="116">
        <v>6005701</v>
      </c>
      <c r="FV16" s="115">
        <v>238147</v>
      </c>
      <c r="FW16" s="114">
        <v>398391</v>
      </c>
      <c r="FX16" s="112">
        <v>636538</v>
      </c>
      <c r="FY16" s="111">
        <v>0</v>
      </c>
      <c r="FZ16" s="114">
        <v>739802</v>
      </c>
      <c r="GA16" s="114">
        <v>1109824</v>
      </c>
      <c r="GB16" s="114">
        <v>817096</v>
      </c>
      <c r="GC16" s="114">
        <v>750029</v>
      </c>
      <c r="GD16" s="114">
        <v>909951</v>
      </c>
      <c r="GE16" s="113">
        <v>4326702</v>
      </c>
      <c r="GF16" s="319">
        <v>4963240</v>
      </c>
      <c r="GG16" s="115">
        <v>0</v>
      </c>
      <c r="GH16" s="114">
        <v>56105</v>
      </c>
      <c r="GI16" s="112">
        <v>56105</v>
      </c>
      <c r="GJ16" s="111">
        <v>0</v>
      </c>
      <c r="GK16" s="114">
        <v>20405</v>
      </c>
      <c r="GL16" s="114">
        <v>146076</v>
      </c>
      <c r="GM16" s="114">
        <v>61600</v>
      </c>
      <c r="GN16" s="114">
        <v>0</v>
      </c>
      <c r="GO16" s="114">
        <v>17325</v>
      </c>
      <c r="GP16" s="113">
        <v>245406</v>
      </c>
      <c r="GQ16" s="116">
        <v>301511</v>
      </c>
      <c r="GR16" s="110">
        <v>186200</v>
      </c>
      <c r="GS16" s="114">
        <v>281400</v>
      </c>
      <c r="GT16" s="113">
        <v>467600</v>
      </c>
      <c r="GU16" s="110">
        <v>0</v>
      </c>
      <c r="GV16" s="114">
        <v>50050</v>
      </c>
      <c r="GW16" s="114">
        <v>0</v>
      </c>
      <c r="GX16" s="114">
        <v>188300</v>
      </c>
      <c r="GY16" s="114">
        <v>35000</v>
      </c>
      <c r="GZ16" s="114">
        <v>0</v>
      </c>
      <c r="HA16" s="112">
        <v>273350</v>
      </c>
      <c r="HB16" s="116">
        <v>740950</v>
      </c>
      <c r="HC16" s="110">
        <v>447979</v>
      </c>
      <c r="HD16" s="114">
        <v>694849</v>
      </c>
      <c r="HE16" s="112">
        <v>1142828</v>
      </c>
      <c r="HF16" s="111">
        <v>0</v>
      </c>
      <c r="HG16" s="114">
        <v>4719808</v>
      </c>
      <c r="HH16" s="114">
        <v>3950184</v>
      </c>
      <c r="HI16" s="114">
        <v>3969366</v>
      </c>
      <c r="HJ16" s="114">
        <v>5200136</v>
      </c>
      <c r="HK16" s="114">
        <v>4232346</v>
      </c>
      <c r="HL16" s="113">
        <v>22071840</v>
      </c>
      <c r="HM16" s="109">
        <v>23214668</v>
      </c>
      <c r="HN16" s="329"/>
      <c r="HO16" s="330"/>
      <c r="HP16" s="331"/>
      <c r="HQ16" s="332"/>
      <c r="HR16" s="330"/>
      <c r="HS16" s="330"/>
      <c r="HT16" s="330"/>
      <c r="HU16" s="330"/>
      <c r="HV16" s="330"/>
      <c r="HW16" s="333"/>
      <c r="HX16" s="334"/>
      <c r="HY16" s="150">
        <v>42660</v>
      </c>
      <c r="HZ16" s="135">
        <v>137956</v>
      </c>
      <c r="IA16" s="150">
        <v>180616</v>
      </c>
      <c r="IB16" s="134">
        <v>0</v>
      </c>
      <c r="IC16" s="135">
        <v>3347660</v>
      </c>
      <c r="ID16" s="136">
        <v>3201803</v>
      </c>
      <c r="IE16" s="137">
        <v>4086992</v>
      </c>
      <c r="IF16" s="135">
        <v>3239337</v>
      </c>
      <c r="IG16" s="137">
        <v>4345210</v>
      </c>
      <c r="IH16" s="138">
        <v>18221002</v>
      </c>
      <c r="II16" s="150">
        <v>18401618</v>
      </c>
      <c r="IJ16" s="232">
        <v>0</v>
      </c>
      <c r="IK16" s="236">
        <v>0</v>
      </c>
      <c r="IL16" s="237">
        <v>0</v>
      </c>
      <c r="IM16" s="140"/>
      <c r="IN16" s="119">
        <v>77503</v>
      </c>
      <c r="IO16" s="119">
        <v>321153</v>
      </c>
      <c r="IP16" s="119">
        <v>0</v>
      </c>
      <c r="IQ16" s="119">
        <v>200011</v>
      </c>
      <c r="IR16" s="119">
        <v>0</v>
      </c>
      <c r="IS16" s="141">
        <v>598667</v>
      </c>
      <c r="IT16" s="321">
        <v>598667</v>
      </c>
      <c r="IU16" s="142">
        <v>0</v>
      </c>
      <c r="IV16" s="119">
        <v>0</v>
      </c>
      <c r="IW16" s="120">
        <v>0</v>
      </c>
      <c r="IX16" s="144"/>
      <c r="IY16" s="119">
        <v>0</v>
      </c>
      <c r="IZ16" s="119">
        <v>9165</v>
      </c>
      <c r="JA16" s="119">
        <v>9165</v>
      </c>
      <c r="JB16" s="119">
        <v>9424</v>
      </c>
      <c r="JC16" s="119">
        <v>0</v>
      </c>
      <c r="JD16" s="120">
        <v>27754</v>
      </c>
      <c r="JE16" s="121">
        <v>27754</v>
      </c>
      <c r="JF16" s="142">
        <v>0</v>
      </c>
      <c r="JG16" s="119">
        <v>0</v>
      </c>
      <c r="JH16" s="141">
        <v>0</v>
      </c>
      <c r="JI16" s="118">
        <v>0</v>
      </c>
      <c r="JJ16" s="119">
        <v>1469439</v>
      </c>
      <c r="JK16" s="119">
        <v>473190</v>
      </c>
      <c r="JL16" s="119">
        <v>637118</v>
      </c>
      <c r="JM16" s="119">
        <v>368999</v>
      </c>
      <c r="JN16" s="119">
        <v>31119</v>
      </c>
      <c r="JO16" s="120">
        <v>2979865</v>
      </c>
      <c r="JP16" s="321">
        <v>2979865</v>
      </c>
      <c r="JQ16" s="142">
        <v>0</v>
      </c>
      <c r="JR16" s="119">
        <v>0</v>
      </c>
      <c r="JS16" s="141">
        <v>0</v>
      </c>
      <c r="JT16" s="118">
        <v>0</v>
      </c>
      <c r="JU16" s="119">
        <v>82387</v>
      </c>
      <c r="JV16" s="119">
        <v>245513</v>
      </c>
      <c r="JW16" s="119">
        <v>101110</v>
      </c>
      <c r="JX16" s="119">
        <v>81872</v>
      </c>
      <c r="JY16" s="119">
        <v>19371</v>
      </c>
      <c r="JZ16" s="120">
        <v>530253</v>
      </c>
      <c r="KA16" s="321">
        <v>530253</v>
      </c>
      <c r="KB16" s="234">
        <v>42660</v>
      </c>
      <c r="KC16" s="230">
        <v>137956</v>
      </c>
      <c r="KD16" s="120">
        <v>180616</v>
      </c>
      <c r="KE16" s="118">
        <v>0</v>
      </c>
      <c r="KF16" s="119">
        <v>497801</v>
      </c>
      <c r="KG16" s="119">
        <v>0</v>
      </c>
      <c r="KH16" s="119">
        <v>988756</v>
      </c>
      <c r="KI16" s="119">
        <v>440287</v>
      </c>
      <c r="KJ16" s="119">
        <v>754728</v>
      </c>
      <c r="KK16" s="120">
        <v>2681572</v>
      </c>
      <c r="KL16" s="143">
        <v>2862188</v>
      </c>
      <c r="KM16" s="232">
        <v>0</v>
      </c>
      <c r="KN16" s="236">
        <v>0</v>
      </c>
      <c r="KO16" s="237">
        <v>0</v>
      </c>
      <c r="KP16" s="140"/>
      <c r="KQ16" s="119">
        <v>823558</v>
      </c>
      <c r="KR16" s="119">
        <v>1520872</v>
      </c>
      <c r="KS16" s="119">
        <v>1111662</v>
      </c>
      <c r="KT16" s="119">
        <v>1153297</v>
      </c>
      <c r="KU16" s="119">
        <v>1843786</v>
      </c>
      <c r="KV16" s="120">
        <v>6453175</v>
      </c>
      <c r="KW16" s="321">
        <v>6453175</v>
      </c>
      <c r="KX16" s="142">
        <v>0</v>
      </c>
      <c r="KY16" s="119">
        <v>0</v>
      </c>
      <c r="KZ16" s="120">
        <v>0</v>
      </c>
      <c r="LA16" s="145"/>
      <c r="LB16" s="119">
        <v>273014</v>
      </c>
      <c r="LC16" s="119">
        <v>459337</v>
      </c>
      <c r="LD16" s="119">
        <v>997316</v>
      </c>
      <c r="LE16" s="119">
        <v>295554</v>
      </c>
      <c r="LF16" s="119">
        <v>1029072</v>
      </c>
      <c r="LG16" s="120">
        <v>3054293</v>
      </c>
      <c r="LH16" s="121">
        <v>3054293</v>
      </c>
      <c r="LI16" s="142">
        <v>0</v>
      </c>
      <c r="LJ16" s="119">
        <v>0</v>
      </c>
      <c r="LK16" s="120">
        <v>0</v>
      </c>
      <c r="LL16" s="145"/>
      <c r="LM16" s="119">
        <v>0</v>
      </c>
      <c r="LN16" s="119">
        <v>0</v>
      </c>
      <c r="LO16" s="119">
        <v>0</v>
      </c>
      <c r="LP16" s="119">
        <v>689893</v>
      </c>
      <c r="LQ16" s="119">
        <v>478115</v>
      </c>
      <c r="LR16" s="120">
        <v>1168008</v>
      </c>
      <c r="LS16" s="321">
        <v>1168008</v>
      </c>
      <c r="LT16" s="142">
        <v>0</v>
      </c>
      <c r="LU16" s="119">
        <v>0</v>
      </c>
      <c r="LV16" s="120">
        <v>0</v>
      </c>
      <c r="LW16" s="145"/>
      <c r="LX16" s="119">
        <v>123958</v>
      </c>
      <c r="LY16" s="119">
        <v>172573</v>
      </c>
      <c r="LZ16" s="119">
        <v>241865</v>
      </c>
      <c r="MA16" s="119">
        <v>0</v>
      </c>
      <c r="MB16" s="119">
        <v>189019</v>
      </c>
      <c r="MC16" s="120">
        <v>727415</v>
      </c>
      <c r="MD16" s="121">
        <v>727415</v>
      </c>
      <c r="ME16" s="142">
        <v>0</v>
      </c>
      <c r="MF16" s="119">
        <v>0</v>
      </c>
      <c r="MG16" s="120">
        <v>0</v>
      </c>
      <c r="MH16" s="145"/>
      <c r="MI16" s="119">
        <v>915255</v>
      </c>
      <c r="MJ16" s="119">
        <v>1190676</v>
      </c>
      <c r="MK16" s="119">
        <v>5717439</v>
      </c>
      <c r="ML16" s="119">
        <v>5663123</v>
      </c>
      <c r="MM16" s="119">
        <v>4329066</v>
      </c>
      <c r="MN16" s="120">
        <v>17815559</v>
      </c>
      <c r="MO16" s="143">
        <v>17815559</v>
      </c>
      <c r="MP16" s="142">
        <v>0</v>
      </c>
      <c r="MQ16" s="119">
        <v>0</v>
      </c>
      <c r="MR16" s="120">
        <v>0</v>
      </c>
      <c r="MS16" s="145"/>
      <c r="MT16" s="119">
        <v>0</v>
      </c>
      <c r="MU16" s="119">
        <v>411278</v>
      </c>
      <c r="MV16" s="119">
        <v>3384580</v>
      </c>
      <c r="MW16" s="119">
        <v>3922965</v>
      </c>
      <c r="MX16" s="119">
        <v>3413234</v>
      </c>
      <c r="MY16" s="120">
        <v>11132057</v>
      </c>
      <c r="MZ16" s="143">
        <v>11132057</v>
      </c>
      <c r="NA16" s="142">
        <v>0</v>
      </c>
      <c r="NB16" s="119">
        <v>0</v>
      </c>
      <c r="NC16" s="120">
        <v>0</v>
      </c>
      <c r="ND16" s="145"/>
      <c r="NE16" s="119">
        <v>915255</v>
      </c>
      <c r="NF16" s="119">
        <v>779398</v>
      </c>
      <c r="NG16" s="119">
        <v>2332859</v>
      </c>
      <c r="NH16" s="119">
        <v>1740158</v>
      </c>
      <c r="NI16" s="119">
        <v>268898</v>
      </c>
      <c r="NJ16" s="120">
        <v>6036568</v>
      </c>
      <c r="NK16" s="321">
        <v>6036568</v>
      </c>
      <c r="NL16" s="142">
        <v>0</v>
      </c>
      <c r="NM16" s="119">
        <v>0</v>
      </c>
      <c r="NN16" s="120">
        <v>0</v>
      </c>
      <c r="NO16" s="145"/>
      <c r="NP16" s="119">
        <v>0</v>
      </c>
      <c r="NQ16" s="119">
        <v>0</v>
      </c>
      <c r="NR16" s="119">
        <v>0</v>
      </c>
      <c r="NS16" s="119">
        <v>0</v>
      </c>
      <c r="NT16" s="119">
        <v>0</v>
      </c>
      <c r="NU16" s="120">
        <v>0</v>
      </c>
      <c r="NV16" s="121">
        <v>0</v>
      </c>
      <c r="NW16" s="142">
        <v>0</v>
      </c>
      <c r="NX16" s="119">
        <v>0</v>
      </c>
      <c r="NY16" s="120">
        <v>0</v>
      </c>
      <c r="NZ16" s="145"/>
      <c r="OA16" s="119">
        <v>0</v>
      </c>
      <c r="OB16" s="119">
        <v>0</v>
      </c>
      <c r="OC16" s="119">
        <v>0</v>
      </c>
      <c r="OD16" s="119">
        <v>0</v>
      </c>
      <c r="OE16" s="119">
        <v>646934</v>
      </c>
      <c r="OF16" s="120">
        <v>646934</v>
      </c>
      <c r="OG16" s="121">
        <v>646934</v>
      </c>
      <c r="OH16" s="142">
        <v>1411172</v>
      </c>
      <c r="OI16" s="119">
        <v>2681407</v>
      </c>
      <c r="OJ16" s="141">
        <v>4092579</v>
      </c>
      <c r="OK16" s="118">
        <v>0</v>
      </c>
      <c r="OL16" s="119">
        <v>21976900</v>
      </c>
      <c r="OM16" s="119">
        <v>18000271</v>
      </c>
      <c r="ON16" s="119">
        <v>22584937</v>
      </c>
      <c r="OO16" s="119">
        <v>23059710</v>
      </c>
      <c r="OP16" s="119">
        <v>20695668</v>
      </c>
      <c r="OQ16" s="120">
        <v>106317486</v>
      </c>
      <c r="OR16" s="143">
        <v>110410065</v>
      </c>
    </row>
    <row r="17" spans="1:408" ht="20.25" customHeight="1" x14ac:dyDescent="0.2">
      <c r="A17" s="126" t="s">
        <v>11</v>
      </c>
      <c r="B17" s="110">
        <v>424720</v>
      </c>
      <c r="C17" s="114">
        <v>653267</v>
      </c>
      <c r="D17" s="171">
        <v>1077987</v>
      </c>
      <c r="E17" s="111">
        <v>0</v>
      </c>
      <c r="F17" s="114">
        <v>5584106</v>
      </c>
      <c r="G17" s="114">
        <v>2736164</v>
      </c>
      <c r="H17" s="114">
        <v>4364377</v>
      </c>
      <c r="I17" s="114">
        <v>6370600</v>
      </c>
      <c r="J17" s="114">
        <v>5292512</v>
      </c>
      <c r="K17" s="109">
        <v>24347759</v>
      </c>
      <c r="L17" s="116">
        <v>25425746</v>
      </c>
      <c r="M17" s="110">
        <v>124303</v>
      </c>
      <c r="N17" s="114">
        <v>159104</v>
      </c>
      <c r="O17" s="113">
        <v>283407</v>
      </c>
      <c r="P17" s="110">
        <v>0</v>
      </c>
      <c r="Q17" s="114">
        <v>1343319</v>
      </c>
      <c r="R17" s="114">
        <v>818714</v>
      </c>
      <c r="S17" s="114">
        <v>1005184</v>
      </c>
      <c r="T17" s="114">
        <v>1745279</v>
      </c>
      <c r="U17" s="114">
        <v>2476910</v>
      </c>
      <c r="V17" s="113">
        <v>7389406</v>
      </c>
      <c r="W17" s="116">
        <v>7672813</v>
      </c>
      <c r="X17" s="110">
        <v>0</v>
      </c>
      <c r="Y17" s="114">
        <v>0</v>
      </c>
      <c r="Z17" s="113">
        <v>0</v>
      </c>
      <c r="AA17" s="110">
        <v>0</v>
      </c>
      <c r="AB17" s="114">
        <v>398023</v>
      </c>
      <c r="AC17" s="114">
        <v>357567</v>
      </c>
      <c r="AD17" s="114">
        <v>451781</v>
      </c>
      <c r="AE17" s="114">
        <v>820317</v>
      </c>
      <c r="AF17" s="114">
        <v>1303386</v>
      </c>
      <c r="AG17" s="113">
        <v>3331074</v>
      </c>
      <c r="AH17" s="116">
        <v>3331074</v>
      </c>
      <c r="AI17" s="110">
        <v>0</v>
      </c>
      <c r="AJ17" s="114">
        <v>0</v>
      </c>
      <c r="AK17" s="113">
        <v>0</v>
      </c>
      <c r="AL17" s="110">
        <v>0</v>
      </c>
      <c r="AM17" s="114">
        <v>0</v>
      </c>
      <c r="AN17" s="114">
        <v>0</v>
      </c>
      <c r="AO17" s="114">
        <v>0</v>
      </c>
      <c r="AP17" s="114">
        <v>179816</v>
      </c>
      <c r="AQ17" s="114">
        <v>121964</v>
      </c>
      <c r="AR17" s="113">
        <v>301780</v>
      </c>
      <c r="AS17" s="116">
        <v>301780</v>
      </c>
      <c r="AT17" s="110">
        <v>88302</v>
      </c>
      <c r="AU17" s="114">
        <v>108586</v>
      </c>
      <c r="AV17" s="113">
        <v>196888</v>
      </c>
      <c r="AW17" s="110">
        <v>0</v>
      </c>
      <c r="AX17" s="114">
        <v>561682</v>
      </c>
      <c r="AY17" s="114">
        <v>349615</v>
      </c>
      <c r="AZ17" s="114">
        <v>364718</v>
      </c>
      <c r="BA17" s="114">
        <v>455537</v>
      </c>
      <c r="BB17" s="114">
        <v>820428</v>
      </c>
      <c r="BC17" s="113">
        <v>2551980</v>
      </c>
      <c r="BD17" s="116">
        <v>2748868</v>
      </c>
      <c r="BE17" s="110">
        <v>0</v>
      </c>
      <c r="BF17" s="114">
        <v>41208</v>
      </c>
      <c r="BG17" s="112">
        <v>41208</v>
      </c>
      <c r="BH17" s="111">
        <v>0</v>
      </c>
      <c r="BI17" s="114">
        <v>184093</v>
      </c>
      <c r="BJ17" s="114">
        <v>36170</v>
      </c>
      <c r="BK17" s="114">
        <v>0</v>
      </c>
      <c r="BL17" s="114">
        <v>33423</v>
      </c>
      <c r="BM17" s="114">
        <v>39795</v>
      </c>
      <c r="BN17" s="113">
        <v>293481</v>
      </c>
      <c r="BO17" s="116">
        <v>334689</v>
      </c>
      <c r="BP17" s="110">
        <v>36001</v>
      </c>
      <c r="BQ17" s="114">
        <v>9310</v>
      </c>
      <c r="BR17" s="113">
        <v>45311</v>
      </c>
      <c r="BS17" s="110">
        <v>0</v>
      </c>
      <c r="BT17" s="114">
        <v>199521</v>
      </c>
      <c r="BU17" s="114">
        <v>75362</v>
      </c>
      <c r="BV17" s="114">
        <v>188685</v>
      </c>
      <c r="BW17" s="114">
        <v>256186</v>
      </c>
      <c r="BX17" s="114">
        <v>191337</v>
      </c>
      <c r="BY17" s="113">
        <v>911091</v>
      </c>
      <c r="BZ17" s="116">
        <v>956402</v>
      </c>
      <c r="CA17" s="110">
        <v>35513</v>
      </c>
      <c r="CB17" s="114">
        <v>103242</v>
      </c>
      <c r="CC17" s="113">
        <v>138755</v>
      </c>
      <c r="CD17" s="110">
        <v>0</v>
      </c>
      <c r="CE17" s="114">
        <v>1099053</v>
      </c>
      <c r="CF17" s="114">
        <v>1004869</v>
      </c>
      <c r="CG17" s="114">
        <v>1062950</v>
      </c>
      <c r="CH17" s="114">
        <v>1047782</v>
      </c>
      <c r="CI17" s="114">
        <v>541636</v>
      </c>
      <c r="CJ17" s="113">
        <v>4756290</v>
      </c>
      <c r="CK17" s="116">
        <v>4895045</v>
      </c>
      <c r="CL17" s="110">
        <v>0</v>
      </c>
      <c r="CM17" s="114">
        <v>0</v>
      </c>
      <c r="CN17" s="113">
        <v>0</v>
      </c>
      <c r="CO17" s="111">
        <v>0</v>
      </c>
      <c r="CP17" s="114">
        <v>767399</v>
      </c>
      <c r="CQ17" s="114">
        <v>879267</v>
      </c>
      <c r="CR17" s="114">
        <v>666075</v>
      </c>
      <c r="CS17" s="114">
        <v>801581</v>
      </c>
      <c r="CT17" s="114">
        <v>350471</v>
      </c>
      <c r="CU17" s="113">
        <v>3464793</v>
      </c>
      <c r="CV17" s="116">
        <v>3464793</v>
      </c>
      <c r="CW17" s="110">
        <v>35513</v>
      </c>
      <c r="CX17" s="114">
        <v>103242</v>
      </c>
      <c r="CY17" s="113">
        <v>138755</v>
      </c>
      <c r="CZ17" s="110">
        <v>0</v>
      </c>
      <c r="DA17" s="114">
        <v>331654</v>
      </c>
      <c r="DB17" s="114">
        <v>125602</v>
      </c>
      <c r="DC17" s="114">
        <v>396875</v>
      </c>
      <c r="DD17" s="114">
        <v>246201</v>
      </c>
      <c r="DE17" s="114">
        <v>191165</v>
      </c>
      <c r="DF17" s="113">
        <v>1291497</v>
      </c>
      <c r="DG17" s="116">
        <v>1430252</v>
      </c>
      <c r="DH17" s="110">
        <v>0</v>
      </c>
      <c r="DI17" s="114">
        <v>0</v>
      </c>
      <c r="DJ17" s="112">
        <v>0</v>
      </c>
      <c r="DK17" s="111">
        <v>0</v>
      </c>
      <c r="DL17" s="114">
        <v>159576</v>
      </c>
      <c r="DM17" s="114">
        <v>82230</v>
      </c>
      <c r="DN17" s="114">
        <v>247081</v>
      </c>
      <c r="DO17" s="114">
        <v>677329</v>
      </c>
      <c r="DP17" s="114">
        <v>230536</v>
      </c>
      <c r="DQ17" s="113">
        <v>1396752</v>
      </c>
      <c r="DR17" s="116">
        <v>1396752</v>
      </c>
      <c r="DS17" s="110">
        <v>0</v>
      </c>
      <c r="DT17" s="114">
        <v>0</v>
      </c>
      <c r="DU17" s="113">
        <v>0</v>
      </c>
      <c r="DV17" s="110">
        <v>0</v>
      </c>
      <c r="DW17" s="114">
        <v>47936</v>
      </c>
      <c r="DX17" s="114">
        <v>82230</v>
      </c>
      <c r="DY17" s="114">
        <v>208224</v>
      </c>
      <c r="DZ17" s="114">
        <v>477311</v>
      </c>
      <c r="EA17" s="114">
        <v>230536</v>
      </c>
      <c r="EB17" s="113">
        <v>1046237</v>
      </c>
      <c r="EC17" s="116">
        <v>1046237</v>
      </c>
      <c r="ED17" s="110">
        <v>0</v>
      </c>
      <c r="EE17" s="112">
        <v>0</v>
      </c>
      <c r="EF17" s="113">
        <v>0</v>
      </c>
      <c r="EG17" s="110">
        <v>0</v>
      </c>
      <c r="EH17" s="114">
        <v>111640</v>
      </c>
      <c r="EI17" s="114">
        <v>0</v>
      </c>
      <c r="EJ17" s="114">
        <v>38857</v>
      </c>
      <c r="EK17" s="114">
        <v>200018</v>
      </c>
      <c r="EL17" s="114">
        <v>0</v>
      </c>
      <c r="EM17" s="112">
        <v>350515</v>
      </c>
      <c r="EN17" s="116">
        <v>350515</v>
      </c>
      <c r="EO17" s="110">
        <v>0</v>
      </c>
      <c r="EP17" s="114">
        <v>0</v>
      </c>
      <c r="EQ17" s="112">
        <v>0</v>
      </c>
      <c r="ER17" s="111">
        <v>0</v>
      </c>
      <c r="ES17" s="114">
        <v>0</v>
      </c>
      <c r="ET17" s="114">
        <v>0</v>
      </c>
      <c r="EU17" s="114">
        <v>0</v>
      </c>
      <c r="EV17" s="114">
        <v>0</v>
      </c>
      <c r="EW17" s="114">
        <v>0</v>
      </c>
      <c r="EX17" s="113">
        <v>0</v>
      </c>
      <c r="EY17" s="116">
        <v>0</v>
      </c>
      <c r="EZ17" s="110">
        <v>0</v>
      </c>
      <c r="FA17" s="114">
        <v>0</v>
      </c>
      <c r="FB17" s="112">
        <v>0</v>
      </c>
      <c r="FC17" s="348"/>
      <c r="FD17" s="114">
        <v>0</v>
      </c>
      <c r="FE17" s="114">
        <v>0</v>
      </c>
      <c r="FF17" s="114">
        <v>0</v>
      </c>
      <c r="FG17" s="114">
        <v>0</v>
      </c>
      <c r="FH17" s="114">
        <v>0</v>
      </c>
      <c r="FI17" s="113">
        <v>0</v>
      </c>
      <c r="FJ17" s="116">
        <v>0</v>
      </c>
      <c r="FK17" s="110">
        <v>65492</v>
      </c>
      <c r="FL17" s="114">
        <v>148176</v>
      </c>
      <c r="FM17" s="113">
        <v>213668</v>
      </c>
      <c r="FN17" s="110">
        <v>0</v>
      </c>
      <c r="FO17" s="114">
        <v>206633</v>
      </c>
      <c r="FP17" s="114">
        <v>270907</v>
      </c>
      <c r="FQ17" s="114">
        <v>348803</v>
      </c>
      <c r="FR17" s="114">
        <v>388717</v>
      </c>
      <c r="FS17" s="114">
        <v>287441</v>
      </c>
      <c r="FT17" s="113">
        <v>1502501</v>
      </c>
      <c r="FU17" s="116">
        <v>1716169</v>
      </c>
      <c r="FV17" s="115">
        <v>65492</v>
      </c>
      <c r="FW17" s="114">
        <v>148176</v>
      </c>
      <c r="FX17" s="112">
        <v>213668</v>
      </c>
      <c r="FY17" s="111">
        <v>0</v>
      </c>
      <c r="FZ17" s="114">
        <v>206633</v>
      </c>
      <c r="GA17" s="114">
        <v>270907</v>
      </c>
      <c r="GB17" s="114">
        <v>348803</v>
      </c>
      <c r="GC17" s="114">
        <v>388717</v>
      </c>
      <c r="GD17" s="114">
        <v>287441</v>
      </c>
      <c r="GE17" s="113">
        <v>1502501</v>
      </c>
      <c r="GF17" s="319">
        <v>1716169</v>
      </c>
      <c r="GG17" s="115">
        <v>0</v>
      </c>
      <c r="GH17" s="114">
        <v>0</v>
      </c>
      <c r="GI17" s="112">
        <v>0</v>
      </c>
      <c r="GJ17" s="111">
        <v>0</v>
      </c>
      <c r="GK17" s="114">
        <v>0</v>
      </c>
      <c r="GL17" s="114">
        <v>0</v>
      </c>
      <c r="GM17" s="114">
        <v>0</v>
      </c>
      <c r="GN17" s="114">
        <v>0</v>
      </c>
      <c r="GO17" s="114">
        <v>0</v>
      </c>
      <c r="GP17" s="113">
        <v>0</v>
      </c>
      <c r="GQ17" s="116">
        <v>0</v>
      </c>
      <c r="GR17" s="110">
        <v>0</v>
      </c>
      <c r="GS17" s="114">
        <v>0</v>
      </c>
      <c r="GT17" s="113">
        <v>0</v>
      </c>
      <c r="GU17" s="110">
        <v>0</v>
      </c>
      <c r="GV17" s="114">
        <v>0</v>
      </c>
      <c r="GW17" s="114">
        <v>0</v>
      </c>
      <c r="GX17" s="114">
        <v>0</v>
      </c>
      <c r="GY17" s="114">
        <v>0</v>
      </c>
      <c r="GZ17" s="114">
        <v>0</v>
      </c>
      <c r="HA17" s="112">
        <v>0</v>
      </c>
      <c r="HB17" s="116">
        <v>0</v>
      </c>
      <c r="HC17" s="110">
        <v>199412</v>
      </c>
      <c r="HD17" s="114">
        <v>242745</v>
      </c>
      <c r="HE17" s="112">
        <v>442157</v>
      </c>
      <c r="HF17" s="111">
        <v>0</v>
      </c>
      <c r="HG17" s="114">
        <v>2775525</v>
      </c>
      <c r="HH17" s="114">
        <v>559444</v>
      </c>
      <c r="HI17" s="114">
        <v>1700359</v>
      </c>
      <c r="HJ17" s="114">
        <v>2511493</v>
      </c>
      <c r="HK17" s="114">
        <v>1755989</v>
      </c>
      <c r="HL17" s="113">
        <v>9302810</v>
      </c>
      <c r="HM17" s="109">
        <v>9744967</v>
      </c>
      <c r="HN17" s="329"/>
      <c r="HO17" s="330"/>
      <c r="HP17" s="331"/>
      <c r="HQ17" s="332"/>
      <c r="HR17" s="330"/>
      <c r="HS17" s="330"/>
      <c r="HT17" s="330"/>
      <c r="HU17" s="330"/>
      <c r="HV17" s="330"/>
      <c r="HW17" s="333"/>
      <c r="HX17" s="334"/>
      <c r="HY17" s="131">
        <v>0</v>
      </c>
      <c r="HZ17" s="132">
        <v>0</v>
      </c>
      <c r="IA17" s="133">
        <v>0</v>
      </c>
      <c r="IB17" s="146">
        <v>0</v>
      </c>
      <c r="IC17" s="132">
        <v>814668</v>
      </c>
      <c r="ID17" s="147">
        <v>1308422</v>
      </c>
      <c r="IE17" s="133">
        <v>1364701</v>
      </c>
      <c r="IF17" s="132">
        <v>1028630</v>
      </c>
      <c r="IG17" s="133">
        <v>374146</v>
      </c>
      <c r="IH17" s="148">
        <v>4890567</v>
      </c>
      <c r="II17" s="139">
        <v>4890567</v>
      </c>
      <c r="IJ17" s="232">
        <v>0</v>
      </c>
      <c r="IK17" s="236">
        <v>0</v>
      </c>
      <c r="IL17" s="237">
        <v>0</v>
      </c>
      <c r="IM17" s="140"/>
      <c r="IN17" s="119">
        <v>135882</v>
      </c>
      <c r="IO17" s="119">
        <v>108383</v>
      </c>
      <c r="IP17" s="119">
        <v>131292</v>
      </c>
      <c r="IQ17" s="119">
        <v>0</v>
      </c>
      <c r="IR17" s="119">
        <v>0</v>
      </c>
      <c r="IS17" s="141">
        <v>375557</v>
      </c>
      <c r="IT17" s="321">
        <v>375557</v>
      </c>
      <c r="IU17" s="142">
        <v>0</v>
      </c>
      <c r="IV17" s="119">
        <v>0</v>
      </c>
      <c r="IW17" s="120">
        <v>0</v>
      </c>
      <c r="IX17" s="144"/>
      <c r="IY17" s="119">
        <v>14440</v>
      </c>
      <c r="IZ17" s="119">
        <v>0</v>
      </c>
      <c r="JA17" s="119">
        <v>0</v>
      </c>
      <c r="JB17" s="119">
        <v>0</v>
      </c>
      <c r="JC17" s="119">
        <v>8388</v>
      </c>
      <c r="JD17" s="120">
        <v>22828</v>
      </c>
      <c r="JE17" s="121">
        <v>22828</v>
      </c>
      <c r="JF17" s="142">
        <v>0</v>
      </c>
      <c r="JG17" s="119">
        <v>0</v>
      </c>
      <c r="JH17" s="141">
        <v>0</v>
      </c>
      <c r="JI17" s="118">
        <v>0</v>
      </c>
      <c r="JJ17" s="119">
        <v>550485</v>
      </c>
      <c r="JK17" s="119">
        <v>252618</v>
      </c>
      <c r="JL17" s="119">
        <v>620079</v>
      </c>
      <c r="JM17" s="119">
        <v>127065</v>
      </c>
      <c r="JN17" s="119">
        <v>0</v>
      </c>
      <c r="JO17" s="120">
        <v>1550247</v>
      </c>
      <c r="JP17" s="321">
        <v>1550247</v>
      </c>
      <c r="JQ17" s="142">
        <v>0</v>
      </c>
      <c r="JR17" s="119">
        <v>0</v>
      </c>
      <c r="JS17" s="141">
        <v>0</v>
      </c>
      <c r="JT17" s="118">
        <v>0</v>
      </c>
      <c r="JU17" s="119">
        <v>0</v>
      </c>
      <c r="JV17" s="119">
        <v>0</v>
      </c>
      <c r="JW17" s="119">
        <v>0</v>
      </c>
      <c r="JX17" s="119">
        <v>0</v>
      </c>
      <c r="JY17" s="119">
        <v>136821</v>
      </c>
      <c r="JZ17" s="120">
        <v>136821</v>
      </c>
      <c r="KA17" s="321">
        <v>136821</v>
      </c>
      <c r="KB17" s="234">
        <v>0</v>
      </c>
      <c r="KC17" s="230">
        <v>0</v>
      </c>
      <c r="KD17" s="120">
        <v>0</v>
      </c>
      <c r="KE17" s="118">
        <v>0</v>
      </c>
      <c r="KF17" s="119">
        <v>113861</v>
      </c>
      <c r="KG17" s="119">
        <v>299593</v>
      </c>
      <c r="KH17" s="119">
        <v>613330</v>
      </c>
      <c r="KI17" s="119">
        <v>224865</v>
      </c>
      <c r="KJ17" s="119">
        <v>0</v>
      </c>
      <c r="KK17" s="120">
        <v>1251649</v>
      </c>
      <c r="KL17" s="143">
        <v>1251649</v>
      </c>
      <c r="KM17" s="232">
        <v>0</v>
      </c>
      <c r="KN17" s="236">
        <v>0</v>
      </c>
      <c r="KO17" s="237">
        <v>0</v>
      </c>
      <c r="KP17" s="140"/>
      <c r="KQ17" s="119">
        <v>0</v>
      </c>
      <c r="KR17" s="119">
        <v>647828</v>
      </c>
      <c r="KS17" s="119">
        <v>0</v>
      </c>
      <c r="KT17" s="119">
        <v>676700</v>
      </c>
      <c r="KU17" s="119">
        <v>228937</v>
      </c>
      <c r="KV17" s="120">
        <v>1553465</v>
      </c>
      <c r="KW17" s="321">
        <v>1553465</v>
      </c>
      <c r="KX17" s="142">
        <v>0</v>
      </c>
      <c r="KY17" s="119">
        <v>0</v>
      </c>
      <c r="KZ17" s="120">
        <v>0</v>
      </c>
      <c r="LA17" s="145"/>
      <c r="LB17" s="119">
        <v>0</v>
      </c>
      <c r="LC17" s="119">
        <v>0</v>
      </c>
      <c r="LD17" s="119">
        <v>0</v>
      </c>
      <c r="LE17" s="119">
        <v>0</v>
      </c>
      <c r="LF17" s="119">
        <v>0</v>
      </c>
      <c r="LG17" s="120">
        <v>0</v>
      </c>
      <c r="LH17" s="121">
        <v>0</v>
      </c>
      <c r="LI17" s="142">
        <v>0</v>
      </c>
      <c r="LJ17" s="119">
        <v>0</v>
      </c>
      <c r="LK17" s="120">
        <v>0</v>
      </c>
      <c r="LL17" s="145"/>
      <c r="LM17" s="119">
        <v>0</v>
      </c>
      <c r="LN17" s="119">
        <v>0</v>
      </c>
      <c r="LO17" s="119">
        <v>0</v>
      </c>
      <c r="LP17" s="119">
        <v>0</v>
      </c>
      <c r="LQ17" s="119">
        <v>0</v>
      </c>
      <c r="LR17" s="120">
        <v>0</v>
      </c>
      <c r="LS17" s="321">
        <v>0</v>
      </c>
      <c r="LT17" s="142">
        <v>0</v>
      </c>
      <c r="LU17" s="119">
        <v>0</v>
      </c>
      <c r="LV17" s="120">
        <v>0</v>
      </c>
      <c r="LW17" s="145"/>
      <c r="LX17" s="119">
        <v>0</v>
      </c>
      <c r="LY17" s="119">
        <v>0</v>
      </c>
      <c r="LZ17" s="119">
        <v>0</v>
      </c>
      <c r="MA17" s="119">
        <v>0</v>
      </c>
      <c r="MB17" s="119">
        <v>0</v>
      </c>
      <c r="MC17" s="120">
        <v>0</v>
      </c>
      <c r="MD17" s="121">
        <v>0</v>
      </c>
      <c r="ME17" s="142">
        <v>0</v>
      </c>
      <c r="MF17" s="119">
        <v>0</v>
      </c>
      <c r="MG17" s="120">
        <v>0</v>
      </c>
      <c r="MH17" s="145"/>
      <c r="MI17" s="119">
        <v>599820</v>
      </c>
      <c r="MJ17" s="119">
        <v>220836</v>
      </c>
      <c r="MK17" s="119">
        <v>698812</v>
      </c>
      <c r="ML17" s="119">
        <v>2739852</v>
      </c>
      <c r="MM17" s="119">
        <v>1114503</v>
      </c>
      <c r="MN17" s="120">
        <v>5373823</v>
      </c>
      <c r="MO17" s="143">
        <v>5373823</v>
      </c>
      <c r="MP17" s="142">
        <v>0</v>
      </c>
      <c r="MQ17" s="119">
        <v>0</v>
      </c>
      <c r="MR17" s="120">
        <v>0</v>
      </c>
      <c r="MS17" s="145"/>
      <c r="MT17" s="119">
        <v>0</v>
      </c>
      <c r="MU17" s="119">
        <v>0</v>
      </c>
      <c r="MV17" s="119">
        <v>217979</v>
      </c>
      <c r="MW17" s="119">
        <v>1771704</v>
      </c>
      <c r="MX17" s="119">
        <v>844485</v>
      </c>
      <c r="MY17" s="120">
        <v>2834168</v>
      </c>
      <c r="MZ17" s="143">
        <v>2834168</v>
      </c>
      <c r="NA17" s="142">
        <v>0</v>
      </c>
      <c r="NB17" s="119">
        <v>0</v>
      </c>
      <c r="NC17" s="120">
        <v>0</v>
      </c>
      <c r="ND17" s="145"/>
      <c r="NE17" s="119">
        <v>599820</v>
      </c>
      <c r="NF17" s="119">
        <v>220836</v>
      </c>
      <c r="NG17" s="119">
        <v>480833</v>
      </c>
      <c r="NH17" s="119">
        <v>968148</v>
      </c>
      <c r="NI17" s="119">
        <v>270018</v>
      </c>
      <c r="NJ17" s="120">
        <v>2539655</v>
      </c>
      <c r="NK17" s="321">
        <v>2539655</v>
      </c>
      <c r="NL17" s="142">
        <v>0</v>
      </c>
      <c r="NM17" s="119">
        <v>0</v>
      </c>
      <c r="NN17" s="120">
        <v>0</v>
      </c>
      <c r="NO17" s="145"/>
      <c r="NP17" s="119">
        <v>0</v>
      </c>
      <c r="NQ17" s="119">
        <v>0</v>
      </c>
      <c r="NR17" s="119">
        <v>0</v>
      </c>
      <c r="NS17" s="119">
        <v>0</v>
      </c>
      <c r="NT17" s="119">
        <v>0</v>
      </c>
      <c r="NU17" s="120">
        <v>0</v>
      </c>
      <c r="NV17" s="121">
        <v>0</v>
      </c>
      <c r="NW17" s="142">
        <v>0</v>
      </c>
      <c r="NX17" s="119">
        <v>0</v>
      </c>
      <c r="NY17" s="120">
        <v>0</v>
      </c>
      <c r="NZ17" s="145"/>
      <c r="OA17" s="119">
        <v>0</v>
      </c>
      <c r="OB17" s="119">
        <v>0</v>
      </c>
      <c r="OC17" s="119">
        <v>0</v>
      </c>
      <c r="OD17" s="119">
        <v>0</v>
      </c>
      <c r="OE17" s="119">
        <v>0</v>
      </c>
      <c r="OF17" s="120">
        <v>0</v>
      </c>
      <c r="OG17" s="121">
        <v>0</v>
      </c>
      <c r="OH17" s="142">
        <v>424720</v>
      </c>
      <c r="OI17" s="119">
        <v>653267</v>
      </c>
      <c r="OJ17" s="141">
        <v>1077987</v>
      </c>
      <c r="OK17" s="118">
        <v>0</v>
      </c>
      <c r="OL17" s="119">
        <v>6998594</v>
      </c>
      <c r="OM17" s="119">
        <v>4265422</v>
      </c>
      <c r="ON17" s="119">
        <v>6427890</v>
      </c>
      <c r="OO17" s="119">
        <v>10139082</v>
      </c>
      <c r="OP17" s="119">
        <v>6781161</v>
      </c>
      <c r="OQ17" s="120">
        <v>34612149</v>
      </c>
      <c r="OR17" s="143">
        <v>35690136</v>
      </c>
    </row>
    <row r="18" spans="1:408" ht="20.25" customHeight="1" x14ac:dyDescent="0.2">
      <c r="A18" s="126" t="s">
        <v>12</v>
      </c>
      <c r="B18" s="110">
        <v>909808</v>
      </c>
      <c r="C18" s="114">
        <v>1501350</v>
      </c>
      <c r="D18" s="113">
        <v>2411158</v>
      </c>
      <c r="E18" s="109">
        <v>0</v>
      </c>
      <c r="F18" s="114">
        <v>4984940</v>
      </c>
      <c r="G18" s="170">
        <v>5424427</v>
      </c>
      <c r="H18" s="170">
        <v>6324403</v>
      </c>
      <c r="I18" s="170">
        <v>6858766</v>
      </c>
      <c r="J18" s="170">
        <v>6174983</v>
      </c>
      <c r="K18" s="112">
        <v>29767519</v>
      </c>
      <c r="L18" s="116">
        <v>32178677</v>
      </c>
      <c r="M18" s="110">
        <v>247769</v>
      </c>
      <c r="N18" s="114">
        <v>239437</v>
      </c>
      <c r="O18" s="113">
        <v>487206</v>
      </c>
      <c r="P18" s="110">
        <v>0</v>
      </c>
      <c r="Q18" s="114">
        <v>1785586</v>
      </c>
      <c r="R18" s="114">
        <v>1957968</v>
      </c>
      <c r="S18" s="114">
        <v>2396434</v>
      </c>
      <c r="T18" s="114">
        <v>2438466</v>
      </c>
      <c r="U18" s="114">
        <v>2859409</v>
      </c>
      <c r="V18" s="113">
        <v>11437863</v>
      </c>
      <c r="W18" s="116">
        <v>11925069</v>
      </c>
      <c r="X18" s="110">
        <v>0</v>
      </c>
      <c r="Y18" s="114">
        <v>0</v>
      </c>
      <c r="Z18" s="113">
        <v>0</v>
      </c>
      <c r="AA18" s="110">
        <v>0</v>
      </c>
      <c r="AB18" s="114">
        <v>1116647</v>
      </c>
      <c r="AC18" s="114">
        <v>1205647</v>
      </c>
      <c r="AD18" s="114">
        <v>1372014</v>
      </c>
      <c r="AE18" s="114">
        <v>1635967</v>
      </c>
      <c r="AF18" s="114">
        <v>1385204</v>
      </c>
      <c r="AG18" s="113">
        <v>6715479</v>
      </c>
      <c r="AH18" s="116">
        <v>6715479</v>
      </c>
      <c r="AI18" s="110">
        <v>0</v>
      </c>
      <c r="AJ18" s="114">
        <v>0</v>
      </c>
      <c r="AK18" s="113">
        <v>0</v>
      </c>
      <c r="AL18" s="110">
        <v>0</v>
      </c>
      <c r="AM18" s="114">
        <v>0</v>
      </c>
      <c r="AN18" s="114">
        <v>71812</v>
      </c>
      <c r="AO18" s="114">
        <v>11571</v>
      </c>
      <c r="AP18" s="114">
        <v>50573</v>
      </c>
      <c r="AQ18" s="114">
        <v>514983</v>
      </c>
      <c r="AR18" s="113">
        <v>648939</v>
      </c>
      <c r="AS18" s="116">
        <v>648939</v>
      </c>
      <c r="AT18" s="110">
        <v>142545</v>
      </c>
      <c r="AU18" s="114">
        <v>184326</v>
      </c>
      <c r="AV18" s="113">
        <v>326871</v>
      </c>
      <c r="AW18" s="110">
        <v>0</v>
      </c>
      <c r="AX18" s="114">
        <v>449216</v>
      </c>
      <c r="AY18" s="114">
        <v>450430</v>
      </c>
      <c r="AZ18" s="114">
        <v>708006</v>
      </c>
      <c r="BA18" s="114">
        <v>453595</v>
      </c>
      <c r="BB18" s="114">
        <v>729241</v>
      </c>
      <c r="BC18" s="113">
        <v>2790488</v>
      </c>
      <c r="BD18" s="116">
        <v>3117359</v>
      </c>
      <c r="BE18" s="110">
        <v>0</v>
      </c>
      <c r="BF18" s="114">
        <v>0</v>
      </c>
      <c r="BG18" s="112">
        <v>0</v>
      </c>
      <c r="BH18" s="111">
        <v>0</v>
      </c>
      <c r="BI18" s="114">
        <v>0</v>
      </c>
      <c r="BJ18" s="114">
        <v>60098</v>
      </c>
      <c r="BK18" s="114">
        <v>30772</v>
      </c>
      <c r="BL18" s="114">
        <v>31127</v>
      </c>
      <c r="BM18" s="114">
        <v>54442</v>
      </c>
      <c r="BN18" s="113">
        <v>176439</v>
      </c>
      <c r="BO18" s="116">
        <v>176439</v>
      </c>
      <c r="BP18" s="110">
        <v>105224</v>
      </c>
      <c r="BQ18" s="114">
        <v>55111</v>
      </c>
      <c r="BR18" s="113">
        <v>160335</v>
      </c>
      <c r="BS18" s="110">
        <v>0</v>
      </c>
      <c r="BT18" s="114">
        <v>219723</v>
      </c>
      <c r="BU18" s="114">
        <v>169981</v>
      </c>
      <c r="BV18" s="114">
        <v>274071</v>
      </c>
      <c r="BW18" s="114">
        <v>267204</v>
      </c>
      <c r="BX18" s="114">
        <v>175539</v>
      </c>
      <c r="BY18" s="113">
        <v>1106518</v>
      </c>
      <c r="BZ18" s="116">
        <v>1266853</v>
      </c>
      <c r="CA18" s="110">
        <v>210121</v>
      </c>
      <c r="CB18" s="114">
        <v>343268</v>
      </c>
      <c r="CC18" s="113">
        <v>553389</v>
      </c>
      <c r="CD18" s="110">
        <v>0</v>
      </c>
      <c r="CE18" s="114">
        <v>2139731</v>
      </c>
      <c r="CF18" s="114">
        <v>1578933</v>
      </c>
      <c r="CG18" s="114">
        <v>1013102</v>
      </c>
      <c r="CH18" s="114">
        <v>1617724</v>
      </c>
      <c r="CI18" s="114">
        <v>788280</v>
      </c>
      <c r="CJ18" s="113">
        <v>7137770</v>
      </c>
      <c r="CK18" s="116">
        <v>7691159</v>
      </c>
      <c r="CL18" s="110">
        <v>0</v>
      </c>
      <c r="CM18" s="114">
        <v>0</v>
      </c>
      <c r="CN18" s="113">
        <v>0</v>
      </c>
      <c r="CO18" s="111">
        <v>0</v>
      </c>
      <c r="CP18" s="114">
        <v>1759638</v>
      </c>
      <c r="CQ18" s="114">
        <v>1061783</v>
      </c>
      <c r="CR18" s="114">
        <v>495168</v>
      </c>
      <c r="CS18" s="114">
        <v>1120496</v>
      </c>
      <c r="CT18" s="114">
        <v>462227</v>
      </c>
      <c r="CU18" s="113">
        <v>4899312</v>
      </c>
      <c r="CV18" s="116">
        <v>4899312</v>
      </c>
      <c r="CW18" s="110">
        <v>210121</v>
      </c>
      <c r="CX18" s="114">
        <v>343268</v>
      </c>
      <c r="CY18" s="113">
        <v>553389</v>
      </c>
      <c r="CZ18" s="110">
        <v>0</v>
      </c>
      <c r="DA18" s="114">
        <v>380093</v>
      </c>
      <c r="DB18" s="114">
        <v>517150</v>
      </c>
      <c r="DC18" s="114">
        <v>517934</v>
      </c>
      <c r="DD18" s="114">
        <v>497228</v>
      </c>
      <c r="DE18" s="114">
        <v>326053</v>
      </c>
      <c r="DF18" s="113">
        <v>2238458</v>
      </c>
      <c r="DG18" s="116">
        <v>2791847</v>
      </c>
      <c r="DH18" s="110">
        <v>0</v>
      </c>
      <c r="DI18" s="114">
        <v>17435</v>
      </c>
      <c r="DJ18" s="112">
        <v>17435</v>
      </c>
      <c r="DK18" s="111">
        <v>0</v>
      </c>
      <c r="DL18" s="114">
        <v>68928</v>
      </c>
      <c r="DM18" s="114">
        <v>20330</v>
      </c>
      <c r="DN18" s="114">
        <v>245119</v>
      </c>
      <c r="DO18" s="114">
        <v>358026</v>
      </c>
      <c r="DP18" s="114">
        <v>518593</v>
      </c>
      <c r="DQ18" s="113">
        <v>1210996</v>
      </c>
      <c r="DR18" s="116">
        <v>1228431</v>
      </c>
      <c r="DS18" s="110">
        <v>0</v>
      </c>
      <c r="DT18" s="114">
        <v>17435</v>
      </c>
      <c r="DU18" s="113">
        <v>17435</v>
      </c>
      <c r="DV18" s="110">
        <v>0</v>
      </c>
      <c r="DW18" s="114">
        <v>68928</v>
      </c>
      <c r="DX18" s="114">
        <v>20330</v>
      </c>
      <c r="DY18" s="114">
        <v>245119</v>
      </c>
      <c r="DZ18" s="114">
        <v>358026</v>
      </c>
      <c r="EA18" s="114">
        <v>440338</v>
      </c>
      <c r="EB18" s="113">
        <v>1132741</v>
      </c>
      <c r="EC18" s="116">
        <v>1150176</v>
      </c>
      <c r="ED18" s="110">
        <v>0</v>
      </c>
      <c r="EE18" s="112">
        <v>0</v>
      </c>
      <c r="EF18" s="113">
        <v>0</v>
      </c>
      <c r="EG18" s="110">
        <v>0</v>
      </c>
      <c r="EH18" s="114">
        <v>0</v>
      </c>
      <c r="EI18" s="114">
        <v>0</v>
      </c>
      <c r="EJ18" s="114">
        <v>0</v>
      </c>
      <c r="EK18" s="114">
        <v>0</v>
      </c>
      <c r="EL18" s="114">
        <v>78255</v>
      </c>
      <c r="EM18" s="112">
        <v>78255</v>
      </c>
      <c r="EN18" s="116">
        <v>78255</v>
      </c>
      <c r="EO18" s="110">
        <v>0</v>
      </c>
      <c r="EP18" s="114">
        <v>0</v>
      </c>
      <c r="EQ18" s="112">
        <v>0</v>
      </c>
      <c r="ER18" s="111">
        <v>0</v>
      </c>
      <c r="ES18" s="114">
        <v>0</v>
      </c>
      <c r="ET18" s="114">
        <v>0</v>
      </c>
      <c r="EU18" s="114">
        <v>0</v>
      </c>
      <c r="EV18" s="114">
        <v>0</v>
      </c>
      <c r="EW18" s="114">
        <v>0</v>
      </c>
      <c r="EX18" s="113">
        <v>0</v>
      </c>
      <c r="EY18" s="116">
        <v>0</v>
      </c>
      <c r="EZ18" s="110">
        <v>0</v>
      </c>
      <c r="FA18" s="114">
        <v>0</v>
      </c>
      <c r="FB18" s="112">
        <v>0</v>
      </c>
      <c r="FC18" s="348"/>
      <c r="FD18" s="114">
        <v>0</v>
      </c>
      <c r="FE18" s="114">
        <v>0</v>
      </c>
      <c r="FF18" s="114">
        <v>0</v>
      </c>
      <c r="FG18" s="114">
        <v>0</v>
      </c>
      <c r="FH18" s="114">
        <v>0</v>
      </c>
      <c r="FI18" s="113">
        <v>0</v>
      </c>
      <c r="FJ18" s="116">
        <v>0</v>
      </c>
      <c r="FK18" s="110">
        <v>113512</v>
      </c>
      <c r="FL18" s="114">
        <v>256802</v>
      </c>
      <c r="FM18" s="113">
        <v>370314</v>
      </c>
      <c r="FN18" s="110">
        <v>0</v>
      </c>
      <c r="FO18" s="114">
        <v>145481</v>
      </c>
      <c r="FP18" s="114">
        <v>498113</v>
      </c>
      <c r="FQ18" s="114">
        <v>656488</v>
      </c>
      <c r="FR18" s="114">
        <v>611961</v>
      </c>
      <c r="FS18" s="114">
        <v>425432</v>
      </c>
      <c r="FT18" s="113">
        <v>2337475</v>
      </c>
      <c r="FU18" s="116">
        <v>2707789</v>
      </c>
      <c r="FV18" s="115">
        <v>96712</v>
      </c>
      <c r="FW18" s="114">
        <v>236397</v>
      </c>
      <c r="FX18" s="112">
        <v>333109</v>
      </c>
      <c r="FY18" s="111">
        <v>0</v>
      </c>
      <c r="FZ18" s="114">
        <v>112945</v>
      </c>
      <c r="GA18" s="114">
        <v>490833</v>
      </c>
      <c r="GB18" s="114">
        <v>509782</v>
      </c>
      <c r="GC18" s="114">
        <v>594461</v>
      </c>
      <c r="GD18" s="114">
        <v>425432</v>
      </c>
      <c r="GE18" s="113">
        <v>2133453</v>
      </c>
      <c r="GF18" s="319">
        <v>2466562</v>
      </c>
      <c r="GG18" s="115">
        <v>16800</v>
      </c>
      <c r="GH18" s="114">
        <v>20405</v>
      </c>
      <c r="GI18" s="112">
        <v>37205</v>
      </c>
      <c r="GJ18" s="111">
        <v>0</v>
      </c>
      <c r="GK18" s="114">
        <v>32536</v>
      </c>
      <c r="GL18" s="114">
        <v>7280</v>
      </c>
      <c r="GM18" s="114">
        <v>33306</v>
      </c>
      <c r="GN18" s="114">
        <v>17500</v>
      </c>
      <c r="GO18" s="114">
        <v>0</v>
      </c>
      <c r="GP18" s="113">
        <v>90622</v>
      </c>
      <c r="GQ18" s="116">
        <v>127827</v>
      </c>
      <c r="GR18" s="110">
        <v>0</v>
      </c>
      <c r="GS18" s="114">
        <v>0</v>
      </c>
      <c r="GT18" s="113">
        <v>0</v>
      </c>
      <c r="GU18" s="110">
        <v>0</v>
      </c>
      <c r="GV18" s="114">
        <v>0</v>
      </c>
      <c r="GW18" s="114">
        <v>0</v>
      </c>
      <c r="GX18" s="114">
        <v>113400</v>
      </c>
      <c r="GY18" s="114">
        <v>0</v>
      </c>
      <c r="GZ18" s="114">
        <v>0</v>
      </c>
      <c r="HA18" s="112">
        <v>113400</v>
      </c>
      <c r="HB18" s="116">
        <v>113400</v>
      </c>
      <c r="HC18" s="110">
        <v>338406</v>
      </c>
      <c r="HD18" s="114">
        <v>644408</v>
      </c>
      <c r="HE18" s="112">
        <v>982814</v>
      </c>
      <c r="HF18" s="111">
        <v>0</v>
      </c>
      <c r="HG18" s="114">
        <v>845214</v>
      </c>
      <c r="HH18" s="114">
        <v>1369083</v>
      </c>
      <c r="HI18" s="114">
        <v>2013260</v>
      </c>
      <c r="HJ18" s="114">
        <v>1832589</v>
      </c>
      <c r="HK18" s="114">
        <v>1583269</v>
      </c>
      <c r="HL18" s="113">
        <v>7643415</v>
      </c>
      <c r="HM18" s="109">
        <v>8626229</v>
      </c>
      <c r="HN18" s="329"/>
      <c r="HO18" s="330"/>
      <c r="HP18" s="331"/>
      <c r="HQ18" s="332"/>
      <c r="HR18" s="330"/>
      <c r="HS18" s="330"/>
      <c r="HT18" s="330"/>
      <c r="HU18" s="330"/>
      <c r="HV18" s="330"/>
      <c r="HW18" s="333"/>
      <c r="HX18" s="334"/>
      <c r="HY18" s="150">
        <v>25025</v>
      </c>
      <c r="HZ18" s="135">
        <v>0</v>
      </c>
      <c r="IA18" s="150">
        <v>25025</v>
      </c>
      <c r="IB18" s="134">
        <v>0</v>
      </c>
      <c r="IC18" s="135">
        <v>1628327</v>
      </c>
      <c r="ID18" s="136">
        <v>1462752</v>
      </c>
      <c r="IE18" s="137">
        <v>1187327</v>
      </c>
      <c r="IF18" s="135">
        <v>1297446</v>
      </c>
      <c r="IG18" s="137">
        <v>1151216</v>
      </c>
      <c r="IH18" s="138">
        <v>6727068</v>
      </c>
      <c r="II18" s="150">
        <v>6752093</v>
      </c>
      <c r="IJ18" s="232">
        <v>0</v>
      </c>
      <c r="IK18" s="236">
        <v>0</v>
      </c>
      <c r="IL18" s="237">
        <v>0</v>
      </c>
      <c r="IM18" s="140"/>
      <c r="IN18" s="119">
        <v>75026</v>
      </c>
      <c r="IO18" s="119">
        <v>0</v>
      </c>
      <c r="IP18" s="119">
        <v>0</v>
      </c>
      <c r="IQ18" s="119">
        <v>0</v>
      </c>
      <c r="IR18" s="119">
        <v>0</v>
      </c>
      <c r="IS18" s="141">
        <v>75026</v>
      </c>
      <c r="IT18" s="321">
        <v>75026</v>
      </c>
      <c r="IU18" s="142">
        <v>0</v>
      </c>
      <c r="IV18" s="119">
        <v>0</v>
      </c>
      <c r="IW18" s="120">
        <v>0</v>
      </c>
      <c r="IX18" s="144"/>
      <c r="IY18" s="119">
        <v>0</v>
      </c>
      <c r="IZ18" s="119">
        <v>0</v>
      </c>
      <c r="JA18" s="119">
        <v>0</v>
      </c>
      <c r="JB18" s="119">
        <v>0</v>
      </c>
      <c r="JC18" s="119">
        <v>0</v>
      </c>
      <c r="JD18" s="120">
        <v>0</v>
      </c>
      <c r="JE18" s="121">
        <v>0</v>
      </c>
      <c r="JF18" s="142">
        <v>0</v>
      </c>
      <c r="JG18" s="119">
        <v>0</v>
      </c>
      <c r="JH18" s="141">
        <v>0</v>
      </c>
      <c r="JI18" s="118">
        <v>0</v>
      </c>
      <c r="JJ18" s="119">
        <v>818658</v>
      </c>
      <c r="JK18" s="119">
        <v>554528</v>
      </c>
      <c r="JL18" s="119">
        <v>532538</v>
      </c>
      <c r="JM18" s="119">
        <v>221625</v>
      </c>
      <c r="JN18" s="119">
        <v>0</v>
      </c>
      <c r="JO18" s="120">
        <v>2127349</v>
      </c>
      <c r="JP18" s="321">
        <v>2127349</v>
      </c>
      <c r="JQ18" s="142">
        <v>0</v>
      </c>
      <c r="JR18" s="119">
        <v>0</v>
      </c>
      <c r="JS18" s="141">
        <v>0</v>
      </c>
      <c r="JT18" s="118">
        <v>0</v>
      </c>
      <c r="JU18" s="119">
        <v>0</v>
      </c>
      <c r="JV18" s="119">
        <v>46473</v>
      </c>
      <c r="JW18" s="119">
        <v>0</v>
      </c>
      <c r="JX18" s="119">
        <v>0</v>
      </c>
      <c r="JY18" s="119">
        <v>0</v>
      </c>
      <c r="JZ18" s="120">
        <v>46473</v>
      </c>
      <c r="KA18" s="321">
        <v>46473</v>
      </c>
      <c r="KB18" s="234">
        <v>25025</v>
      </c>
      <c r="KC18" s="230">
        <v>0</v>
      </c>
      <c r="KD18" s="120">
        <v>25025</v>
      </c>
      <c r="KE18" s="118">
        <v>0</v>
      </c>
      <c r="KF18" s="119">
        <v>106801</v>
      </c>
      <c r="KG18" s="119">
        <v>162484</v>
      </c>
      <c r="KH18" s="119">
        <v>209829</v>
      </c>
      <c r="KI18" s="119">
        <v>230751</v>
      </c>
      <c r="KJ18" s="119">
        <v>0</v>
      </c>
      <c r="KK18" s="120">
        <v>709865</v>
      </c>
      <c r="KL18" s="143">
        <v>734890</v>
      </c>
      <c r="KM18" s="232">
        <v>0</v>
      </c>
      <c r="KN18" s="236">
        <v>0</v>
      </c>
      <c r="KO18" s="237">
        <v>0</v>
      </c>
      <c r="KP18" s="140"/>
      <c r="KQ18" s="119">
        <v>628846</v>
      </c>
      <c r="KR18" s="119">
        <v>212661</v>
      </c>
      <c r="KS18" s="119">
        <v>445935</v>
      </c>
      <c r="KT18" s="119">
        <v>224240</v>
      </c>
      <c r="KU18" s="119">
        <v>0</v>
      </c>
      <c r="KV18" s="120">
        <v>1511682</v>
      </c>
      <c r="KW18" s="321">
        <v>1511682</v>
      </c>
      <c r="KX18" s="142">
        <v>0</v>
      </c>
      <c r="KY18" s="119">
        <v>0</v>
      </c>
      <c r="KZ18" s="120">
        <v>0</v>
      </c>
      <c r="LA18" s="145"/>
      <c r="LB18" s="119">
        <v>0</v>
      </c>
      <c r="LC18" s="119">
        <v>314368</v>
      </c>
      <c r="LD18" s="119">
        <v>0</v>
      </c>
      <c r="LE18" s="119">
        <v>344564</v>
      </c>
      <c r="LF18" s="119">
        <v>0</v>
      </c>
      <c r="LG18" s="120">
        <v>658932</v>
      </c>
      <c r="LH18" s="121">
        <v>658932</v>
      </c>
      <c r="LI18" s="142">
        <v>0</v>
      </c>
      <c r="LJ18" s="119">
        <v>0</v>
      </c>
      <c r="LK18" s="120">
        <v>0</v>
      </c>
      <c r="LL18" s="145"/>
      <c r="LM18" s="119">
        <v>0</v>
      </c>
      <c r="LN18" s="119">
        <v>0</v>
      </c>
      <c r="LO18" s="119">
        <v>0</v>
      </c>
      <c r="LP18" s="119">
        <v>0</v>
      </c>
      <c r="LQ18" s="119">
        <v>252966</v>
      </c>
      <c r="LR18" s="120">
        <v>252966</v>
      </c>
      <c r="LS18" s="321">
        <v>252966</v>
      </c>
      <c r="LT18" s="142">
        <v>0</v>
      </c>
      <c r="LU18" s="119">
        <v>0</v>
      </c>
      <c r="LV18" s="120">
        <v>0</v>
      </c>
      <c r="LW18" s="145"/>
      <c r="LX18" s="119">
        <v>-1004</v>
      </c>
      <c r="LY18" s="119">
        <v>172238</v>
      </c>
      <c r="LZ18" s="119">
        <v>-975</v>
      </c>
      <c r="MA18" s="119">
        <v>276266</v>
      </c>
      <c r="MB18" s="119">
        <v>898250</v>
      </c>
      <c r="MC18" s="120">
        <v>1344775</v>
      </c>
      <c r="MD18" s="121">
        <v>1344775</v>
      </c>
      <c r="ME18" s="142">
        <v>0</v>
      </c>
      <c r="MF18" s="119">
        <v>0</v>
      </c>
      <c r="MG18" s="120">
        <v>0</v>
      </c>
      <c r="MH18" s="145"/>
      <c r="MI18" s="119">
        <v>0</v>
      </c>
      <c r="MJ18" s="119">
        <v>1086283</v>
      </c>
      <c r="MK18" s="119">
        <v>2142358</v>
      </c>
      <c r="ML18" s="119">
        <v>5050246</v>
      </c>
      <c r="MM18" s="119">
        <v>1901514</v>
      </c>
      <c r="MN18" s="120">
        <v>10180401</v>
      </c>
      <c r="MO18" s="143">
        <v>10180401</v>
      </c>
      <c r="MP18" s="142">
        <v>0</v>
      </c>
      <c r="MQ18" s="119">
        <v>0</v>
      </c>
      <c r="MR18" s="120">
        <v>0</v>
      </c>
      <c r="MS18" s="145"/>
      <c r="MT18" s="119">
        <v>0</v>
      </c>
      <c r="MU18" s="119">
        <v>199604</v>
      </c>
      <c r="MV18" s="119">
        <v>1216004</v>
      </c>
      <c r="MW18" s="119">
        <v>2335862</v>
      </c>
      <c r="MX18" s="119">
        <v>1197619</v>
      </c>
      <c r="MY18" s="120">
        <v>4949089</v>
      </c>
      <c r="MZ18" s="143">
        <v>4949089</v>
      </c>
      <c r="NA18" s="142">
        <v>0</v>
      </c>
      <c r="NB18" s="119">
        <v>0</v>
      </c>
      <c r="NC18" s="120">
        <v>0</v>
      </c>
      <c r="ND18" s="145"/>
      <c r="NE18" s="119">
        <v>0</v>
      </c>
      <c r="NF18" s="119">
        <v>886679</v>
      </c>
      <c r="NG18" s="119">
        <v>926354</v>
      </c>
      <c r="NH18" s="119">
        <v>2714384</v>
      </c>
      <c r="NI18" s="119">
        <v>425761</v>
      </c>
      <c r="NJ18" s="120">
        <v>4953178</v>
      </c>
      <c r="NK18" s="321">
        <v>4953178</v>
      </c>
      <c r="NL18" s="142">
        <v>0</v>
      </c>
      <c r="NM18" s="119">
        <v>0</v>
      </c>
      <c r="NN18" s="120">
        <v>0</v>
      </c>
      <c r="NO18" s="145"/>
      <c r="NP18" s="119">
        <v>0</v>
      </c>
      <c r="NQ18" s="119">
        <v>0</v>
      </c>
      <c r="NR18" s="119">
        <v>0</v>
      </c>
      <c r="NS18" s="119">
        <v>0</v>
      </c>
      <c r="NT18" s="119">
        <v>278134</v>
      </c>
      <c r="NU18" s="120">
        <v>278134</v>
      </c>
      <c r="NV18" s="121">
        <v>278134</v>
      </c>
      <c r="NW18" s="142">
        <v>0</v>
      </c>
      <c r="NX18" s="119">
        <v>0</v>
      </c>
      <c r="NY18" s="120">
        <v>0</v>
      </c>
      <c r="NZ18" s="145"/>
      <c r="OA18" s="119">
        <v>0</v>
      </c>
      <c r="OB18" s="119">
        <v>0</v>
      </c>
      <c r="OC18" s="119">
        <v>0</v>
      </c>
      <c r="OD18" s="119">
        <v>0</v>
      </c>
      <c r="OE18" s="119">
        <v>0</v>
      </c>
      <c r="OF18" s="120">
        <v>0</v>
      </c>
      <c r="OG18" s="121">
        <v>0</v>
      </c>
      <c r="OH18" s="142">
        <v>934833</v>
      </c>
      <c r="OI18" s="119">
        <v>1501350</v>
      </c>
      <c r="OJ18" s="141">
        <v>2436183</v>
      </c>
      <c r="OK18" s="118">
        <v>0</v>
      </c>
      <c r="OL18" s="119">
        <v>6613267</v>
      </c>
      <c r="OM18" s="119">
        <v>7973462</v>
      </c>
      <c r="ON18" s="119">
        <v>9654088</v>
      </c>
      <c r="OO18" s="119">
        <v>13206458</v>
      </c>
      <c r="OP18" s="119">
        <v>9227713</v>
      </c>
      <c r="OQ18" s="120">
        <v>46674988</v>
      </c>
      <c r="OR18" s="143">
        <v>49111171</v>
      </c>
    </row>
    <row r="19" spans="1:408" ht="20.25" customHeight="1" x14ac:dyDescent="0.2">
      <c r="A19" s="126" t="s">
        <v>13</v>
      </c>
      <c r="B19" s="110">
        <v>434048</v>
      </c>
      <c r="C19" s="114">
        <v>490827</v>
      </c>
      <c r="D19" s="113">
        <v>924875</v>
      </c>
      <c r="E19" s="110">
        <v>0</v>
      </c>
      <c r="F19" s="170">
        <v>3335915</v>
      </c>
      <c r="G19" s="114">
        <v>4367868</v>
      </c>
      <c r="H19" s="114">
        <v>5841765</v>
      </c>
      <c r="I19" s="114">
        <v>4019292</v>
      </c>
      <c r="J19" s="114">
        <v>3868828</v>
      </c>
      <c r="K19" s="112">
        <v>21433668</v>
      </c>
      <c r="L19" s="116">
        <v>22358543</v>
      </c>
      <c r="M19" s="110">
        <v>75950</v>
      </c>
      <c r="N19" s="114">
        <v>132706</v>
      </c>
      <c r="O19" s="113">
        <v>208656</v>
      </c>
      <c r="P19" s="110">
        <v>0</v>
      </c>
      <c r="Q19" s="114">
        <v>1112712</v>
      </c>
      <c r="R19" s="114">
        <v>1476538</v>
      </c>
      <c r="S19" s="114">
        <v>2410869</v>
      </c>
      <c r="T19" s="114">
        <v>1952746</v>
      </c>
      <c r="U19" s="114">
        <v>2063995</v>
      </c>
      <c r="V19" s="113">
        <v>9016860</v>
      </c>
      <c r="W19" s="116">
        <v>9225516</v>
      </c>
      <c r="X19" s="110">
        <v>0</v>
      </c>
      <c r="Y19" s="114">
        <v>0</v>
      </c>
      <c r="Z19" s="113">
        <v>0</v>
      </c>
      <c r="AA19" s="110">
        <v>0</v>
      </c>
      <c r="AB19" s="114">
        <v>331352</v>
      </c>
      <c r="AC19" s="114">
        <v>688501</v>
      </c>
      <c r="AD19" s="114">
        <v>1178466</v>
      </c>
      <c r="AE19" s="114">
        <v>1227773</v>
      </c>
      <c r="AF19" s="114">
        <v>1423964</v>
      </c>
      <c r="AG19" s="113">
        <v>4850056</v>
      </c>
      <c r="AH19" s="116">
        <v>4850056</v>
      </c>
      <c r="AI19" s="110">
        <v>0</v>
      </c>
      <c r="AJ19" s="114">
        <v>0</v>
      </c>
      <c r="AK19" s="113">
        <v>0</v>
      </c>
      <c r="AL19" s="110">
        <v>0</v>
      </c>
      <c r="AM19" s="114">
        <v>0</v>
      </c>
      <c r="AN19" s="114">
        <v>0</v>
      </c>
      <c r="AO19" s="114">
        <v>94118</v>
      </c>
      <c r="AP19" s="114">
        <v>105528</v>
      </c>
      <c r="AQ19" s="114">
        <v>0</v>
      </c>
      <c r="AR19" s="113">
        <v>199646</v>
      </c>
      <c r="AS19" s="116">
        <v>199646</v>
      </c>
      <c r="AT19" s="110">
        <v>17178</v>
      </c>
      <c r="AU19" s="114">
        <v>97055</v>
      </c>
      <c r="AV19" s="113">
        <v>114233</v>
      </c>
      <c r="AW19" s="110">
        <v>0</v>
      </c>
      <c r="AX19" s="114">
        <v>641969</v>
      </c>
      <c r="AY19" s="114">
        <v>366178</v>
      </c>
      <c r="AZ19" s="114">
        <v>662321</v>
      </c>
      <c r="BA19" s="114">
        <v>423764</v>
      </c>
      <c r="BB19" s="114">
        <v>396832</v>
      </c>
      <c r="BC19" s="113">
        <v>2491064</v>
      </c>
      <c r="BD19" s="116">
        <v>2605297</v>
      </c>
      <c r="BE19" s="110">
        <v>0</v>
      </c>
      <c r="BF19" s="114">
        <v>0</v>
      </c>
      <c r="BG19" s="112">
        <v>0</v>
      </c>
      <c r="BH19" s="111">
        <v>0</v>
      </c>
      <c r="BI19" s="114">
        <v>0</v>
      </c>
      <c r="BJ19" s="114">
        <v>200456</v>
      </c>
      <c r="BK19" s="114">
        <v>194249</v>
      </c>
      <c r="BL19" s="114">
        <v>17356</v>
      </c>
      <c r="BM19" s="114">
        <v>74905</v>
      </c>
      <c r="BN19" s="113">
        <v>486966</v>
      </c>
      <c r="BO19" s="116">
        <v>486966</v>
      </c>
      <c r="BP19" s="110">
        <v>58772</v>
      </c>
      <c r="BQ19" s="114">
        <v>35651</v>
      </c>
      <c r="BR19" s="113">
        <v>94423</v>
      </c>
      <c r="BS19" s="110">
        <v>0</v>
      </c>
      <c r="BT19" s="114">
        <v>139391</v>
      </c>
      <c r="BU19" s="114">
        <v>221403</v>
      </c>
      <c r="BV19" s="114">
        <v>281715</v>
      </c>
      <c r="BW19" s="114">
        <v>178325</v>
      </c>
      <c r="BX19" s="114">
        <v>168294</v>
      </c>
      <c r="BY19" s="113">
        <v>989128</v>
      </c>
      <c r="BZ19" s="116">
        <v>1083551</v>
      </c>
      <c r="CA19" s="110">
        <v>0</v>
      </c>
      <c r="CB19" s="114">
        <v>33011</v>
      </c>
      <c r="CC19" s="113">
        <v>33011</v>
      </c>
      <c r="CD19" s="110">
        <v>0</v>
      </c>
      <c r="CE19" s="114">
        <v>629714</v>
      </c>
      <c r="CF19" s="114">
        <v>880609</v>
      </c>
      <c r="CG19" s="114">
        <v>1293831</v>
      </c>
      <c r="CH19" s="114">
        <v>363732</v>
      </c>
      <c r="CI19" s="114">
        <v>67880</v>
      </c>
      <c r="CJ19" s="113">
        <v>3235766</v>
      </c>
      <c r="CK19" s="116">
        <v>3268777</v>
      </c>
      <c r="CL19" s="110">
        <v>0</v>
      </c>
      <c r="CM19" s="114">
        <v>0</v>
      </c>
      <c r="CN19" s="113">
        <v>0</v>
      </c>
      <c r="CO19" s="111">
        <v>0</v>
      </c>
      <c r="CP19" s="114">
        <v>599607</v>
      </c>
      <c r="CQ19" s="114">
        <v>757495</v>
      </c>
      <c r="CR19" s="114">
        <v>1082099</v>
      </c>
      <c r="CS19" s="114">
        <v>302739</v>
      </c>
      <c r="CT19" s="114">
        <v>67880</v>
      </c>
      <c r="CU19" s="113">
        <v>2809820</v>
      </c>
      <c r="CV19" s="116">
        <v>2809820</v>
      </c>
      <c r="CW19" s="110">
        <v>0</v>
      </c>
      <c r="CX19" s="114">
        <v>33011</v>
      </c>
      <c r="CY19" s="113">
        <v>33011</v>
      </c>
      <c r="CZ19" s="110">
        <v>0</v>
      </c>
      <c r="DA19" s="114">
        <v>30107</v>
      </c>
      <c r="DB19" s="114">
        <v>123114</v>
      </c>
      <c r="DC19" s="114">
        <v>211732</v>
      </c>
      <c r="DD19" s="114">
        <v>60993</v>
      </c>
      <c r="DE19" s="114">
        <v>0</v>
      </c>
      <c r="DF19" s="113">
        <v>425946</v>
      </c>
      <c r="DG19" s="116">
        <v>458957</v>
      </c>
      <c r="DH19" s="110">
        <v>0</v>
      </c>
      <c r="DI19" s="114">
        <v>0</v>
      </c>
      <c r="DJ19" s="112">
        <v>0</v>
      </c>
      <c r="DK19" s="111">
        <v>0</v>
      </c>
      <c r="DL19" s="114">
        <v>59919</v>
      </c>
      <c r="DM19" s="114">
        <v>37578</v>
      </c>
      <c r="DN19" s="114">
        <v>261698</v>
      </c>
      <c r="DO19" s="114">
        <v>231956</v>
      </c>
      <c r="DP19" s="114">
        <v>262221</v>
      </c>
      <c r="DQ19" s="113">
        <v>853372</v>
      </c>
      <c r="DR19" s="116">
        <v>853372</v>
      </c>
      <c r="DS19" s="110">
        <v>0</v>
      </c>
      <c r="DT19" s="114">
        <v>0</v>
      </c>
      <c r="DU19" s="113">
        <v>0</v>
      </c>
      <c r="DV19" s="110">
        <v>0</v>
      </c>
      <c r="DW19" s="114">
        <v>59919</v>
      </c>
      <c r="DX19" s="114">
        <v>37578</v>
      </c>
      <c r="DY19" s="114">
        <v>261698</v>
      </c>
      <c r="DZ19" s="114">
        <v>162029</v>
      </c>
      <c r="EA19" s="114">
        <v>262221</v>
      </c>
      <c r="EB19" s="113">
        <v>783445</v>
      </c>
      <c r="EC19" s="116">
        <v>783445</v>
      </c>
      <c r="ED19" s="110">
        <v>0</v>
      </c>
      <c r="EE19" s="112">
        <v>0</v>
      </c>
      <c r="EF19" s="113">
        <v>0</v>
      </c>
      <c r="EG19" s="110">
        <v>0</v>
      </c>
      <c r="EH19" s="114">
        <v>0</v>
      </c>
      <c r="EI19" s="114">
        <v>0</v>
      </c>
      <c r="EJ19" s="114">
        <v>0</v>
      </c>
      <c r="EK19" s="114">
        <v>69927</v>
      </c>
      <c r="EL19" s="114">
        <v>0</v>
      </c>
      <c r="EM19" s="112">
        <v>69927</v>
      </c>
      <c r="EN19" s="116">
        <v>69927</v>
      </c>
      <c r="EO19" s="110">
        <v>0</v>
      </c>
      <c r="EP19" s="114">
        <v>0</v>
      </c>
      <c r="EQ19" s="112">
        <v>0</v>
      </c>
      <c r="ER19" s="111">
        <v>0</v>
      </c>
      <c r="ES19" s="114">
        <v>0</v>
      </c>
      <c r="ET19" s="114">
        <v>0</v>
      </c>
      <c r="EU19" s="114">
        <v>0</v>
      </c>
      <c r="EV19" s="114">
        <v>0</v>
      </c>
      <c r="EW19" s="114">
        <v>0</v>
      </c>
      <c r="EX19" s="113">
        <v>0</v>
      </c>
      <c r="EY19" s="116">
        <v>0</v>
      </c>
      <c r="EZ19" s="110">
        <v>0</v>
      </c>
      <c r="FA19" s="114">
        <v>0</v>
      </c>
      <c r="FB19" s="112">
        <v>0</v>
      </c>
      <c r="FC19" s="348"/>
      <c r="FD19" s="114">
        <v>0</v>
      </c>
      <c r="FE19" s="114">
        <v>0</v>
      </c>
      <c r="FF19" s="114">
        <v>0</v>
      </c>
      <c r="FG19" s="114">
        <v>0</v>
      </c>
      <c r="FH19" s="114">
        <v>0</v>
      </c>
      <c r="FI19" s="113">
        <v>0</v>
      </c>
      <c r="FJ19" s="116">
        <v>0</v>
      </c>
      <c r="FK19" s="110">
        <v>36400</v>
      </c>
      <c r="FL19" s="114">
        <v>73363</v>
      </c>
      <c r="FM19" s="113">
        <v>109763</v>
      </c>
      <c r="FN19" s="110">
        <v>0</v>
      </c>
      <c r="FO19" s="114">
        <v>71862</v>
      </c>
      <c r="FP19" s="114">
        <v>405657</v>
      </c>
      <c r="FQ19" s="114">
        <v>388710</v>
      </c>
      <c r="FR19" s="114">
        <v>213234</v>
      </c>
      <c r="FS19" s="114">
        <v>249641</v>
      </c>
      <c r="FT19" s="113">
        <v>1329104</v>
      </c>
      <c r="FU19" s="116">
        <v>1438867</v>
      </c>
      <c r="FV19" s="115">
        <v>36400</v>
      </c>
      <c r="FW19" s="114">
        <v>49840</v>
      </c>
      <c r="FX19" s="112">
        <v>86240</v>
      </c>
      <c r="FY19" s="111">
        <v>0</v>
      </c>
      <c r="FZ19" s="114">
        <v>71862</v>
      </c>
      <c r="GA19" s="114">
        <v>395262</v>
      </c>
      <c r="GB19" s="114">
        <v>367920</v>
      </c>
      <c r="GC19" s="114">
        <v>198534</v>
      </c>
      <c r="GD19" s="114">
        <v>180341</v>
      </c>
      <c r="GE19" s="113">
        <v>1213919</v>
      </c>
      <c r="GF19" s="319">
        <v>1300159</v>
      </c>
      <c r="GG19" s="115">
        <v>0</v>
      </c>
      <c r="GH19" s="114">
        <v>23523</v>
      </c>
      <c r="GI19" s="112">
        <v>23523</v>
      </c>
      <c r="GJ19" s="111">
        <v>0</v>
      </c>
      <c r="GK19" s="114">
        <v>0</v>
      </c>
      <c r="GL19" s="114">
        <v>10395</v>
      </c>
      <c r="GM19" s="114">
        <v>20790</v>
      </c>
      <c r="GN19" s="114">
        <v>0</v>
      </c>
      <c r="GO19" s="114">
        <v>0</v>
      </c>
      <c r="GP19" s="113">
        <v>31185</v>
      </c>
      <c r="GQ19" s="116">
        <v>54708</v>
      </c>
      <c r="GR19" s="110">
        <v>0</v>
      </c>
      <c r="GS19" s="114">
        <v>0</v>
      </c>
      <c r="GT19" s="113">
        <v>0</v>
      </c>
      <c r="GU19" s="110">
        <v>0</v>
      </c>
      <c r="GV19" s="114">
        <v>0</v>
      </c>
      <c r="GW19" s="114">
        <v>0</v>
      </c>
      <c r="GX19" s="114">
        <v>0</v>
      </c>
      <c r="GY19" s="114">
        <v>14700</v>
      </c>
      <c r="GZ19" s="114">
        <v>69300</v>
      </c>
      <c r="HA19" s="112">
        <v>84000</v>
      </c>
      <c r="HB19" s="116">
        <v>84000</v>
      </c>
      <c r="HC19" s="110">
        <v>321698</v>
      </c>
      <c r="HD19" s="114">
        <v>251747</v>
      </c>
      <c r="HE19" s="112">
        <v>573445</v>
      </c>
      <c r="HF19" s="111">
        <v>0</v>
      </c>
      <c r="HG19" s="114">
        <v>1461708</v>
      </c>
      <c r="HH19" s="114">
        <v>1567486</v>
      </c>
      <c r="HI19" s="114">
        <v>1486657</v>
      </c>
      <c r="HJ19" s="114">
        <v>1257624</v>
      </c>
      <c r="HK19" s="114">
        <v>1225091</v>
      </c>
      <c r="HL19" s="113">
        <v>6998566</v>
      </c>
      <c r="HM19" s="109">
        <v>7572011</v>
      </c>
      <c r="HN19" s="329"/>
      <c r="HO19" s="330"/>
      <c r="HP19" s="331"/>
      <c r="HQ19" s="332"/>
      <c r="HR19" s="330"/>
      <c r="HS19" s="330"/>
      <c r="HT19" s="330"/>
      <c r="HU19" s="330"/>
      <c r="HV19" s="330"/>
      <c r="HW19" s="333"/>
      <c r="HX19" s="334"/>
      <c r="HY19" s="131">
        <v>0</v>
      </c>
      <c r="HZ19" s="132">
        <v>0</v>
      </c>
      <c r="IA19" s="133">
        <v>0</v>
      </c>
      <c r="IB19" s="146">
        <v>0</v>
      </c>
      <c r="IC19" s="132">
        <v>222654</v>
      </c>
      <c r="ID19" s="147">
        <v>617102</v>
      </c>
      <c r="IE19" s="133">
        <v>1348709</v>
      </c>
      <c r="IF19" s="132">
        <v>379868</v>
      </c>
      <c r="IG19" s="133">
        <v>0</v>
      </c>
      <c r="IH19" s="148">
        <v>2568333</v>
      </c>
      <c r="II19" s="139">
        <v>2568333</v>
      </c>
      <c r="IJ19" s="232">
        <v>0</v>
      </c>
      <c r="IK19" s="236">
        <v>0</v>
      </c>
      <c r="IL19" s="237">
        <v>0</v>
      </c>
      <c r="IM19" s="140"/>
      <c r="IN19" s="119">
        <v>0</v>
      </c>
      <c r="IO19" s="119">
        <v>0</v>
      </c>
      <c r="IP19" s="119">
        <v>0</v>
      </c>
      <c r="IQ19" s="119">
        <v>0</v>
      </c>
      <c r="IR19" s="119">
        <v>0</v>
      </c>
      <c r="IS19" s="141">
        <v>0</v>
      </c>
      <c r="IT19" s="321">
        <v>0</v>
      </c>
      <c r="IU19" s="142">
        <v>0</v>
      </c>
      <c r="IV19" s="119">
        <v>0</v>
      </c>
      <c r="IW19" s="120">
        <v>0</v>
      </c>
      <c r="IX19" s="144"/>
      <c r="IY19" s="119">
        <v>0</v>
      </c>
      <c r="IZ19" s="119">
        <v>0</v>
      </c>
      <c r="JA19" s="119">
        <v>0</v>
      </c>
      <c r="JB19" s="119">
        <v>0</v>
      </c>
      <c r="JC19" s="119">
        <v>0</v>
      </c>
      <c r="JD19" s="120">
        <v>0</v>
      </c>
      <c r="JE19" s="121">
        <v>0</v>
      </c>
      <c r="JF19" s="142">
        <v>0</v>
      </c>
      <c r="JG19" s="119">
        <v>0</v>
      </c>
      <c r="JH19" s="141">
        <v>0</v>
      </c>
      <c r="JI19" s="118">
        <v>0</v>
      </c>
      <c r="JJ19" s="119">
        <v>222654</v>
      </c>
      <c r="JK19" s="119">
        <v>465236</v>
      </c>
      <c r="JL19" s="119">
        <v>554927</v>
      </c>
      <c r="JM19" s="119">
        <v>191560</v>
      </c>
      <c r="JN19" s="119">
        <v>0</v>
      </c>
      <c r="JO19" s="120">
        <v>1434377</v>
      </c>
      <c r="JP19" s="321">
        <v>1434377</v>
      </c>
      <c r="JQ19" s="142">
        <v>0</v>
      </c>
      <c r="JR19" s="119">
        <v>0</v>
      </c>
      <c r="JS19" s="141">
        <v>0</v>
      </c>
      <c r="JT19" s="118">
        <v>0</v>
      </c>
      <c r="JU19" s="119">
        <v>0</v>
      </c>
      <c r="JV19" s="119">
        <v>0</v>
      </c>
      <c r="JW19" s="119">
        <v>0</v>
      </c>
      <c r="JX19" s="119">
        <v>0</v>
      </c>
      <c r="JY19" s="119">
        <v>0</v>
      </c>
      <c r="JZ19" s="120">
        <v>0</v>
      </c>
      <c r="KA19" s="321">
        <v>0</v>
      </c>
      <c r="KB19" s="234">
        <v>0</v>
      </c>
      <c r="KC19" s="230">
        <v>0</v>
      </c>
      <c r="KD19" s="120">
        <v>0</v>
      </c>
      <c r="KE19" s="118">
        <v>0</v>
      </c>
      <c r="KF19" s="119">
        <v>0</v>
      </c>
      <c r="KG19" s="119">
        <v>151866</v>
      </c>
      <c r="KH19" s="119">
        <v>0</v>
      </c>
      <c r="KI19" s="119">
        <v>0</v>
      </c>
      <c r="KJ19" s="119">
        <v>0</v>
      </c>
      <c r="KK19" s="120">
        <v>151866</v>
      </c>
      <c r="KL19" s="143">
        <v>151866</v>
      </c>
      <c r="KM19" s="232">
        <v>0</v>
      </c>
      <c r="KN19" s="236">
        <v>0</v>
      </c>
      <c r="KO19" s="237">
        <v>0</v>
      </c>
      <c r="KP19" s="140"/>
      <c r="KQ19" s="119">
        <v>0</v>
      </c>
      <c r="KR19" s="119">
        <v>0</v>
      </c>
      <c r="KS19" s="119">
        <v>449688</v>
      </c>
      <c r="KT19" s="119">
        <v>0</v>
      </c>
      <c r="KU19" s="119">
        <v>0</v>
      </c>
      <c r="KV19" s="120">
        <v>449688</v>
      </c>
      <c r="KW19" s="321">
        <v>449688</v>
      </c>
      <c r="KX19" s="142">
        <v>0</v>
      </c>
      <c r="KY19" s="119">
        <v>0</v>
      </c>
      <c r="KZ19" s="120">
        <v>0</v>
      </c>
      <c r="LA19" s="145"/>
      <c r="LB19" s="119">
        <v>0</v>
      </c>
      <c r="LC19" s="119">
        <v>0</v>
      </c>
      <c r="LD19" s="119">
        <v>344094</v>
      </c>
      <c r="LE19" s="119">
        <v>188308</v>
      </c>
      <c r="LF19" s="119">
        <v>0</v>
      </c>
      <c r="LG19" s="120">
        <v>532402</v>
      </c>
      <c r="LH19" s="121">
        <v>532402</v>
      </c>
      <c r="LI19" s="142">
        <v>0</v>
      </c>
      <c r="LJ19" s="119">
        <v>0</v>
      </c>
      <c r="LK19" s="120">
        <v>0</v>
      </c>
      <c r="LL19" s="145"/>
      <c r="LM19" s="119">
        <v>0</v>
      </c>
      <c r="LN19" s="119">
        <v>0</v>
      </c>
      <c r="LO19" s="119">
        <v>0</v>
      </c>
      <c r="LP19" s="119">
        <v>0</v>
      </c>
      <c r="LQ19" s="119">
        <v>0</v>
      </c>
      <c r="LR19" s="120">
        <v>0</v>
      </c>
      <c r="LS19" s="321">
        <v>0</v>
      </c>
      <c r="LT19" s="142">
        <v>0</v>
      </c>
      <c r="LU19" s="119">
        <v>0</v>
      </c>
      <c r="LV19" s="120">
        <v>0</v>
      </c>
      <c r="LW19" s="145"/>
      <c r="LX19" s="119">
        <v>0</v>
      </c>
      <c r="LY19" s="119">
        <v>0</v>
      </c>
      <c r="LZ19" s="119">
        <v>0</v>
      </c>
      <c r="MA19" s="119">
        <v>0</v>
      </c>
      <c r="MB19" s="119">
        <v>0</v>
      </c>
      <c r="MC19" s="120">
        <v>0</v>
      </c>
      <c r="MD19" s="121">
        <v>0</v>
      </c>
      <c r="ME19" s="142">
        <v>0</v>
      </c>
      <c r="MF19" s="119">
        <v>0</v>
      </c>
      <c r="MG19" s="120">
        <v>0</v>
      </c>
      <c r="MH19" s="145"/>
      <c r="MI19" s="119">
        <v>0</v>
      </c>
      <c r="MJ19" s="119">
        <v>0</v>
      </c>
      <c r="MK19" s="119">
        <v>1100361</v>
      </c>
      <c r="ML19" s="119">
        <v>1315074</v>
      </c>
      <c r="MM19" s="119">
        <v>1483652</v>
      </c>
      <c r="MN19" s="120">
        <v>3899087</v>
      </c>
      <c r="MO19" s="143">
        <v>3899087</v>
      </c>
      <c r="MP19" s="142">
        <v>0</v>
      </c>
      <c r="MQ19" s="119">
        <v>0</v>
      </c>
      <c r="MR19" s="120">
        <v>0</v>
      </c>
      <c r="MS19" s="145"/>
      <c r="MT19" s="119">
        <v>0</v>
      </c>
      <c r="MU19" s="119">
        <v>0</v>
      </c>
      <c r="MV19" s="119">
        <v>622501</v>
      </c>
      <c r="MW19" s="119">
        <v>947772</v>
      </c>
      <c r="MX19" s="119">
        <v>1129686</v>
      </c>
      <c r="MY19" s="120">
        <v>2699959</v>
      </c>
      <c r="MZ19" s="143">
        <v>2699959</v>
      </c>
      <c r="NA19" s="142">
        <v>0</v>
      </c>
      <c r="NB19" s="119">
        <v>0</v>
      </c>
      <c r="NC19" s="120">
        <v>0</v>
      </c>
      <c r="ND19" s="145"/>
      <c r="NE19" s="119">
        <v>0</v>
      </c>
      <c r="NF19" s="119">
        <v>0</v>
      </c>
      <c r="NG19" s="119">
        <v>477860</v>
      </c>
      <c r="NH19" s="119">
        <v>367302</v>
      </c>
      <c r="NI19" s="119">
        <v>353966</v>
      </c>
      <c r="NJ19" s="120">
        <v>1199128</v>
      </c>
      <c r="NK19" s="321">
        <v>1199128</v>
      </c>
      <c r="NL19" s="142">
        <v>0</v>
      </c>
      <c r="NM19" s="119">
        <v>0</v>
      </c>
      <c r="NN19" s="120">
        <v>0</v>
      </c>
      <c r="NO19" s="145"/>
      <c r="NP19" s="119">
        <v>0</v>
      </c>
      <c r="NQ19" s="119">
        <v>0</v>
      </c>
      <c r="NR19" s="119">
        <v>0</v>
      </c>
      <c r="NS19" s="119">
        <v>0</v>
      </c>
      <c r="NT19" s="119">
        <v>0</v>
      </c>
      <c r="NU19" s="120">
        <v>0</v>
      </c>
      <c r="NV19" s="121">
        <v>0</v>
      </c>
      <c r="NW19" s="142">
        <v>0</v>
      </c>
      <c r="NX19" s="119">
        <v>0</v>
      </c>
      <c r="NY19" s="120">
        <v>0</v>
      </c>
      <c r="NZ19" s="145"/>
      <c r="OA19" s="119">
        <v>0</v>
      </c>
      <c r="OB19" s="119">
        <v>0</v>
      </c>
      <c r="OC19" s="119">
        <v>0</v>
      </c>
      <c r="OD19" s="119">
        <v>0</v>
      </c>
      <c r="OE19" s="119">
        <v>0</v>
      </c>
      <c r="OF19" s="120">
        <v>0</v>
      </c>
      <c r="OG19" s="121">
        <v>0</v>
      </c>
      <c r="OH19" s="142">
        <v>434048</v>
      </c>
      <c r="OI19" s="119">
        <v>490827</v>
      </c>
      <c r="OJ19" s="141">
        <v>924875</v>
      </c>
      <c r="OK19" s="118">
        <v>0</v>
      </c>
      <c r="OL19" s="119">
        <v>3558569</v>
      </c>
      <c r="OM19" s="119">
        <v>4984970</v>
      </c>
      <c r="ON19" s="119">
        <v>8290835</v>
      </c>
      <c r="OO19" s="119">
        <v>5714234</v>
      </c>
      <c r="OP19" s="119">
        <v>5352480</v>
      </c>
      <c r="OQ19" s="120">
        <v>27901088</v>
      </c>
      <c r="OR19" s="143">
        <v>28825963</v>
      </c>
    </row>
    <row r="20" spans="1:408" ht="20.25" customHeight="1" x14ac:dyDescent="0.2">
      <c r="A20" s="126" t="s">
        <v>15</v>
      </c>
      <c r="B20" s="110">
        <v>90910</v>
      </c>
      <c r="C20" s="114">
        <v>327997</v>
      </c>
      <c r="D20" s="113">
        <v>418907</v>
      </c>
      <c r="E20" s="109">
        <v>0</v>
      </c>
      <c r="F20" s="114">
        <v>1193719</v>
      </c>
      <c r="G20" s="114">
        <v>749186</v>
      </c>
      <c r="H20" s="114">
        <v>1311232</v>
      </c>
      <c r="I20" s="114">
        <v>974449</v>
      </c>
      <c r="J20" s="114">
        <v>1425365</v>
      </c>
      <c r="K20" s="109">
        <v>5653951</v>
      </c>
      <c r="L20" s="116">
        <v>6072858</v>
      </c>
      <c r="M20" s="110">
        <v>0</v>
      </c>
      <c r="N20" s="114">
        <v>24570</v>
      </c>
      <c r="O20" s="113">
        <v>24570</v>
      </c>
      <c r="P20" s="110">
        <v>0</v>
      </c>
      <c r="Q20" s="114">
        <v>140564</v>
      </c>
      <c r="R20" s="114">
        <v>163469</v>
      </c>
      <c r="S20" s="114">
        <v>324814</v>
      </c>
      <c r="T20" s="114">
        <v>104422</v>
      </c>
      <c r="U20" s="114">
        <v>799310</v>
      </c>
      <c r="V20" s="113">
        <v>1532579</v>
      </c>
      <c r="W20" s="116">
        <v>1557149</v>
      </c>
      <c r="X20" s="110">
        <v>0</v>
      </c>
      <c r="Y20" s="114">
        <v>0</v>
      </c>
      <c r="Z20" s="113">
        <v>0</v>
      </c>
      <c r="AA20" s="110">
        <v>0</v>
      </c>
      <c r="AB20" s="114">
        <v>72990</v>
      </c>
      <c r="AC20" s="114">
        <v>62902</v>
      </c>
      <c r="AD20" s="114">
        <v>121582</v>
      </c>
      <c r="AE20" s="114">
        <v>29241</v>
      </c>
      <c r="AF20" s="114">
        <v>424871</v>
      </c>
      <c r="AG20" s="113">
        <v>711586</v>
      </c>
      <c r="AH20" s="116">
        <v>711586</v>
      </c>
      <c r="AI20" s="110">
        <v>0</v>
      </c>
      <c r="AJ20" s="114">
        <v>0</v>
      </c>
      <c r="AK20" s="113">
        <v>0</v>
      </c>
      <c r="AL20" s="110">
        <v>0</v>
      </c>
      <c r="AM20" s="114">
        <v>0</v>
      </c>
      <c r="AN20" s="114">
        <v>0</v>
      </c>
      <c r="AO20" s="114">
        <v>0</v>
      </c>
      <c r="AP20" s="114">
        <v>0</v>
      </c>
      <c r="AQ20" s="114">
        <v>112348</v>
      </c>
      <c r="AR20" s="113">
        <v>112348</v>
      </c>
      <c r="AS20" s="116">
        <v>112348</v>
      </c>
      <c r="AT20" s="110">
        <v>0</v>
      </c>
      <c r="AU20" s="114">
        <v>0</v>
      </c>
      <c r="AV20" s="113">
        <v>0</v>
      </c>
      <c r="AW20" s="110">
        <v>0</v>
      </c>
      <c r="AX20" s="114">
        <v>30768</v>
      </c>
      <c r="AY20" s="114">
        <v>57972</v>
      </c>
      <c r="AZ20" s="114">
        <v>149731</v>
      </c>
      <c r="BA20" s="114">
        <v>60593</v>
      </c>
      <c r="BB20" s="114">
        <v>230521</v>
      </c>
      <c r="BC20" s="113">
        <v>529585</v>
      </c>
      <c r="BD20" s="116">
        <v>529585</v>
      </c>
      <c r="BE20" s="110">
        <v>0</v>
      </c>
      <c r="BF20" s="114">
        <v>0</v>
      </c>
      <c r="BG20" s="112">
        <v>0</v>
      </c>
      <c r="BH20" s="111">
        <v>0</v>
      </c>
      <c r="BI20" s="114">
        <v>0</v>
      </c>
      <c r="BJ20" s="114">
        <v>0</v>
      </c>
      <c r="BK20" s="114">
        <v>0</v>
      </c>
      <c r="BL20" s="114">
        <v>0</v>
      </c>
      <c r="BM20" s="114">
        <v>0</v>
      </c>
      <c r="BN20" s="113">
        <v>0</v>
      </c>
      <c r="BO20" s="116">
        <v>0</v>
      </c>
      <c r="BP20" s="110">
        <v>0</v>
      </c>
      <c r="BQ20" s="114">
        <v>24570</v>
      </c>
      <c r="BR20" s="113">
        <v>24570</v>
      </c>
      <c r="BS20" s="110">
        <v>0</v>
      </c>
      <c r="BT20" s="114">
        <v>36806</v>
      </c>
      <c r="BU20" s="114">
        <v>42595</v>
      </c>
      <c r="BV20" s="114">
        <v>53501</v>
      </c>
      <c r="BW20" s="114">
        <v>14588</v>
      </c>
      <c r="BX20" s="114">
        <v>31570</v>
      </c>
      <c r="BY20" s="113">
        <v>179060</v>
      </c>
      <c r="BZ20" s="116">
        <v>203630</v>
      </c>
      <c r="CA20" s="110">
        <v>0</v>
      </c>
      <c r="CB20" s="114">
        <v>33949</v>
      </c>
      <c r="CC20" s="113">
        <v>33949</v>
      </c>
      <c r="CD20" s="110">
        <v>0</v>
      </c>
      <c r="CE20" s="114">
        <v>188845</v>
      </c>
      <c r="CF20" s="114">
        <v>169247</v>
      </c>
      <c r="CG20" s="114">
        <v>247672</v>
      </c>
      <c r="CH20" s="114">
        <v>152538</v>
      </c>
      <c r="CI20" s="114">
        <v>127912</v>
      </c>
      <c r="CJ20" s="113">
        <v>886214</v>
      </c>
      <c r="CK20" s="116">
        <v>920163</v>
      </c>
      <c r="CL20" s="110">
        <v>0</v>
      </c>
      <c r="CM20" s="114">
        <v>0</v>
      </c>
      <c r="CN20" s="113">
        <v>0</v>
      </c>
      <c r="CO20" s="111">
        <v>0</v>
      </c>
      <c r="CP20" s="114">
        <v>129910</v>
      </c>
      <c r="CQ20" s="114">
        <v>56532</v>
      </c>
      <c r="CR20" s="114">
        <v>190426</v>
      </c>
      <c r="CS20" s="114">
        <v>132089</v>
      </c>
      <c r="CT20" s="114">
        <v>10395</v>
      </c>
      <c r="CU20" s="113">
        <v>519352</v>
      </c>
      <c r="CV20" s="116">
        <v>519352</v>
      </c>
      <c r="CW20" s="110">
        <v>0</v>
      </c>
      <c r="CX20" s="114">
        <v>33949</v>
      </c>
      <c r="CY20" s="113">
        <v>33949</v>
      </c>
      <c r="CZ20" s="110">
        <v>0</v>
      </c>
      <c r="DA20" s="114">
        <v>58935</v>
      </c>
      <c r="DB20" s="114">
        <v>112715</v>
      </c>
      <c r="DC20" s="114">
        <v>57246</v>
      </c>
      <c r="DD20" s="114">
        <v>20449</v>
      </c>
      <c r="DE20" s="114">
        <v>117517</v>
      </c>
      <c r="DF20" s="113">
        <v>366862</v>
      </c>
      <c r="DG20" s="116">
        <v>400811</v>
      </c>
      <c r="DH20" s="110">
        <v>0</v>
      </c>
      <c r="DI20" s="114">
        <v>0</v>
      </c>
      <c r="DJ20" s="112">
        <v>0</v>
      </c>
      <c r="DK20" s="111">
        <v>0</v>
      </c>
      <c r="DL20" s="114">
        <v>0</v>
      </c>
      <c r="DM20" s="114">
        <v>46791</v>
      </c>
      <c r="DN20" s="114">
        <v>102144</v>
      </c>
      <c r="DO20" s="114">
        <v>534614</v>
      </c>
      <c r="DP20" s="114">
        <v>395628</v>
      </c>
      <c r="DQ20" s="113">
        <v>1079177</v>
      </c>
      <c r="DR20" s="116">
        <v>1079177</v>
      </c>
      <c r="DS20" s="110">
        <v>0</v>
      </c>
      <c r="DT20" s="114">
        <v>0</v>
      </c>
      <c r="DU20" s="113">
        <v>0</v>
      </c>
      <c r="DV20" s="110">
        <v>0</v>
      </c>
      <c r="DW20" s="114">
        <v>0</v>
      </c>
      <c r="DX20" s="114">
        <v>46791</v>
      </c>
      <c r="DY20" s="114">
        <v>102144</v>
      </c>
      <c r="DZ20" s="114">
        <v>534614</v>
      </c>
      <c r="EA20" s="114">
        <v>395628</v>
      </c>
      <c r="EB20" s="113">
        <v>1079177</v>
      </c>
      <c r="EC20" s="116">
        <v>1079177</v>
      </c>
      <c r="ED20" s="110">
        <v>0</v>
      </c>
      <c r="EE20" s="112">
        <v>0</v>
      </c>
      <c r="EF20" s="113">
        <v>0</v>
      </c>
      <c r="EG20" s="110">
        <v>0</v>
      </c>
      <c r="EH20" s="114">
        <v>0</v>
      </c>
      <c r="EI20" s="114">
        <v>0</v>
      </c>
      <c r="EJ20" s="114">
        <v>0</v>
      </c>
      <c r="EK20" s="114">
        <v>0</v>
      </c>
      <c r="EL20" s="114">
        <v>0</v>
      </c>
      <c r="EM20" s="112">
        <v>0</v>
      </c>
      <c r="EN20" s="116">
        <v>0</v>
      </c>
      <c r="EO20" s="110">
        <v>0</v>
      </c>
      <c r="EP20" s="114">
        <v>0</v>
      </c>
      <c r="EQ20" s="112">
        <v>0</v>
      </c>
      <c r="ER20" s="111">
        <v>0</v>
      </c>
      <c r="ES20" s="114">
        <v>0</v>
      </c>
      <c r="ET20" s="114">
        <v>0</v>
      </c>
      <c r="EU20" s="114">
        <v>0</v>
      </c>
      <c r="EV20" s="114">
        <v>0</v>
      </c>
      <c r="EW20" s="114">
        <v>0</v>
      </c>
      <c r="EX20" s="113">
        <v>0</v>
      </c>
      <c r="EY20" s="116">
        <v>0</v>
      </c>
      <c r="EZ20" s="110">
        <v>0</v>
      </c>
      <c r="FA20" s="114">
        <v>0</v>
      </c>
      <c r="FB20" s="112">
        <v>0</v>
      </c>
      <c r="FC20" s="348"/>
      <c r="FD20" s="114">
        <v>0</v>
      </c>
      <c r="FE20" s="114">
        <v>0</v>
      </c>
      <c r="FF20" s="114">
        <v>0</v>
      </c>
      <c r="FG20" s="114">
        <v>0</v>
      </c>
      <c r="FH20" s="114">
        <v>0</v>
      </c>
      <c r="FI20" s="113">
        <v>0</v>
      </c>
      <c r="FJ20" s="116">
        <v>0</v>
      </c>
      <c r="FK20" s="110">
        <v>0</v>
      </c>
      <c r="FL20" s="114">
        <v>24500</v>
      </c>
      <c r="FM20" s="113">
        <v>24500</v>
      </c>
      <c r="FN20" s="110">
        <v>0</v>
      </c>
      <c r="FO20" s="114">
        <v>19054</v>
      </c>
      <c r="FP20" s="114">
        <v>59920</v>
      </c>
      <c r="FQ20" s="114">
        <v>105707</v>
      </c>
      <c r="FR20" s="114">
        <v>182875</v>
      </c>
      <c r="FS20" s="114">
        <v>102515</v>
      </c>
      <c r="FT20" s="113">
        <v>470071</v>
      </c>
      <c r="FU20" s="116">
        <v>494571</v>
      </c>
      <c r="FV20" s="115">
        <v>0</v>
      </c>
      <c r="FW20" s="114">
        <v>24500</v>
      </c>
      <c r="FX20" s="112">
        <v>24500</v>
      </c>
      <c r="FY20" s="111">
        <v>0</v>
      </c>
      <c r="FZ20" s="114">
        <v>19054</v>
      </c>
      <c r="GA20" s="114">
        <v>59920</v>
      </c>
      <c r="GB20" s="114">
        <v>105707</v>
      </c>
      <c r="GC20" s="114">
        <v>161175</v>
      </c>
      <c r="GD20" s="114">
        <v>102515</v>
      </c>
      <c r="GE20" s="113">
        <v>448371</v>
      </c>
      <c r="GF20" s="319">
        <v>472871</v>
      </c>
      <c r="GG20" s="115">
        <v>0</v>
      </c>
      <c r="GH20" s="114">
        <v>0</v>
      </c>
      <c r="GI20" s="112">
        <v>0</v>
      </c>
      <c r="GJ20" s="111">
        <v>0</v>
      </c>
      <c r="GK20" s="114">
        <v>0</v>
      </c>
      <c r="GL20" s="114">
        <v>0</v>
      </c>
      <c r="GM20" s="114">
        <v>0</v>
      </c>
      <c r="GN20" s="114">
        <v>0</v>
      </c>
      <c r="GO20" s="114">
        <v>0</v>
      </c>
      <c r="GP20" s="113">
        <v>0</v>
      </c>
      <c r="GQ20" s="116">
        <v>0</v>
      </c>
      <c r="GR20" s="110">
        <v>0</v>
      </c>
      <c r="GS20" s="114">
        <v>0</v>
      </c>
      <c r="GT20" s="113">
        <v>0</v>
      </c>
      <c r="GU20" s="110">
        <v>0</v>
      </c>
      <c r="GV20" s="114">
        <v>0</v>
      </c>
      <c r="GW20" s="114">
        <v>0</v>
      </c>
      <c r="GX20" s="114">
        <v>0</v>
      </c>
      <c r="GY20" s="114">
        <v>21700</v>
      </c>
      <c r="GZ20" s="114">
        <v>0</v>
      </c>
      <c r="HA20" s="112">
        <v>21700</v>
      </c>
      <c r="HB20" s="116">
        <v>21700</v>
      </c>
      <c r="HC20" s="110">
        <v>90910</v>
      </c>
      <c r="HD20" s="114">
        <v>244978</v>
      </c>
      <c r="HE20" s="112">
        <v>335888</v>
      </c>
      <c r="HF20" s="111">
        <v>0</v>
      </c>
      <c r="HG20" s="114">
        <v>845256</v>
      </c>
      <c r="HH20" s="114">
        <v>309759</v>
      </c>
      <c r="HI20" s="114">
        <v>530895</v>
      </c>
      <c r="HJ20" s="114">
        <v>0</v>
      </c>
      <c r="HK20" s="114">
        <v>0</v>
      </c>
      <c r="HL20" s="113">
        <v>1685910</v>
      </c>
      <c r="HM20" s="109">
        <v>2021798</v>
      </c>
      <c r="HN20" s="329"/>
      <c r="HO20" s="330"/>
      <c r="HP20" s="331"/>
      <c r="HQ20" s="332"/>
      <c r="HR20" s="330"/>
      <c r="HS20" s="330"/>
      <c r="HT20" s="330"/>
      <c r="HU20" s="330"/>
      <c r="HV20" s="330"/>
      <c r="HW20" s="333"/>
      <c r="HX20" s="334"/>
      <c r="HY20" s="150">
        <v>0</v>
      </c>
      <c r="HZ20" s="135">
        <v>0</v>
      </c>
      <c r="IA20" s="150">
        <v>0</v>
      </c>
      <c r="IB20" s="134">
        <v>0</v>
      </c>
      <c r="IC20" s="135">
        <v>177984</v>
      </c>
      <c r="ID20" s="136">
        <v>487485</v>
      </c>
      <c r="IE20" s="137">
        <v>248587</v>
      </c>
      <c r="IF20" s="135">
        <v>454190</v>
      </c>
      <c r="IG20" s="137">
        <v>223477</v>
      </c>
      <c r="IH20" s="138">
        <v>1591723</v>
      </c>
      <c r="II20" s="150">
        <v>1591723</v>
      </c>
      <c r="IJ20" s="232">
        <v>0</v>
      </c>
      <c r="IK20" s="236">
        <v>0</v>
      </c>
      <c r="IL20" s="237">
        <v>0</v>
      </c>
      <c r="IM20" s="140"/>
      <c r="IN20" s="119">
        <v>0</v>
      </c>
      <c r="IO20" s="119">
        <v>0</v>
      </c>
      <c r="IP20" s="119">
        <v>0</v>
      </c>
      <c r="IQ20" s="119">
        <v>0</v>
      </c>
      <c r="IR20" s="119">
        <v>0</v>
      </c>
      <c r="IS20" s="141">
        <v>0</v>
      </c>
      <c r="IT20" s="321">
        <v>0</v>
      </c>
      <c r="IU20" s="142">
        <v>0</v>
      </c>
      <c r="IV20" s="119">
        <v>0</v>
      </c>
      <c r="IW20" s="120">
        <v>0</v>
      </c>
      <c r="IX20" s="144"/>
      <c r="IY20" s="119">
        <v>0</v>
      </c>
      <c r="IZ20" s="119">
        <v>0</v>
      </c>
      <c r="JA20" s="119">
        <v>0</v>
      </c>
      <c r="JB20" s="119">
        <v>0</v>
      </c>
      <c r="JC20" s="119">
        <v>0</v>
      </c>
      <c r="JD20" s="120">
        <v>0</v>
      </c>
      <c r="JE20" s="121">
        <v>0</v>
      </c>
      <c r="JF20" s="142">
        <v>0</v>
      </c>
      <c r="JG20" s="119">
        <v>0</v>
      </c>
      <c r="JH20" s="141">
        <v>0</v>
      </c>
      <c r="JI20" s="118">
        <v>0</v>
      </c>
      <c r="JJ20" s="119">
        <v>177984</v>
      </c>
      <c r="JK20" s="119">
        <v>275130</v>
      </c>
      <c r="JL20" s="119">
        <v>33198</v>
      </c>
      <c r="JM20" s="119">
        <v>234761</v>
      </c>
      <c r="JN20" s="119">
        <v>0</v>
      </c>
      <c r="JO20" s="120">
        <v>721073</v>
      </c>
      <c r="JP20" s="321">
        <v>721073</v>
      </c>
      <c r="JQ20" s="142">
        <v>0</v>
      </c>
      <c r="JR20" s="119">
        <v>0</v>
      </c>
      <c r="JS20" s="141">
        <v>0</v>
      </c>
      <c r="JT20" s="118">
        <v>0</v>
      </c>
      <c r="JU20" s="119">
        <v>0</v>
      </c>
      <c r="JV20" s="119">
        <v>0</v>
      </c>
      <c r="JW20" s="119">
        <v>0</v>
      </c>
      <c r="JX20" s="119">
        <v>0</v>
      </c>
      <c r="JY20" s="119">
        <v>0</v>
      </c>
      <c r="JZ20" s="120">
        <v>0</v>
      </c>
      <c r="KA20" s="321">
        <v>0</v>
      </c>
      <c r="KB20" s="234">
        <v>0</v>
      </c>
      <c r="KC20" s="230">
        <v>0</v>
      </c>
      <c r="KD20" s="120">
        <v>0</v>
      </c>
      <c r="KE20" s="118">
        <v>0</v>
      </c>
      <c r="KF20" s="119">
        <v>0</v>
      </c>
      <c r="KG20" s="119">
        <v>0</v>
      </c>
      <c r="KH20" s="119">
        <v>0</v>
      </c>
      <c r="KI20" s="119">
        <v>0</v>
      </c>
      <c r="KJ20" s="119">
        <v>0</v>
      </c>
      <c r="KK20" s="120">
        <v>0</v>
      </c>
      <c r="KL20" s="143">
        <v>0</v>
      </c>
      <c r="KM20" s="232">
        <v>0</v>
      </c>
      <c r="KN20" s="236">
        <v>0</v>
      </c>
      <c r="KO20" s="237">
        <v>0</v>
      </c>
      <c r="KP20" s="140"/>
      <c r="KQ20" s="119">
        <v>0</v>
      </c>
      <c r="KR20" s="119">
        <v>212355</v>
      </c>
      <c r="KS20" s="119">
        <v>215389</v>
      </c>
      <c r="KT20" s="119">
        <v>219429</v>
      </c>
      <c r="KU20" s="119">
        <v>223477</v>
      </c>
      <c r="KV20" s="120">
        <v>870650</v>
      </c>
      <c r="KW20" s="321">
        <v>870650</v>
      </c>
      <c r="KX20" s="142">
        <v>0</v>
      </c>
      <c r="KY20" s="119">
        <v>0</v>
      </c>
      <c r="KZ20" s="120">
        <v>0</v>
      </c>
      <c r="LA20" s="145"/>
      <c r="LB20" s="119">
        <v>0</v>
      </c>
      <c r="LC20" s="119">
        <v>0</v>
      </c>
      <c r="LD20" s="119">
        <v>0</v>
      </c>
      <c r="LE20" s="119">
        <v>0</v>
      </c>
      <c r="LF20" s="119">
        <v>0</v>
      </c>
      <c r="LG20" s="120">
        <v>0</v>
      </c>
      <c r="LH20" s="121">
        <v>0</v>
      </c>
      <c r="LI20" s="142">
        <v>0</v>
      </c>
      <c r="LJ20" s="119">
        <v>0</v>
      </c>
      <c r="LK20" s="120">
        <v>0</v>
      </c>
      <c r="LL20" s="145"/>
      <c r="LM20" s="119">
        <v>0</v>
      </c>
      <c r="LN20" s="119">
        <v>0</v>
      </c>
      <c r="LO20" s="119">
        <v>0</v>
      </c>
      <c r="LP20" s="119">
        <v>0</v>
      </c>
      <c r="LQ20" s="119">
        <v>0</v>
      </c>
      <c r="LR20" s="120">
        <v>0</v>
      </c>
      <c r="LS20" s="321">
        <v>0</v>
      </c>
      <c r="LT20" s="142">
        <v>0</v>
      </c>
      <c r="LU20" s="119">
        <v>0</v>
      </c>
      <c r="LV20" s="120">
        <v>0</v>
      </c>
      <c r="LW20" s="145"/>
      <c r="LX20" s="119">
        <v>0</v>
      </c>
      <c r="LY20" s="119">
        <v>0</v>
      </c>
      <c r="LZ20" s="119">
        <v>0</v>
      </c>
      <c r="MA20" s="119">
        <v>0</v>
      </c>
      <c r="MB20" s="119">
        <v>0</v>
      </c>
      <c r="MC20" s="120">
        <v>0</v>
      </c>
      <c r="MD20" s="121">
        <v>0</v>
      </c>
      <c r="ME20" s="142">
        <v>0</v>
      </c>
      <c r="MF20" s="119">
        <v>0</v>
      </c>
      <c r="MG20" s="120">
        <v>0</v>
      </c>
      <c r="MH20" s="145"/>
      <c r="MI20" s="119">
        <v>189717</v>
      </c>
      <c r="MJ20" s="119">
        <v>0</v>
      </c>
      <c r="MK20" s="119">
        <v>233181</v>
      </c>
      <c r="ML20" s="119">
        <v>484705</v>
      </c>
      <c r="MM20" s="119">
        <v>279129</v>
      </c>
      <c r="MN20" s="120">
        <v>1186732</v>
      </c>
      <c r="MO20" s="143">
        <v>1186732</v>
      </c>
      <c r="MP20" s="142">
        <v>0</v>
      </c>
      <c r="MQ20" s="119">
        <v>0</v>
      </c>
      <c r="MR20" s="120">
        <v>0</v>
      </c>
      <c r="MS20" s="145"/>
      <c r="MT20" s="119">
        <v>0</v>
      </c>
      <c r="MU20" s="119">
        <v>0</v>
      </c>
      <c r="MV20" s="119">
        <v>0</v>
      </c>
      <c r="MW20" s="119">
        <v>215740</v>
      </c>
      <c r="MX20" s="119">
        <v>260572</v>
      </c>
      <c r="MY20" s="120">
        <v>476312</v>
      </c>
      <c r="MZ20" s="143">
        <v>476312</v>
      </c>
      <c r="NA20" s="142">
        <v>0</v>
      </c>
      <c r="NB20" s="119">
        <v>0</v>
      </c>
      <c r="NC20" s="120">
        <v>0</v>
      </c>
      <c r="ND20" s="145"/>
      <c r="NE20" s="119">
        <v>189717</v>
      </c>
      <c r="NF20" s="119">
        <v>0</v>
      </c>
      <c r="NG20" s="119">
        <v>233181</v>
      </c>
      <c r="NH20" s="119">
        <v>268965</v>
      </c>
      <c r="NI20" s="119">
        <v>18557</v>
      </c>
      <c r="NJ20" s="120">
        <v>710420</v>
      </c>
      <c r="NK20" s="321">
        <v>710420</v>
      </c>
      <c r="NL20" s="142">
        <v>0</v>
      </c>
      <c r="NM20" s="119">
        <v>0</v>
      </c>
      <c r="NN20" s="120">
        <v>0</v>
      </c>
      <c r="NO20" s="145"/>
      <c r="NP20" s="119">
        <v>0</v>
      </c>
      <c r="NQ20" s="119">
        <v>0</v>
      </c>
      <c r="NR20" s="119">
        <v>0</v>
      </c>
      <c r="NS20" s="119">
        <v>0</v>
      </c>
      <c r="NT20" s="119">
        <v>0</v>
      </c>
      <c r="NU20" s="120">
        <v>0</v>
      </c>
      <c r="NV20" s="121">
        <v>0</v>
      </c>
      <c r="NW20" s="142">
        <v>0</v>
      </c>
      <c r="NX20" s="119">
        <v>0</v>
      </c>
      <c r="NY20" s="120">
        <v>0</v>
      </c>
      <c r="NZ20" s="145"/>
      <c r="OA20" s="119">
        <v>0</v>
      </c>
      <c r="OB20" s="119">
        <v>0</v>
      </c>
      <c r="OC20" s="119">
        <v>0</v>
      </c>
      <c r="OD20" s="119">
        <v>0</v>
      </c>
      <c r="OE20" s="119">
        <v>0</v>
      </c>
      <c r="OF20" s="120">
        <v>0</v>
      </c>
      <c r="OG20" s="121">
        <v>0</v>
      </c>
      <c r="OH20" s="142">
        <v>90910</v>
      </c>
      <c r="OI20" s="119">
        <v>327997</v>
      </c>
      <c r="OJ20" s="141">
        <v>418907</v>
      </c>
      <c r="OK20" s="118">
        <v>0</v>
      </c>
      <c r="OL20" s="119">
        <v>1561420</v>
      </c>
      <c r="OM20" s="119">
        <v>1236671</v>
      </c>
      <c r="ON20" s="119">
        <v>1793000</v>
      </c>
      <c r="OO20" s="119">
        <v>1913344</v>
      </c>
      <c r="OP20" s="119">
        <v>1927971</v>
      </c>
      <c r="OQ20" s="120">
        <v>8432406</v>
      </c>
      <c r="OR20" s="143">
        <v>8851313</v>
      </c>
    </row>
    <row r="21" spans="1:408" ht="20.25" customHeight="1" x14ac:dyDescent="0.2">
      <c r="A21" s="126" t="s">
        <v>16</v>
      </c>
      <c r="B21" s="110">
        <v>451663</v>
      </c>
      <c r="C21" s="114">
        <v>513863</v>
      </c>
      <c r="D21" s="113">
        <v>965526</v>
      </c>
      <c r="E21" s="109">
        <v>0</v>
      </c>
      <c r="F21" s="114">
        <v>3993430</v>
      </c>
      <c r="G21" s="114">
        <v>4715463</v>
      </c>
      <c r="H21" s="114">
        <v>2427613</v>
      </c>
      <c r="I21" s="114">
        <v>3261776</v>
      </c>
      <c r="J21" s="114">
        <v>2325545</v>
      </c>
      <c r="K21" s="109">
        <v>16723827</v>
      </c>
      <c r="L21" s="116">
        <v>17689353</v>
      </c>
      <c r="M21" s="110">
        <v>56428</v>
      </c>
      <c r="N21" s="114">
        <v>71468</v>
      </c>
      <c r="O21" s="113">
        <v>127896</v>
      </c>
      <c r="P21" s="110">
        <v>0</v>
      </c>
      <c r="Q21" s="114">
        <v>593323</v>
      </c>
      <c r="R21" s="114">
        <v>1327495</v>
      </c>
      <c r="S21" s="114">
        <v>1236602</v>
      </c>
      <c r="T21" s="114">
        <v>724926</v>
      </c>
      <c r="U21" s="114">
        <v>625799</v>
      </c>
      <c r="V21" s="113">
        <v>4508145</v>
      </c>
      <c r="W21" s="116">
        <v>4636041</v>
      </c>
      <c r="X21" s="110">
        <v>0</v>
      </c>
      <c r="Y21" s="114">
        <v>0</v>
      </c>
      <c r="Z21" s="113">
        <v>0</v>
      </c>
      <c r="AA21" s="110">
        <v>0</v>
      </c>
      <c r="AB21" s="114">
        <v>210937</v>
      </c>
      <c r="AC21" s="114">
        <v>555854</v>
      </c>
      <c r="AD21" s="114">
        <v>693854</v>
      </c>
      <c r="AE21" s="114">
        <v>373938</v>
      </c>
      <c r="AF21" s="114">
        <v>258331</v>
      </c>
      <c r="AG21" s="113">
        <v>2092914</v>
      </c>
      <c r="AH21" s="116">
        <v>2092914</v>
      </c>
      <c r="AI21" s="110">
        <v>0</v>
      </c>
      <c r="AJ21" s="114">
        <v>0</v>
      </c>
      <c r="AK21" s="113">
        <v>0</v>
      </c>
      <c r="AL21" s="110">
        <v>0</v>
      </c>
      <c r="AM21" s="114">
        <v>0</v>
      </c>
      <c r="AN21" s="114">
        <v>39445</v>
      </c>
      <c r="AO21" s="114">
        <v>19722</v>
      </c>
      <c r="AP21" s="114">
        <v>0</v>
      </c>
      <c r="AQ21" s="114">
        <v>29584</v>
      </c>
      <c r="AR21" s="113">
        <v>88751</v>
      </c>
      <c r="AS21" s="116">
        <v>88751</v>
      </c>
      <c r="AT21" s="110">
        <v>18306</v>
      </c>
      <c r="AU21" s="114">
        <v>37519</v>
      </c>
      <c r="AV21" s="113">
        <v>55825</v>
      </c>
      <c r="AW21" s="110">
        <v>0</v>
      </c>
      <c r="AX21" s="114">
        <v>192098</v>
      </c>
      <c r="AY21" s="114">
        <v>590341</v>
      </c>
      <c r="AZ21" s="114">
        <v>331901</v>
      </c>
      <c r="BA21" s="114">
        <v>173783</v>
      </c>
      <c r="BB21" s="114">
        <v>191374</v>
      </c>
      <c r="BC21" s="113">
        <v>1479497</v>
      </c>
      <c r="BD21" s="116">
        <v>1535322</v>
      </c>
      <c r="BE21" s="110">
        <v>0</v>
      </c>
      <c r="BF21" s="114">
        <v>33949</v>
      </c>
      <c r="BG21" s="112">
        <v>33949</v>
      </c>
      <c r="BH21" s="111">
        <v>0</v>
      </c>
      <c r="BI21" s="114">
        <v>0</v>
      </c>
      <c r="BJ21" s="114">
        <v>0</v>
      </c>
      <c r="BK21" s="114">
        <v>49263</v>
      </c>
      <c r="BL21" s="114">
        <v>0</v>
      </c>
      <c r="BM21" s="114">
        <v>27650</v>
      </c>
      <c r="BN21" s="113">
        <v>76913</v>
      </c>
      <c r="BO21" s="116">
        <v>110862</v>
      </c>
      <c r="BP21" s="110">
        <v>38122</v>
      </c>
      <c r="BQ21" s="114">
        <v>0</v>
      </c>
      <c r="BR21" s="113">
        <v>38122</v>
      </c>
      <c r="BS21" s="110">
        <v>0</v>
      </c>
      <c r="BT21" s="114">
        <v>190288</v>
      </c>
      <c r="BU21" s="114">
        <v>141855</v>
      </c>
      <c r="BV21" s="114">
        <v>141862</v>
      </c>
      <c r="BW21" s="114">
        <v>177205</v>
      </c>
      <c r="BX21" s="114">
        <v>118860</v>
      </c>
      <c r="BY21" s="113">
        <v>770070</v>
      </c>
      <c r="BZ21" s="116">
        <v>808192</v>
      </c>
      <c r="CA21" s="110">
        <v>92559</v>
      </c>
      <c r="CB21" s="114">
        <v>171949</v>
      </c>
      <c r="CC21" s="113">
        <v>264508</v>
      </c>
      <c r="CD21" s="110">
        <v>0</v>
      </c>
      <c r="CE21" s="114">
        <v>1163567</v>
      </c>
      <c r="CF21" s="114">
        <v>1458005</v>
      </c>
      <c r="CG21" s="114">
        <v>420444</v>
      </c>
      <c r="CH21" s="114">
        <v>187896</v>
      </c>
      <c r="CI21" s="114">
        <v>101968</v>
      </c>
      <c r="CJ21" s="113">
        <v>3331880</v>
      </c>
      <c r="CK21" s="116">
        <v>3596388</v>
      </c>
      <c r="CL21" s="110">
        <v>0</v>
      </c>
      <c r="CM21" s="114">
        <v>0</v>
      </c>
      <c r="CN21" s="113">
        <v>0</v>
      </c>
      <c r="CO21" s="111">
        <v>0</v>
      </c>
      <c r="CP21" s="114">
        <v>751951</v>
      </c>
      <c r="CQ21" s="114">
        <v>623828</v>
      </c>
      <c r="CR21" s="114">
        <v>110201</v>
      </c>
      <c r="CS21" s="114">
        <v>187896</v>
      </c>
      <c r="CT21" s="114">
        <v>101968</v>
      </c>
      <c r="CU21" s="113">
        <v>1775844</v>
      </c>
      <c r="CV21" s="116">
        <v>1775844</v>
      </c>
      <c r="CW21" s="110">
        <v>92559</v>
      </c>
      <c r="CX21" s="114">
        <v>171949</v>
      </c>
      <c r="CY21" s="113">
        <v>264508</v>
      </c>
      <c r="CZ21" s="110">
        <v>0</v>
      </c>
      <c r="DA21" s="114">
        <v>411616</v>
      </c>
      <c r="DB21" s="114">
        <v>834177</v>
      </c>
      <c r="DC21" s="114">
        <v>310243</v>
      </c>
      <c r="DD21" s="114">
        <v>0</v>
      </c>
      <c r="DE21" s="114">
        <v>0</v>
      </c>
      <c r="DF21" s="113">
        <v>1556036</v>
      </c>
      <c r="DG21" s="116">
        <v>1820544</v>
      </c>
      <c r="DH21" s="110">
        <v>0</v>
      </c>
      <c r="DI21" s="114">
        <v>0</v>
      </c>
      <c r="DJ21" s="112">
        <v>0</v>
      </c>
      <c r="DK21" s="111">
        <v>0</v>
      </c>
      <c r="DL21" s="114">
        <v>168603</v>
      </c>
      <c r="DM21" s="114">
        <v>78251</v>
      </c>
      <c r="DN21" s="114">
        <v>167640</v>
      </c>
      <c r="DO21" s="114">
        <v>0</v>
      </c>
      <c r="DP21" s="114">
        <v>121885</v>
      </c>
      <c r="DQ21" s="113">
        <v>536379</v>
      </c>
      <c r="DR21" s="116">
        <v>536379</v>
      </c>
      <c r="DS21" s="110">
        <v>0</v>
      </c>
      <c r="DT21" s="114">
        <v>0</v>
      </c>
      <c r="DU21" s="113">
        <v>0</v>
      </c>
      <c r="DV21" s="110">
        <v>0</v>
      </c>
      <c r="DW21" s="114">
        <v>147785</v>
      </c>
      <c r="DX21" s="114">
        <v>78251</v>
      </c>
      <c r="DY21" s="114">
        <v>144407</v>
      </c>
      <c r="DZ21" s="114">
        <v>0</v>
      </c>
      <c r="EA21" s="114">
        <v>121885</v>
      </c>
      <c r="EB21" s="113">
        <v>492328</v>
      </c>
      <c r="EC21" s="116">
        <v>492328</v>
      </c>
      <c r="ED21" s="110">
        <v>0</v>
      </c>
      <c r="EE21" s="112">
        <v>0</v>
      </c>
      <c r="EF21" s="113">
        <v>0</v>
      </c>
      <c r="EG21" s="110">
        <v>0</v>
      </c>
      <c r="EH21" s="114">
        <v>20818</v>
      </c>
      <c r="EI21" s="114">
        <v>0</v>
      </c>
      <c r="EJ21" s="114">
        <v>23233</v>
      </c>
      <c r="EK21" s="114">
        <v>0</v>
      </c>
      <c r="EL21" s="114">
        <v>0</v>
      </c>
      <c r="EM21" s="112">
        <v>44051</v>
      </c>
      <c r="EN21" s="116">
        <v>44051</v>
      </c>
      <c r="EO21" s="110">
        <v>0</v>
      </c>
      <c r="EP21" s="114">
        <v>0</v>
      </c>
      <c r="EQ21" s="112">
        <v>0</v>
      </c>
      <c r="ER21" s="111">
        <v>0</v>
      </c>
      <c r="ES21" s="114">
        <v>0</v>
      </c>
      <c r="ET21" s="114">
        <v>0</v>
      </c>
      <c r="EU21" s="114">
        <v>0</v>
      </c>
      <c r="EV21" s="114">
        <v>0</v>
      </c>
      <c r="EW21" s="114">
        <v>0</v>
      </c>
      <c r="EX21" s="113">
        <v>0</v>
      </c>
      <c r="EY21" s="116">
        <v>0</v>
      </c>
      <c r="EZ21" s="110">
        <v>0</v>
      </c>
      <c r="FA21" s="114">
        <v>0</v>
      </c>
      <c r="FB21" s="112">
        <v>0</v>
      </c>
      <c r="FC21" s="348"/>
      <c r="FD21" s="114">
        <v>0</v>
      </c>
      <c r="FE21" s="114">
        <v>0</v>
      </c>
      <c r="FF21" s="114">
        <v>0</v>
      </c>
      <c r="FG21" s="114">
        <v>0</v>
      </c>
      <c r="FH21" s="114">
        <v>0</v>
      </c>
      <c r="FI21" s="113">
        <v>0</v>
      </c>
      <c r="FJ21" s="116">
        <v>0</v>
      </c>
      <c r="FK21" s="110">
        <v>29512</v>
      </c>
      <c r="FL21" s="114">
        <v>270446</v>
      </c>
      <c r="FM21" s="113">
        <v>299958</v>
      </c>
      <c r="FN21" s="110">
        <v>0</v>
      </c>
      <c r="FO21" s="114">
        <v>94178</v>
      </c>
      <c r="FP21" s="114">
        <v>306285</v>
      </c>
      <c r="FQ21" s="114">
        <v>286433</v>
      </c>
      <c r="FR21" s="114">
        <v>141820</v>
      </c>
      <c r="FS21" s="114">
        <v>249361</v>
      </c>
      <c r="FT21" s="113">
        <v>1078077</v>
      </c>
      <c r="FU21" s="116">
        <v>1378035</v>
      </c>
      <c r="FV21" s="115">
        <v>12880</v>
      </c>
      <c r="FW21" s="114">
        <v>110446</v>
      </c>
      <c r="FX21" s="112">
        <v>123326</v>
      </c>
      <c r="FY21" s="111">
        <v>0</v>
      </c>
      <c r="FZ21" s="114">
        <v>94178</v>
      </c>
      <c r="GA21" s="114">
        <v>306285</v>
      </c>
      <c r="GB21" s="114">
        <v>286433</v>
      </c>
      <c r="GC21" s="114">
        <v>125188</v>
      </c>
      <c r="GD21" s="114">
        <v>249361</v>
      </c>
      <c r="GE21" s="113">
        <v>1061445</v>
      </c>
      <c r="GF21" s="319">
        <v>1184771</v>
      </c>
      <c r="GG21" s="115">
        <v>16632</v>
      </c>
      <c r="GH21" s="114">
        <v>0</v>
      </c>
      <c r="GI21" s="112">
        <v>16632</v>
      </c>
      <c r="GJ21" s="111">
        <v>0</v>
      </c>
      <c r="GK21" s="114">
        <v>0</v>
      </c>
      <c r="GL21" s="114">
        <v>0</v>
      </c>
      <c r="GM21" s="114">
        <v>0</v>
      </c>
      <c r="GN21" s="114">
        <v>16632</v>
      </c>
      <c r="GO21" s="114">
        <v>0</v>
      </c>
      <c r="GP21" s="113">
        <v>16632</v>
      </c>
      <c r="GQ21" s="116">
        <v>33264</v>
      </c>
      <c r="GR21" s="110">
        <v>0</v>
      </c>
      <c r="GS21" s="114">
        <v>160000</v>
      </c>
      <c r="GT21" s="113">
        <v>160000</v>
      </c>
      <c r="GU21" s="110">
        <v>0</v>
      </c>
      <c r="GV21" s="114">
        <v>0</v>
      </c>
      <c r="GW21" s="114">
        <v>0</v>
      </c>
      <c r="GX21" s="114">
        <v>0</v>
      </c>
      <c r="GY21" s="114">
        <v>0</v>
      </c>
      <c r="GZ21" s="114">
        <v>0</v>
      </c>
      <c r="HA21" s="112">
        <v>0</v>
      </c>
      <c r="HB21" s="116">
        <v>160000</v>
      </c>
      <c r="HC21" s="110">
        <v>273164</v>
      </c>
      <c r="HD21" s="114">
        <v>0</v>
      </c>
      <c r="HE21" s="112">
        <v>273164</v>
      </c>
      <c r="HF21" s="111">
        <v>0</v>
      </c>
      <c r="HG21" s="114">
        <v>1973759</v>
      </c>
      <c r="HH21" s="114">
        <v>1545427</v>
      </c>
      <c r="HI21" s="114">
        <v>316494</v>
      </c>
      <c r="HJ21" s="114">
        <v>2207134</v>
      </c>
      <c r="HK21" s="114">
        <v>1226532</v>
      </c>
      <c r="HL21" s="113">
        <v>7269346</v>
      </c>
      <c r="HM21" s="109">
        <v>7542510</v>
      </c>
      <c r="HN21" s="329"/>
      <c r="HO21" s="330"/>
      <c r="HP21" s="331"/>
      <c r="HQ21" s="332"/>
      <c r="HR21" s="330"/>
      <c r="HS21" s="330"/>
      <c r="HT21" s="330"/>
      <c r="HU21" s="330"/>
      <c r="HV21" s="330"/>
      <c r="HW21" s="333"/>
      <c r="HX21" s="334"/>
      <c r="HY21" s="131">
        <v>0</v>
      </c>
      <c r="HZ21" s="132">
        <v>0</v>
      </c>
      <c r="IA21" s="133">
        <v>0</v>
      </c>
      <c r="IB21" s="146">
        <v>0</v>
      </c>
      <c r="IC21" s="132">
        <v>296690</v>
      </c>
      <c r="ID21" s="147">
        <v>469417</v>
      </c>
      <c r="IE21" s="133">
        <v>1010523</v>
      </c>
      <c r="IF21" s="132">
        <v>221945</v>
      </c>
      <c r="IG21" s="133">
        <v>847716</v>
      </c>
      <c r="IH21" s="148">
        <v>2846291</v>
      </c>
      <c r="II21" s="139">
        <v>2846291</v>
      </c>
      <c r="IJ21" s="232">
        <v>0</v>
      </c>
      <c r="IK21" s="236">
        <v>0</v>
      </c>
      <c r="IL21" s="237">
        <v>0</v>
      </c>
      <c r="IM21" s="140"/>
      <c r="IN21" s="119">
        <v>0</v>
      </c>
      <c r="IO21" s="119">
        <v>0</v>
      </c>
      <c r="IP21" s="119">
        <v>0</v>
      </c>
      <c r="IQ21" s="119">
        <v>0</v>
      </c>
      <c r="IR21" s="119">
        <v>230723</v>
      </c>
      <c r="IS21" s="141">
        <v>230723</v>
      </c>
      <c r="IT21" s="321">
        <v>230723</v>
      </c>
      <c r="IU21" s="142">
        <v>0</v>
      </c>
      <c r="IV21" s="119">
        <v>0</v>
      </c>
      <c r="IW21" s="120">
        <v>0</v>
      </c>
      <c r="IX21" s="144"/>
      <c r="IY21" s="119">
        <v>0</v>
      </c>
      <c r="IZ21" s="119">
        <v>0</v>
      </c>
      <c r="JA21" s="119">
        <v>27957</v>
      </c>
      <c r="JB21" s="119">
        <v>0</v>
      </c>
      <c r="JC21" s="119">
        <v>0</v>
      </c>
      <c r="JD21" s="120">
        <v>27957</v>
      </c>
      <c r="JE21" s="121">
        <v>27957</v>
      </c>
      <c r="JF21" s="142">
        <v>0</v>
      </c>
      <c r="JG21" s="119">
        <v>0</v>
      </c>
      <c r="JH21" s="141">
        <v>0</v>
      </c>
      <c r="JI21" s="118">
        <v>0</v>
      </c>
      <c r="JJ21" s="119">
        <v>262205</v>
      </c>
      <c r="JK21" s="119">
        <v>122863</v>
      </c>
      <c r="JL21" s="119">
        <v>421134</v>
      </c>
      <c r="JM21" s="119">
        <v>0</v>
      </c>
      <c r="JN21" s="119">
        <v>273718</v>
      </c>
      <c r="JO21" s="120">
        <v>1079920</v>
      </c>
      <c r="JP21" s="321">
        <v>1079920</v>
      </c>
      <c r="JQ21" s="142">
        <v>0</v>
      </c>
      <c r="JR21" s="119">
        <v>0</v>
      </c>
      <c r="JS21" s="141">
        <v>0</v>
      </c>
      <c r="JT21" s="118">
        <v>0</v>
      </c>
      <c r="JU21" s="119">
        <v>0</v>
      </c>
      <c r="JV21" s="119">
        <v>135356</v>
      </c>
      <c r="JW21" s="119">
        <v>120302</v>
      </c>
      <c r="JX21" s="119">
        <v>0</v>
      </c>
      <c r="JY21" s="119">
        <v>96381</v>
      </c>
      <c r="JZ21" s="120">
        <v>352039</v>
      </c>
      <c r="KA21" s="321">
        <v>352039</v>
      </c>
      <c r="KB21" s="234">
        <v>0</v>
      </c>
      <c r="KC21" s="230">
        <v>0</v>
      </c>
      <c r="KD21" s="120">
        <v>0</v>
      </c>
      <c r="KE21" s="118">
        <v>0</v>
      </c>
      <c r="KF21" s="119">
        <v>0</v>
      </c>
      <c r="KG21" s="119">
        <v>0</v>
      </c>
      <c r="KH21" s="119">
        <v>0</v>
      </c>
      <c r="KI21" s="119">
        <v>0</v>
      </c>
      <c r="KJ21" s="119">
        <v>246894</v>
      </c>
      <c r="KK21" s="120">
        <v>246894</v>
      </c>
      <c r="KL21" s="143">
        <v>246894</v>
      </c>
      <c r="KM21" s="232">
        <v>0</v>
      </c>
      <c r="KN21" s="236">
        <v>0</v>
      </c>
      <c r="KO21" s="237">
        <v>0</v>
      </c>
      <c r="KP21" s="140"/>
      <c r="KQ21" s="119">
        <v>34485</v>
      </c>
      <c r="KR21" s="119">
        <v>211198</v>
      </c>
      <c r="KS21" s="119">
        <v>441130</v>
      </c>
      <c r="KT21" s="119">
        <v>221945</v>
      </c>
      <c r="KU21" s="119">
        <v>0</v>
      </c>
      <c r="KV21" s="120">
        <v>908758</v>
      </c>
      <c r="KW21" s="321">
        <v>908758</v>
      </c>
      <c r="KX21" s="142">
        <v>0</v>
      </c>
      <c r="KY21" s="119">
        <v>0</v>
      </c>
      <c r="KZ21" s="120">
        <v>0</v>
      </c>
      <c r="LA21" s="145"/>
      <c r="LB21" s="119">
        <v>0</v>
      </c>
      <c r="LC21" s="119">
        <v>0</v>
      </c>
      <c r="LD21" s="119">
        <v>0</v>
      </c>
      <c r="LE21" s="119">
        <v>0</v>
      </c>
      <c r="LF21" s="119">
        <v>0</v>
      </c>
      <c r="LG21" s="120">
        <v>0</v>
      </c>
      <c r="LH21" s="121">
        <v>0</v>
      </c>
      <c r="LI21" s="142">
        <v>0</v>
      </c>
      <c r="LJ21" s="119">
        <v>0</v>
      </c>
      <c r="LK21" s="120">
        <v>0</v>
      </c>
      <c r="LL21" s="145"/>
      <c r="LM21" s="119">
        <v>0</v>
      </c>
      <c r="LN21" s="119">
        <v>0</v>
      </c>
      <c r="LO21" s="119">
        <v>0</v>
      </c>
      <c r="LP21" s="119">
        <v>0</v>
      </c>
      <c r="LQ21" s="119">
        <v>0</v>
      </c>
      <c r="LR21" s="120">
        <v>0</v>
      </c>
      <c r="LS21" s="321">
        <v>0</v>
      </c>
      <c r="LT21" s="142">
        <v>0</v>
      </c>
      <c r="LU21" s="119">
        <v>0</v>
      </c>
      <c r="LV21" s="120">
        <v>0</v>
      </c>
      <c r="LW21" s="145"/>
      <c r="LX21" s="119">
        <v>0</v>
      </c>
      <c r="LY21" s="119">
        <v>0</v>
      </c>
      <c r="LZ21" s="119">
        <v>0</v>
      </c>
      <c r="MA21" s="119">
        <v>0</v>
      </c>
      <c r="MB21" s="119">
        <v>0</v>
      </c>
      <c r="MC21" s="120">
        <v>0</v>
      </c>
      <c r="MD21" s="121">
        <v>0</v>
      </c>
      <c r="ME21" s="142">
        <v>0</v>
      </c>
      <c r="MF21" s="119">
        <v>0</v>
      </c>
      <c r="MG21" s="120">
        <v>0</v>
      </c>
      <c r="MH21" s="145"/>
      <c r="MI21" s="119">
        <v>607303</v>
      </c>
      <c r="MJ21" s="119">
        <v>942157</v>
      </c>
      <c r="MK21" s="119">
        <v>2393705</v>
      </c>
      <c r="ML21" s="119">
        <v>3080295</v>
      </c>
      <c r="MM21" s="119">
        <v>775281</v>
      </c>
      <c r="MN21" s="120">
        <v>7798741</v>
      </c>
      <c r="MO21" s="143">
        <v>7798741</v>
      </c>
      <c r="MP21" s="142">
        <v>0</v>
      </c>
      <c r="MQ21" s="119">
        <v>0</v>
      </c>
      <c r="MR21" s="120">
        <v>0</v>
      </c>
      <c r="MS21" s="145"/>
      <c r="MT21" s="119">
        <v>0</v>
      </c>
      <c r="MU21" s="119">
        <v>0</v>
      </c>
      <c r="MV21" s="119">
        <v>1421553</v>
      </c>
      <c r="MW21" s="119">
        <v>1346519</v>
      </c>
      <c r="MX21" s="119">
        <v>0</v>
      </c>
      <c r="MY21" s="120">
        <v>2768072</v>
      </c>
      <c r="MZ21" s="143">
        <v>2768072</v>
      </c>
      <c r="NA21" s="142">
        <v>0</v>
      </c>
      <c r="NB21" s="119">
        <v>0</v>
      </c>
      <c r="NC21" s="120">
        <v>0</v>
      </c>
      <c r="ND21" s="145"/>
      <c r="NE21" s="119">
        <v>607303</v>
      </c>
      <c r="NF21" s="119">
        <v>942157</v>
      </c>
      <c r="NG21" s="119">
        <v>972152</v>
      </c>
      <c r="NH21" s="119">
        <v>1244686</v>
      </c>
      <c r="NI21" s="119">
        <v>775281</v>
      </c>
      <c r="NJ21" s="120">
        <v>4541579</v>
      </c>
      <c r="NK21" s="321">
        <v>4541579</v>
      </c>
      <c r="NL21" s="142">
        <v>0</v>
      </c>
      <c r="NM21" s="119">
        <v>0</v>
      </c>
      <c r="NN21" s="120">
        <v>0</v>
      </c>
      <c r="NO21" s="145"/>
      <c r="NP21" s="119">
        <v>0</v>
      </c>
      <c r="NQ21" s="119">
        <v>0</v>
      </c>
      <c r="NR21" s="119">
        <v>0</v>
      </c>
      <c r="NS21" s="119">
        <v>0</v>
      </c>
      <c r="NT21" s="119">
        <v>0</v>
      </c>
      <c r="NU21" s="120">
        <v>0</v>
      </c>
      <c r="NV21" s="121">
        <v>0</v>
      </c>
      <c r="NW21" s="142">
        <v>0</v>
      </c>
      <c r="NX21" s="119">
        <v>0</v>
      </c>
      <c r="NY21" s="120">
        <v>0</v>
      </c>
      <c r="NZ21" s="145"/>
      <c r="OA21" s="119">
        <v>0</v>
      </c>
      <c r="OB21" s="119">
        <v>0</v>
      </c>
      <c r="OC21" s="119">
        <v>0</v>
      </c>
      <c r="OD21" s="119">
        <v>489090</v>
      </c>
      <c r="OE21" s="119">
        <v>0</v>
      </c>
      <c r="OF21" s="120">
        <v>489090</v>
      </c>
      <c r="OG21" s="121">
        <v>489090</v>
      </c>
      <c r="OH21" s="142">
        <v>451663</v>
      </c>
      <c r="OI21" s="119">
        <v>513863</v>
      </c>
      <c r="OJ21" s="141">
        <v>965526</v>
      </c>
      <c r="OK21" s="118">
        <v>0</v>
      </c>
      <c r="OL21" s="119">
        <v>4897423</v>
      </c>
      <c r="OM21" s="119">
        <v>6127037</v>
      </c>
      <c r="ON21" s="119">
        <v>5831841</v>
      </c>
      <c r="OO21" s="119">
        <v>6564016</v>
      </c>
      <c r="OP21" s="119">
        <v>3948542</v>
      </c>
      <c r="OQ21" s="120">
        <v>27368859</v>
      </c>
      <c r="OR21" s="143">
        <v>28334385</v>
      </c>
    </row>
    <row r="22" spans="1:408" ht="20.25" customHeight="1" x14ac:dyDescent="0.2">
      <c r="A22" s="126" t="s">
        <v>17</v>
      </c>
      <c r="B22" s="110">
        <v>333959</v>
      </c>
      <c r="C22" s="114">
        <v>1010056</v>
      </c>
      <c r="D22" s="113">
        <v>1344015</v>
      </c>
      <c r="E22" s="109">
        <v>0</v>
      </c>
      <c r="F22" s="114">
        <v>3979535</v>
      </c>
      <c r="G22" s="114">
        <v>7177968</v>
      </c>
      <c r="H22" s="114">
        <v>5342977</v>
      </c>
      <c r="I22" s="114">
        <v>5457458</v>
      </c>
      <c r="J22" s="114">
        <v>3402034</v>
      </c>
      <c r="K22" s="109">
        <v>25359972</v>
      </c>
      <c r="L22" s="116">
        <v>26703987</v>
      </c>
      <c r="M22" s="110">
        <v>134745</v>
      </c>
      <c r="N22" s="114">
        <v>478235</v>
      </c>
      <c r="O22" s="113">
        <v>612980</v>
      </c>
      <c r="P22" s="110">
        <v>0</v>
      </c>
      <c r="Q22" s="114">
        <v>763079</v>
      </c>
      <c r="R22" s="114">
        <v>2479280</v>
      </c>
      <c r="S22" s="114">
        <v>2079068</v>
      </c>
      <c r="T22" s="114">
        <v>1467627</v>
      </c>
      <c r="U22" s="114">
        <v>1713697</v>
      </c>
      <c r="V22" s="113">
        <v>8502751</v>
      </c>
      <c r="W22" s="116">
        <v>9115731</v>
      </c>
      <c r="X22" s="110">
        <v>0</v>
      </c>
      <c r="Y22" s="114">
        <v>0</v>
      </c>
      <c r="Z22" s="113">
        <v>0</v>
      </c>
      <c r="AA22" s="110">
        <v>0</v>
      </c>
      <c r="AB22" s="114">
        <v>153032</v>
      </c>
      <c r="AC22" s="114">
        <v>968654</v>
      </c>
      <c r="AD22" s="114">
        <v>1314262</v>
      </c>
      <c r="AE22" s="114">
        <v>651598</v>
      </c>
      <c r="AF22" s="114">
        <v>967648</v>
      </c>
      <c r="AG22" s="113">
        <v>4055194</v>
      </c>
      <c r="AH22" s="116">
        <v>4055194</v>
      </c>
      <c r="AI22" s="110">
        <v>0</v>
      </c>
      <c r="AJ22" s="114">
        <v>0</v>
      </c>
      <c r="AK22" s="113">
        <v>0</v>
      </c>
      <c r="AL22" s="110">
        <v>0</v>
      </c>
      <c r="AM22" s="114">
        <v>0</v>
      </c>
      <c r="AN22" s="114">
        <v>213645</v>
      </c>
      <c r="AO22" s="114">
        <v>40964</v>
      </c>
      <c r="AP22" s="114">
        <v>194910</v>
      </c>
      <c r="AQ22" s="114">
        <v>192907</v>
      </c>
      <c r="AR22" s="113">
        <v>642426</v>
      </c>
      <c r="AS22" s="116">
        <v>642426</v>
      </c>
      <c r="AT22" s="110">
        <v>105576</v>
      </c>
      <c r="AU22" s="114">
        <v>400220</v>
      </c>
      <c r="AV22" s="113">
        <v>505796</v>
      </c>
      <c r="AW22" s="110">
        <v>0</v>
      </c>
      <c r="AX22" s="114">
        <v>385704</v>
      </c>
      <c r="AY22" s="114">
        <v>899980</v>
      </c>
      <c r="AZ22" s="114">
        <v>433323</v>
      </c>
      <c r="BA22" s="114">
        <v>287926</v>
      </c>
      <c r="BB22" s="114">
        <v>312013</v>
      </c>
      <c r="BC22" s="113">
        <v>2318946</v>
      </c>
      <c r="BD22" s="116">
        <v>2824742</v>
      </c>
      <c r="BE22" s="110">
        <v>0</v>
      </c>
      <c r="BF22" s="114">
        <v>0</v>
      </c>
      <c r="BG22" s="112">
        <v>0</v>
      </c>
      <c r="BH22" s="111">
        <v>0</v>
      </c>
      <c r="BI22" s="114">
        <v>0</v>
      </c>
      <c r="BJ22" s="114">
        <v>37369</v>
      </c>
      <c r="BK22" s="114">
        <v>28026</v>
      </c>
      <c r="BL22" s="114">
        <v>0</v>
      </c>
      <c r="BM22" s="114">
        <v>0</v>
      </c>
      <c r="BN22" s="113">
        <v>65395</v>
      </c>
      <c r="BO22" s="116">
        <v>65395</v>
      </c>
      <c r="BP22" s="110">
        <v>29169</v>
      </c>
      <c r="BQ22" s="114">
        <v>78015</v>
      </c>
      <c r="BR22" s="113">
        <v>107184</v>
      </c>
      <c r="BS22" s="110">
        <v>0</v>
      </c>
      <c r="BT22" s="114">
        <v>224343</v>
      </c>
      <c r="BU22" s="114">
        <v>359632</v>
      </c>
      <c r="BV22" s="114">
        <v>262493</v>
      </c>
      <c r="BW22" s="114">
        <v>333193</v>
      </c>
      <c r="BX22" s="114">
        <v>241129</v>
      </c>
      <c r="BY22" s="113">
        <v>1420790</v>
      </c>
      <c r="BZ22" s="116">
        <v>1527974</v>
      </c>
      <c r="CA22" s="110">
        <v>38258</v>
      </c>
      <c r="CB22" s="114">
        <v>127283</v>
      </c>
      <c r="CC22" s="113">
        <v>165541</v>
      </c>
      <c r="CD22" s="110">
        <v>0</v>
      </c>
      <c r="CE22" s="114">
        <v>1508648</v>
      </c>
      <c r="CF22" s="114">
        <v>2414474</v>
      </c>
      <c r="CG22" s="114">
        <v>1499424</v>
      </c>
      <c r="CH22" s="114">
        <v>633552</v>
      </c>
      <c r="CI22" s="114">
        <v>12523</v>
      </c>
      <c r="CJ22" s="113">
        <v>6068621</v>
      </c>
      <c r="CK22" s="116">
        <v>6234162</v>
      </c>
      <c r="CL22" s="110">
        <v>0</v>
      </c>
      <c r="CM22" s="114">
        <v>0</v>
      </c>
      <c r="CN22" s="113">
        <v>0</v>
      </c>
      <c r="CO22" s="111">
        <v>0</v>
      </c>
      <c r="CP22" s="114">
        <v>1169143</v>
      </c>
      <c r="CQ22" s="114">
        <v>2229784</v>
      </c>
      <c r="CR22" s="114">
        <v>1164185</v>
      </c>
      <c r="CS22" s="114">
        <v>433408</v>
      </c>
      <c r="CT22" s="114">
        <v>0</v>
      </c>
      <c r="CU22" s="113">
        <v>4996520</v>
      </c>
      <c r="CV22" s="116">
        <v>4996520</v>
      </c>
      <c r="CW22" s="110">
        <v>38258</v>
      </c>
      <c r="CX22" s="114">
        <v>127283</v>
      </c>
      <c r="CY22" s="113">
        <v>165541</v>
      </c>
      <c r="CZ22" s="110">
        <v>0</v>
      </c>
      <c r="DA22" s="114">
        <v>339505</v>
      </c>
      <c r="DB22" s="114">
        <v>184690</v>
      </c>
      <c r="DC22" s="114">
        <v>335239</v>
      </c>
      <c r="DD22" s="114">
        <v>200144</v>
      </c>
      <c r="DE22" s="114">
        <v>12523</v>
      </c>
      <c r="DF22" s="113">
        <v>1072101</v>
      </c>
      <c r="DG22" s="116">
        <v>1237642</v>
      </c>
      <c r="DH22" s="110">
        <v>0</v>
      </c>
      <c r="DI22" s="114">
        <v>0</v>
      </c>
      <c r="DJ22" s="112">
        <v>0</v>
      </c>
      <c r="DK22" s="111">
        <v>0</v>
      </c>
      <c r="DL22" s="114">
        <v>106676</v>
      </c>
      <c r="DM22" s="114">
        <v>319005</v>
      </c>
      <c r="DN22" s="114">
        <v>391739</v>
      </c>
      <c r="DO22" s="114">
        <v>314177</v>
      </c>
      <c r="DP22" s="114">
        <v>0</v>
      </c>
      <c r="DQ22" s="113">
        <v>1131597</v>
      </c>
      <c r="DR22" s="116">
        <v>1131597</v>
      </c>
      <c r="DS22" s="110">
        <v>0</v>
      </c>
      <c r="DT22" s="114">
        <v>0</v>
      </c>
      <c r="DU22" s="113">
        <v>0</v>
      </c>
      <c r="DV22" s="110">
        <v>0</v>
      </c>
      <c r="DW22" s="114">
        <v>70296</v>
      </c>
      <c r="DX22" s="114">
        <v>319005</v>
      </c>
      <c r="DY22" s="114">
        <v>320011</v>
      </c>
      <c r="DZ22" s="114">
        <v>314177</v>
      </c>
      <c r="EA22" s="114">
        <v>0</v>
      </c>
      <c r="EB22" s="113">
        <v>1023489</v>
      </c>
      <c r="EC22" s="116">
        <v>1023489</v>
      </c>
      <c r="ED22" s="110">
        <v>0</v>
      </c>
      <c r="EE22" s="112">
        <v>0</v>
      </c>
      <c r="EF22" s="113">
        <v>0</v>
      </c>
      <c r="EG22" s="110">
        <v>0</v>
      </c>
      <c r="EH22" s="114">
        <v>36380</v>
      </c>
      <c r="EI22" s="114">
        <v>0</v>
      </c>
      <c r="EJ22" s="114">
        <v>71728</v>
      </c>
      <c r="EK22" s="114">
        <v>0</v>
      </c>
      <c r="EL22" s="114">
        <v>0</v>
      </c>
      <c r="EM22" s="112">
        <v>108108</v>
      </c>
      <c r="EN22" s="116">
        <v>108108</v>
      </c>
      <c r="EO22" s="110">
        <v>0</v>
      </c>
      <c r="EP22" s="114">
        <v>0</v>
      </c>
      <c r="EQ22" s="112">
        <v>0</v>
      </c>
      <c r="ER22" s="111">
        <v>0</v>
      </c>
      <c r="ES22" s="114">
        <v>0</v>
      </c>
      <c r="ET22" s="114">
        <v>0</v>
      </c>
      <c r="EU22" s="114">
        <v>0</v>
      </c>
      <c r="EV22" s="114">
        <v>0</v>
      </c>
      <c r="EW22" s="114">
        <v>0</v>
      </c>
      <c r="EX22" s="113">
        <v>0</v>
      </c>
      <c r="EY22" s="116">
        <v>0</v>
      </c>
      <c r="EZ22" s="110">
        <v>0</v>
      </c>
      <c r="FA22" s="114">
        <v>0</v>
      </c>
      <c r="FB22" s="112">
        <v>0</v>
      </c>
      <c r="FC22" s="348"/>
      <c r="FD22" s="114">
        <v>0</v>
      </c>
      <c r="FE22" s="114">
        <v>0</v>
      </c>
      <c r="FF22" s="114">
        <v>0</v>
      </c>
      <c r="FG22" s="114">
        <v>0</v>
      </c>
      <c r="FH22" s="114">
        <v>0</v>
      </c>
      <c r="FI22" s="113">
        <v>0</v>
      </c>
      <c r="FJ22" s="116">
        <v>0</v>
      </c>
      <c r="FK22" s="110">
        <v>61628</v>
      </c>
      <c r="FL22" s="114">
        <v>88578</v>
      </c>
      <c r="FM22" s="113">
        <v>150206</v>
      </c>
      <c r="FN22" s="110">
        <v>0</v>
      </c>
      <c r="FO22" s="114">
        <v>95256</v>
      </c>
      <c r="FP22" s="114">
        <v>756674</v>
      </c>
      <c r="FQ22" s="114">
        <v>527037</v>
      </c>
      <c r="FR22" s="114">
        <v>430542</v>
      </c>
      <c r="FS22" s="114">
        <v>231833</v>
      </c>
      <c r="FT22" s="113">
        <v>2041342</v>
      </c>
      <c r="FU22" s="116">
        <v>2191548</v>
      </c>
      <c r="FV22" s="115">
        <v>61628</v>
      </c>
      <c r="FW22" s="114">
        <v>88578</v>
      </c>
      <c r="FX22" s="112">
        <v>150206</v>
      </c>
      <c r="FY22" s="111">
        <v>0</v>
      </c>
      <c r="FZ22" s="114">
        <v>95256</v>
      </c>
      <c r="GA22" s="114">
        <v>602952</v>
      </c>
      <c r="GB22" s="114">
        <v>527037</v>
      </c>
      <c r="GC22" s="114">
        <v>414372</v>
      </c>
      <c r="GD22" s="114">
        <v>215509</v>
      </c>
      <c r="GE22" s="113">
        <v>1855126</v>
      </c>
      <c r="GF22" s="319">
        <v>2005332</v>
      </c>
      <c r="GG22" s="115">
        <v>0</v>
      </c>
      <c r="GH22" s="114">
        <v>0</v>
      </c>
      <c r="GI22" s="112">
        <v>0</v>
      </c>
      <c r="GJ22" s="111">
        <v>0</v>
      </c>
      <c r="GK22" s="114">
        <v>0</v>
      </c>
      <c r="GL22" s="114">
        <v>38402</v>
      </c>
      <c r="GM22" s="114">
        <v>0</v>
      </c>
      <c r="GN22" s="114">
        <v>16170</v>
      </c>
      <c r="GO22" s="114">
        <v>16324</v>
      </c>
      <c r="GP22" s="113">
        <v>70896</v>
      </c>
      <c r="GQ22" s="116">
        <v>70896</v>
      </c>
      <c r="GR22" s="110">
        <v>0</v>
      </c>
      <c r="GS22" s="114">
        <v>0</v>
      </c>
      <c r="GT22" s="113">
        <v>0</v>
      </c>
      <c r="GU22" s="110">
        <v>0</v>
      </c>
      <c r="GV22" s="114">
        <v>0</v>
      </c>
      <c r="GW22" s="114">
        <v>115320</v>
      </c>
      <c r="GX22" s="114">
        <v>0</v>
      </c>
      <c r="GY22" s="114">
        <v>0</v>
      </c>
      <c r="GZ22" s="114">
        <v>0</v>
      </c>
      <c r="HA22" s="112">
        <v>115320</v>
      </c>
      <c r="HB22" s="116">
        <v>115320</v>
      </c>
      <c r="HC22" s="110">
        <v>99328</v>
      </c>
      <c r="HD22" s="114">
        <v>315960</v>
      </c>
      <c r="HE22" s="112">
        <v>415288</v>
      </c>
      <c r="HF22" s="111">
        <v>0</v>
      </c>
      <c r="HG22" s="114">
        <v>1505876</v>
      </c>
      <c r="HH22" s="114">
        <v>1208535</v>
      </c>
      <c r="HI22" s="114">
        <v>845709</v>
      </c>
      <c r="HJ22" s="114">
        <v>2611560</v>
      </c>
      <c r="HK22" s="114">
        <v>1443981</v>
      </c>
      <c r="HL22" s="113">
        <v>7615661</v>
      </c>
      <c r="HM22" s="109">
        <v>8030949</v>
      </c>
      <c r="HN22" s="329"/>
      <c r="HO22" s="330"/>
      <c r="HP22" s="331"/>
      <c r="HQ22" s="332"/>
      <c r="HR22" s="330"/>
      <c r="HS22" s="330"/>
      <c r="HT22" s="330"/>
      <c r="HU22" s="330"/>
      <c r="HV22" s="330"/>
      <c r="HW22" s="333"/>
      <c r="HX22" s="334"/>
      <c r="HY22" s="150">
        <v>0</v>
      </c>
      <c r="HZ22" s="135">
        <v>0</v>
      </c>
      <c r="IA22" s="150">
        <v>0</v>
      </c>
      <c r="IB22" s="134">
        <v>0</v>
      </c>
      <c r="IC22" s="135">
        <v>942756</v>
      </c>
      <c r="ID22" s="136">
        <v>2162692</v>
      </c>
      <c r="IE22" s="137">
        <v>1799766</v>
      </c>
      <c r="IF22" s="135">
        <v>1626659</v>
      </c>
      <c r="IG22" s="137">
        <v>1976336</v>
      </c>
      <c r="IH22" s="138">
        <v>8508209</v>
      </c>
      <c r="II22" s="150">
        <v>8508209</v>
      </c>
      <c r="IJ22" s="232">
        <v>0</v>
      </c>
      <c r="IK22" s="236">
        <v>0</v>
      </c>
      <c r="IL22" s="237">
        <v>0</v>
      </c>
      <c r="IM22" s="140"/>
      <c r="IN22" s="119">
        <v>0</v>
      </c>
      <c r="IO22" s="119">
        <v>0</v>
      </c>
      <c r="IP22" s="119">
        <v>0</v>
      </c>
      <c r="IQ22" s="119">
        <v>0</v>
      </c>
      <c r="IR22" s="119">
        <v>0</v>
      </c>
      <c r="IS22" s="141">
        <v>0</v>
      </c>
      <c r="IT22" s="321">
        <v>0</v>
      </c>
      <c r="IU22" s="142">
        <v>0</v>
      </c>
      <c r="IV22" s="119">
        <v>0</v>
      </c>
      <c r="IW22" s="120">
        <v>0</v>
      </c>
      <c r="IX22" s="144"/>
      <c r="IY22" s="119">
        <v>0</v>
      </c>
      <c r="IZ22" s="119">
        <v>0</v>
      </c>
      <c r="JA22" s="119">
        <v>0</v>
      </c>
      <c r="JB22" s="119">
        <v>0</v>
      </c>
      <c r="JC22" s="119">
        <v>0</v>
      </c>
      <c r="JD22" s="120">
        <v>0</v>
      </c>
      <c r="JE22" s="121">
        <v>0</v>
      </c>
      <c r="JF22" s="142">
        <v>0</v>
      </c>
      <c r="JG22" s="119">
        <v>0</v>
      </c>
      <c r="JH22" s="141">
        <v>0</v>
      </c>
      <c r="JI22" s="118">
        <v>0</v>
      </c>
      <c r="JJ22" s="119">
        <v>529773</v>
      </c>
      <c r="JK22" s="119">
        <v>764187</v>
      </c>
      <c r="JL22" s="119">
        <v>292682</v>
      </c>
      <c r="JM22" s="119">
        <v>330974</v>
      </c>
      <c r="JN22" s="119">
        <v>85347</v>
      </c>
      <c r="JO22" s="120">
        <v>2002963</v>
      </c>
      <c r="JP22" s="321">
        <v>2002963</v>
      </c>
      <c r="JQ22" s="142">
        <v>0</v>
      </c>
      <c r="JR22" s="119">
        <v>0</v>
      </c>
      <c r="JS22" s="141">
        <v>0</v>
      </c>
      <c r="JT22" s="118">
        <v>0</v>
      </c>
      <c r="JU22" s="119">
        <v>0</v>
      </c>
      <c r="JV22" s="119">
        <v>0</v>
      </c>
      <c r="JW22" s="119">
        <v>0</v>
      </c>
      <c r="JX22" s="119">
        <v>0</v>
      </c>
      <c r="JY22" s="119">
        <v>0</v>
      </c>
      <c r="JZ22" s="120">
        <v>0</v>
      </c>
      <c r="KA22" s="321">
        <v>0</v>
      </c>
      <c r="KB22" s="234">
        <v>0</v>
      </c>
      <c r="KC22" s="230">
        <v>0</v>
      </c>
      <c r="KD22" s="120">
        <v>0</v>
      </c>
      <c r="KE22" s="118">
        <v>0</v>
      </c>
      <c r="KF22" s="119">
        <v>0</v>
      </c>
      <c r="KG22" s="119">
        <v>318111</v>
      </c>
      <c r="KH22" s="119">
        <v>220233</v>
      </c>
      <c r="KI22" s="119">
        <v>470216</v>
      </c>
      <c r="KJ22" s="119">
        <v>0</v>
      </c>
      <c r="KK22" s="120">
        <v>1008560</v>
      </c>
      <c r="KL22" s="143">
        <v>1008560</v>
      </c>
      <c r="KM22" s="232">
        <v>0</v>
      </c>
      <c r="KN22" s="236">
        <v>0</v>
      </c>
      <c r="KO22" s="237">
        <v>0</v>
      </c>
      <c r="KP22" s="140"/>
      <c r="KQ22" s="119">
        <v>412983</v>
      </c>
      <c r="KR22" s="119">
        <v>1080394</v>
      </c>
      <c r="KS22" s="119">
        <v>620325</v>
      </c>
      <c r="KT22" s="119">
        <v>595557</v>
      </c>
      <c r="KU22" s="119">
        <v>1132961</v>
      </c>
      <c r="KV22" s="120">
        <v>3842220</v>
      </c>
      <c r="KW22" s="321">
        <v>3842220</v>
      </c>
      <c r="KX22" s="142">
        <v>0</v>
      </c>
      <c r="KY22" s="119">
        <v>0</v>
      </c>
      <c r="KZ22" s="120">
        <v>0</v>
      </c>
      <c r="LA22" s="145"/>
      <c r="LB22" s="119">
        <v>0</v>
      </c>
      <c r="LC22" s="119">
        <v>0</v>
      </c>
      <c r="LD22" s="119">
        <v>0</v>
      </c>
      <c r="LE22" s="119">
        <v>0</v>
      </c>
      <c r="LF22" s="119">
        <v>0</v>
      </c>
      <c r="LG22" s="120">
        <v>0</v>
      </c>
      <c r="LH22" s="121">
        <v>0</v>
      </c>
      <c r="LI22" s="142">
        <v>0</v>
      </c>
      <c r="LJ22" s="119">
        <v>0</v>
      </c>
      <c r="LK22" s="120">
        <v>0</v>
      </c>
      <c r="LL22" s="145"/>
      <c r="LM22" s="119">
        <v>0</v>
      </c>
      <c r="LN22" s="119">
        <v>0</v>
      </c>
      <c r="LO22" s="119">
        <v>666526</v>
      </c>
      <c r="LP22" s="119">
        <v>229912</v>
      </c>
      <c r="LQ22" s="119">
        <v>758028</v>
      </c>
      <c r="LR22" s="120">
        <v>1654466</v>
      </c>
      <c r="LS22" s="321">
        <v>1654466</v>
      </c>
      <c r="LT22" s="142">
        <v>0</v>
      </c>
      <c r="LU22" s="119">
        <v>0</v>
      </c>
      <c r="LV22" s="120">
        <v>0</v>
      </c>
      <c r="LW22" s="145"/>
      <c r="LX22" s="119">
        <v>0</v>
      </c>
      <c r="LY22" s="119">
        <v>0</v>
      </c>
      <c r="LZ22" s="119">
        <v>0</v>
      </c>
      <c r="MA22" s="119">
        <v>0</v>
      </c>
      <c r="MB22" s="119">
        <v>0</v>
      </c>
      <c r="MC22" s="120">
        <v>0</v>
      </c>
      <c r="MD22" s="121">
        <v>0</v>
      </c>
      <c r="ME22" s="142">
        <v>0</v>
      </c>
      <c r="MF22" s="119">
        <v>0</v>
      </c>
      <c r="MG22" s="120">
        <v>0</v>
      </c>
      <c r="MH22" s="145"/>
      <c r="MI22" s="119">
        <v>192757</v>
      </c>
      <c r="MJ22" s="119">
        <v>1292856</v>
      </c>
      <c r="MK22" s="119">
        <v>4346309</v>
      </c>
      <c r="ML22" s="119">
        <v>3170173</v>
      </c>
      <c r="MM22" s="119">
        <v>1626848</v>
      </c>
      <c r="MN22" s="120">
        <v>10628943</v>
      </c>
      <c r="MO22" s="143">
        <v>10628943</v>
      </c>
      <c r="MP22" s="142">
        <v>0</v>
      </c>
      <c r="MQ22" s="119">
        <v>0</v>
      </c>
      <c r="MR22" s="120">
        <v>0</v>
      </c>
      <c r="MS22" s="145"/>
      <c r="MT22" s="119">
        <v>192757</v>
      </c>
      <c r="MU22" s="119">
        <v>398558</v>
      </c>
      <c r="MV22" s="119">
        <v>1470046</v>
      </c>
      <c r="MW22" s="119">
        <v>1331694</v>
      </c>
      <c r="MX22" s="119">
        <v>982112</v>
      </c>
      <c r="MY22" s="120">
        <v>4375167</v>
      </c>
      <c r="MZ22" s="143">
        <v>4375167</v>
      </c>
      <c r="NA22" s="142">
        <v>0</v>
      </c>
      <c r="NB22" s="119">
        <v>0</v>
      </c>
      <c r="NC22" s="120">
        <v>0</v>
      </c>
      <c r="ND22" s="145"/>
      <c r="NE22" s="119">
        <v>0</v>
      </c>
      <c r="NF22" s="119">
        <v>894298</v>
      </c>
      <c r="NG22" s="119">
        <v>2876263</v>
      </c>
      <c r="NH22" s="119">
        <v>1838479</v>
      </c>
      <c r="NI22" s="119">
        <v>648258</v>
      </c>
      <c r="NJ22" s="120">
        <v>6257298</v>
      </c>
      <c r="NK22" s="321">
        <v>6257298</v>
      </c>
      <c r="NL22" s="142">
        <v>0</v>
      </c>
      <c r="NM22" s="119">
        <v>0</v>
      </c>
      <c r="NN22" s="120">
        <v>0</v>
      </c>
      <c r="NO22" s="145"/>
      <c r="NP22" s="119">
        <v>0</v>
      </c>
      <c r="NQ22" s="119">
        <v>0</v>
      </c>
      <c r="NR22" s="119">
        <v>0</v>
      </c>
      <c r="NS22" s="119">
        <v>0</v>
      </c>
      <c r="NT22" s="119">
        <v>0</v>
      </c>
      <c r="NU22" s="120">
        <v>0</v>
      </c>
      <c r="NV22" s="121">
        <v>0</v>
      </c>
      <c r="NW22" s="142">
        <v>0</v>
      </c>
      <c r="NX22" s="119">
        <v>0</v>
      </c>
      <c r="NY22" s="120">
        <v>0</v>
      </c>
      <c r="NZ22" s="145"/>
      <c r="OA22" s="119">
        <v>0</v>
      </c>
      <c r="OB22" s="119">
        <v>0</v>
      </c>
      <c r="OC22" s="119">
        <v>0</v>
      </c>
      <c r="OD22" s="119">
        <v>0</v>
      </c>
      <c r="OE22" s="119">
        <v>-3522</v>
      </c>
      <c r="OF22" s="120">
        <v>-3522</v>
      </c>
      <c r="OG22" s="121">
        <v>-3522</v>
      </c>
      <c r="OH22" s="142">
        <v>333959</v>
      </c>
      <c r="OI22" s="119">
        <v>1010056</v>
      </c>
      <c r="OJ22" s="141">
        <v>1344015</v>
      </c>
      <c r="OK22" s="118">
        <v>0</v>
      </c>
      <c r="OL22" s="119">
        <v>5115048</v>
      </c>
      <c r="OM22" s="119">
        <v>10633516</v>
      </c>
      <c r="ON22" s="119">
        <v>11489052</v>
      </c>
      <c r="OO22" s="119">
        <v>10254290</v>
      </c>
      <c r="OP22" s="119">
        <v>7005218</v>
      </c>
      <c r="OQ22" s="120">
        <v>44497124</v>
      </c>
      <c r="OR22" s="143">
        <v>45841139</v>
      </c>
    </row>
    <row r="23" spans="1:408" ht="20.25" customHeight="1" x14ac:dyDescent="0.2">
      <c r="A23" s="126" t="s">
        <v>18</v>
      </c>
      <c r="B23" s="110">
        <v>602969</v>
      </c>
      <c r="C23" s="114">
        <v>473860</v>
      </c>
      <c r="D23" s="113">
        <v>1076829</v>
      </c>
      <c r="E23" s="109">
        <v>0</v>
      </c>
      <c r="F23" s="114">
        <v>5593634</v>
      </c>
      <c r="G23" s="114">
        <v>8790683</v>
      </c>
      <c r="H23" s="114">
        <v>5783921</v>
      </c>
      <c r="I23" s="114">
        <v>7942738</v>
      </c>
      <c r="J23" s="114">
        <v>5667993</v>
      </c>
      <c r="K23" s="109">
        <v>33778969</v>
      </c>
      <c r="L23" s="116">
        <v>34855798</v>
      </c>
      <c r="M23" s="110">
        <v>194571</v>
      </c>
      <c r="N23" s="114">
        <v>157277</v>
      </c>
      <c r="O23" s="113">
        <v>351848</v>
      </c>
      <c r="P23" s="110">
        <v>0</v>
      </c>
      <c r="Q23" s="114">
        <v>1659610</v>
      </c>
      <c r="R23" s="114">
        <v>2503949</v>
      </c>
      <c r="S23" s="114">
        <v>2166858</v>
      </c>
      <c r="T23" s="114">
        <v>3319168</v>
      </c>
      <c r="U23" s="114">
        <v>2033835</v>
      </c>
      <c r="V23" s="113">
        <v>11683420</v>
      </c>
      <c r="W23" s="116">
        <v>12035268</v>
      </c>
      <c r="X23" s="110">
        <v>0</v>
      </c>
      <c r="Y23" s="114">
        <v>0</v>
      </c>
      <c r="Z23" s="113">
        <v>0</v>
      </c>
      <c r="AA23" s="110">
        <v>0</v>
      </c>
      <c r="AB23" s="114">
        <v>736606</v>
      </c>
      <c r="AC23" s="114">
        <v>1066110</v>
      </c>
      <c r="AD23" s="114">
        <v>1360029</v>
      </c>
      <c r="AE23" s="114">
        <v>1758347</v>
      </c>
      <c r="AF23" s="114">
        <v>782591</v>
      </c>
      <c r="AG23" s="113">
        <v>5703683</v>
      </c>
      <c r="AH23" s="116">
        <v>5703683</v>
      </c>
      <c r="AI23" s="110">
        <v>0</v>
      </c>
      <c r="AJ23" s="114">
        <v>0</v>
      </c>
      <c r="AK23" s="113">
        <v>0</v>
      </c>
      <c r="AL23" s="110">
        <v>0</v>
      </c>
      <c r="AM23" s="114">
        <v>0</v>
      </c>
      <c r="AN23" s="114">
        <v>52691</v>
      </c>
      <c r="AO23" s="114">
        <v>19968</v>
      </c>
      <c r="AP23" s="114">
        <v>155657</v>
      </c>
      <c r="AQ23" s="114">
        <v>271756</v>
      </c>
      <c r="AR23" s="113">
        <v>500072</v>
      </c>
      <c r="AS23" s="116">
        <v>500072</v>
      </c>
      <c r="AT23" s="110">
        <v>106968</v>
      </c>
      <c r="AU23" s="114">
        <v>151019</v>
      </c>
      <c r="AV23" s="113">
        <v>257987</v>
      </c>
      <c r="AW23" s="110">
        <v>0</v>
      </c>
      <c r="AX23" s="114">
        <v>511437</v>
      </c>
      <c r="AY23" s="114">
        <v>881282</v>
      </c>
      <c r="AZ23" s="114">
        <v>439425</v>
      </c>
      <c r="BA23" s="114">
        <v>880740</v>
      </c>
      <c r="BB23" s="114">
        <v>549674</v>
      </c>
      <c r="BC23" s="113">
        <v>3262558</v>
      </c>
      <c r="BD23" s="116">
        <v>3520545</v>
      </c>
      <c r="BE23" s="110">
        <v>14754</v>
      </c>
      <c r="BF23" s="114">
        <v>0</v>
      </c>
      <c r="BG23" s="112">
        <v>14754</v>
      </c>
      <c r="BH23" s="111">
        <v>0</v>
      </c>
      <c r="BI23" s="114">
        <v>54308</v>
      </c>
      <c r="BJ23" s="114">
        <v>168699</v>
      </c>
      <c r="BK23" s="114">
        <v>85370</v>
      </c>
      <c r="BL23" s="114">
        <v>133110</v>
      </c>
      <c r="BM23" s="114">
        <v>38556</v>
      </c>
      <c r="BN23" s="113">
        <v>480043</v>
      </c>
      <c r="BO23" s="116">
        <v>494797</v>
      </c>
      <c r="BP23" s="110">
        <v>72849</v>
      </c>
      <c r="BQ23" s="114">
        <v>6258</v>
      </c>
      <c r="BR23" s="113">
        <v>79107</v>
      </c>
      <c r="BS23" s="110">
        <v>0</v>
      </c>
      <c r="BT23" s="114">
        <v>357259</v>
      </c>
      <c r="BU23" s="114">
        <v>335167</v>
      </c>
      <c r="BV23" s="114">
        <v>262066</v>
      </c>
      <c r="BW23" s="114">
        <v>391314</v>
      </c>
      <c r="BX23" s="114">
        <v>391258</v>
      </c>
      <c r="BY23" s="113">
        <v>1737064</v>
      </c>
      <c r="BZ23" s="116">
        <v>1816171</v>
      </c>
      <c r="CA23" s="110">
        <v>57256</v>
      </c>
      <c r="CB23" s="114">
        <v>138471</v>
      </c>
      <c r="CC23" s="113">
        <v>195727</v>
      </c>
      <c r="CD23" s="110">
        <v>0</v>
      </c>
      <c r="CE23" s="114">
        <v>1696941</v>
      </c>
      <c r="CF23" s="114">
        <v>3430400</v>
      </c>
      <c r="CG23" s="114">
        <v>1484928</v>
      </c>
      <c r="CH23" s="114">
        <v>1323497</v>
      </c>
      <c r="CI23" s="114">
        <v>498329</v>
      </c>
      <c r="CJ23" s="113">
        <v>8434095</v>
      </c>
      <c r="CK23" s="116">
        <v>8629822</v>
      </c>
      <c r="CL23" s="110">
        <v>0</v>
      </c>
      <c r="CM23" s="114">
        <v>0</v>
      </c>
      <c r="CN23" s="113">
        <v>0</v>
      </c>
      <c r="CO23" s="111">
        <v>0</v>
      </c>
      <c r="CP23" s="114">
        <v>1470910</v>
      </c>
      <c r="CQ23" s="114">
        <v>3088425</v>
      </c>
      <c r="CR23" s="114">
        <v>1063982</v>
      </c>
      <c r="CS23" s="114">
        <v>1065705</v>
      </c>
      <c r="CT23" s="114">
        <v>340150</v>
      </c>
      <c r="CU23" s="113">
        <v>7029172</v>
      </c>
      <c r="CV23" s="116">
        <v>7029172</v>
      </c>
      <c r="CW23" s="110">
        <v>57256</v>
      </c>
      <c r="CX23" s="114">
        <v>138471</v>
      </c>
      <c r="CY23" s="113">
        <v>195727</v>
      </c>
      <c r="CZ23" s="110">
        <v>0</v>
      </c>
      <c r="DA23" s="114">
        <v>226031</v>
      </c>
      <c r="DB23" s="114">
        <v>341975</v>
      </c>
      <c r="DC23" s="114">
        <v>420946</v>
      </c>
      <c r="DD23" s="114">
        <v>257792</v>
      </c>
      <c r="DE23" s="114">
        <v>158179</v>
      </c>
      <c r="DF23" s="113">
        <v>1404923</v>
      </c>
      <c r="DG23" s="116">
        <v>1600650</v>
      </c>
      <c r="DH23" s="110">
        <v>0</v>
      </c>
      <c r="DI23" s="114">
        <v>0</v>
      </c>
      <c r="DJ23" s="112">
        <v>0</v>
      </c>
      <c r="DK23" s="111">
        <v>0</v>
      </c>
      <c r="DL23" s="114">
        <v>111668</v>
      </c>
      <c r="DM23" s="114">
        <v>626773</v>
      </c>
      <c r="DN23" s="114">
        <v>572451</v>
      </c>
      <c r="DO23" s="114">
        <v>307913</v>
      </c>
      <c r="DP23" s="114">
        <v>189689</v>
      </c>
      <c r="DQ23" s="113">
        <v>1808494</v>
      </c>
      <c r="DR23" s="116">
        <v>1808494</v>
      </c>
      <c r="DS23" s="110">
        <v>0</v>
      </c>
      <c r="DT23" s="114">
        <v>0</v>
      </c>
      <c r="DU23" s="113">
        <v>0</v>
      </c>
      <c r="DV23" s="110">
        <v>0</v>
      </c>
      <c r="DW23" s="114">
        <v>111668</v>
      </c>
      <c r="DX23" s="114">
        <v>626773</v>
      </c>
      <c r="DY23" s="114">
        <v>572451</v>
      </c>
      <c r="DZ23" s="114">
        <v>307913</v>
      </c>
      <c r="EA23" s="114">
        <v>143810</v>
      </c>
      <c r="EB23" s="113">
        <v>1762615</v>
      </c>
      <c r="EC23" s="116">
        <v>1762615</v>
      </c>
      <c r="ED23" s="110">
        <v>0</v>
      </c>
      <c r="EE23" s="112">
        <v>0</v>
      </c>
      <c r="EF23" s="113">
        <v>0</v>
      </c>
      <c r="EG23" s="110">
        <v>0</v>
      </c>
      <c r="EH23" s="114">
        <v>0</v>
      </c>
      <c r="EI23" s="114">
        <v>0</v>
      </c>
      <c r="EJ23" s="114">
        <v>0</v>
      </c>
      <c r="EK23" s="114">
        <v>0</v>
      </c>
      <c r="EL23" s="114">
        <v>45879</v>
      </c>
      <c r="EM23" s="112">
        <v>45879</v>
      </c>
      <c r="EN23" s="116">
        <v>45879</v>
      </c>
      <c r="EO23" s="110">
        <v>0</v>
      </c>
      <c r="EP23" s="114">
        <v>0</v>
      </c>
      <c r="EQ23" s="112">
        <v>0</v>
      </c>
      <c r="ER23" s="111">
        <v>0</v>
      </c>
      <c r="ES23" s="114">
        <v>0</v>
      </c>
      <c r="ET23" s="114">
        <v>0</v>
      </c>
      <c r="EU23" s="114">
        <v>0</v>
      </c>
      <c r="EV23" s="114">
        <v>0</v>
      </c>
      <c r="EW23" s="114">
        <v>0</v>
      </c>
      <c r="EX23" s="113">
        <v>0</v>
      </c>
      <c r="EY23" s="116">
        <v>0</v>
      </c>
      <c r="EZ23" s="110">
        <v>0</v>
      </c>
      <c r="FA23" s="114">
        <v>0</v>
      </c>
      <c r="FB23" s="112">
        <v>0</v>
      </c>
      <c r="FC23" s="348"/>
      <c r="FD23" s="114">
        <v>0</v>
      </c>
      <c r="FE23" s="114">
        <v>0</v>
      </c>
      <c r="FF23" s="114">
        <v>0</v>
      </c>
      <c r="FG23" s="114">
        <v>0</v>
      </c>
      <c r="FH23" s="114">
        <v>0</v>
      </c>
      <c r="FI23" s="113">
        <v>0</v>
      </c>
      <c r="FJ23" s="116">
        <v>0</v>
      </c>
      <c r="FK23" s="110">
        <v>181937</v>
      </c>
      <c r="FL23" s="114">
        <v>79954</v>
      </c>
      <c r="FM23" s="113">
        <v>261891</v>
      </c>
      <c r="FN23" s="110">
        <v>0</v>
      </c>
      <c r="FO23" s="114">
        <v>458696</v>
      </c>
      <c r="FP23" s="114">
        <v>651371</v>
      </c>
      <c r="FQ23" s="114">
        <v>436401</v>
      </c>
      <c r="FR23" s="114">
        <v>683501</v>
      </c>
      <c r="FS23" s="114">
        <v>418810</v>
      </c>
      <c r="FT23" s="113">
        <v>2648779</v>
      </c>
      <c r="FU23" s="116">
        <v>2910670</v>
      </c>
      <c r="FV23" s="115">
        <v>48587</v>
      </c>
      <c r="FW23" s="114">
        <v>79954</v>
      </c>
      <c r="FX23" s="112">
        <v>128541</v>
      </c>
      <c r="FY23" s="111">
        <v>0</v>
      </c>
      <c r="FZ23" s="114">
        <v>233352</v>
      </c>
      <c r="GA23" s="114">
        <v>651371</v>
      </c>
      <c r="GB23" s="114">
        <v>394366</v>
      </c>
      <c r="GC23" s="114">
        <v>673141</v>
      </c>
      <c r="GD23" s="114">
        <v>418810</v>
      </c>
      <c r="GE23" s="113">
        <v>2371040</v>
      </c>
      <c r="GF23" s="319">
        <v>2499581</v>
      </c>
      <c r="GG23" s="115">
        <v>11550</v>
      </c>
      <c r="GH23" s="114">
        <v>0</v>
      </c>
      <c r="GI23" s="112">
        <v>11550</v>
      </c>
      <c r="GJ23" s="111">
        <v>0</v>
      </c>
      <c r="GK23" s="114">
        <v>31955</v>
      </c>
      <c r="GL23" s="114">
        <v>0</v>
      </c>
      <c r="GM23" s="114">
        <v>42035</v>
      </c>
      <c r="GN23" s="114">
        <v>10360</v>
      </c>
      <c r="GO23" s="114">
        <v>0</v>
      </c>
      <c r="GP23" s="113">
        <v>84350</v>
      </c>
      <c r="GQ23" s="116">
        <v>95900</v>
      </c>
      <c r="GR23" s="110">
        <v>121800</v>
      </c>
      <c r="GS23" s="114">
        <v>0</v>
      </c>
      <c r="GT23" s="113">
        <v>121800</v>
      </c>
      <c r="GU23" s="110">
        <v>0</v>
      </c>
      <c r="GV23" s="114">
        <v>193389</v>
      </c>
      <c r="GW23" s="114">
        <v>0</v>
      </c>
      <c r="GX23" s="114">
        <v>0</v>
      </c>
      <c r="GY23" s="114">
        <v>0</v>
      </c>
      <c r="GZ23" s="114">
        <v>0</v>
      </c>
      <c r="HA23" s="112">
        <v>193389</v>
      </c>
      <c r="HB23" s="116">
        <v>315189</v>
      </c>
      <c r="HC23" s="110">
        <v>169205</v>
      </c>
      <c r="HD23" s="114">
        <v>98158</v>
      </c>
      <c r="HE23" s="112">
        <v>267363</v>
      </c>
      <c r="HF23" s="111">
        <v>0</v>
      </c>
      <c r="HG23" s="114">
        <v>1666719</v>
      </c>
      <c r="HH23" s="114">
        <v>1578190</v>
      </c>
      <c r="HI23" s="114">
        <v>1123283</v>
      </c>
      <c r="HJ23" s="114">
        <v>2308659</v>
      </c>
      <c r="HK23" s="114">
        <v>2527330</v>
      </c>
      <c r="HL23" s="113">
        <v>9204181</v>
      </c>
      <c r="HM23" s="109">
        <v>9471544</v>
      </c>
      <c r="HN23" s="329"/>
      <c r="HO23" s="330"/>
      <c r="HP23" s="331"/>
      <c r="HQ23" s="332"/>
      <c r="HR23" s="330"/>
      <c r="HS23" s="330"/>
      <c r="HT23" s="330"/>
      <c r="HU23" s="330"/>
      <c r="HV23" s="330"/>
      <c r="HW23" s="333"/>
      <c r="HX23" s="334"/>
      <c r="HY23" s="131">
        <v>0</v>
      </c>
      <c r="HZ23" s="132">
        <v>0</v>
      </c>
      <c r="IA23" s="133">
        <v>0</v>
      </c>
      <c r="IB23" s="146">
        <v>0</v>
      </c>
      <c r="IC23" s="132">
        <v>1017717</v>
      </c>
      <c r="ID23" s="147">
        <v>1881223</v>
      </c>
      <c r="IE23" s="133">
        <v>1190368</v>
      </c>
      <c r="IF23" s="132">
        <v>896823</v>
      </c>
      <c r="IG23" s="133">
        <v>1289018</v>
      </c>
      <c r="IH23" s="148">
        <v>6275149</v>
      </c>
      <c r="II23" s="139">
        <v>6275149</v>
      </c>
      <c r="IJ23" s="232">
        <v>0</v>
      </c>
      <c r="IK23" s="236">
        <v>0</v>
      </c>
      <c r="IL23" s="237">
        <v>0</v>
      </c>
      <c r="IM23" s="140"/>
      <c r="IN23" s="119">
        <v>0</v>
      </c>
      <c r="IO23" s="119">
        <v>0</v>
      </c>
      <c r="IP23" s="119">
        <v>0</v>
      </c>
      <c r="IQ23" s="119">
        <v>0</v>
      </c>
      <c r="IR23" s="119">
        <v>237450</v>
      </c>
      <c r="IS23" s="141">
        <v>237450</v>
      </c>
      <c r="IT23" s="321">
        <v>237450</v>
      </c>
      <c r="IU23" s="142">
        <v>0</v>
      </c>
      <c r="IV23" s="119">
        <v>0</v>
      </c>
      <c r="IW23" s="120">
        <v>0</v>
      </c>
      <c r="IX23" s="144"/>
      <c r="IY23" s="119">
        <v>0</v>
      </c>
      <c r="IZ23" s="119">
        <v>0</v>
      </c>
      <c r="JA23" s="119">
        <v>0</v>
      </c>
      <c r="JB23" s="119">
        <v>0</v>
      </c>
      <c r="JC23" s="119">
        <v>0</v>
      </c>
      <c r="JD23" s="120">
        <v>0</v>
      </c>
      <c r="JE23" s="121">
        <v>0</v>
      </c>
      <c r="JF23" s="142">
        <v>0</v>
      </c>
      <c r="JG23" s="119">
        <v>0</v>
      </c>
      <c r="JH23" s="141">
        <v>0</v>
      </c>
      <c r="JI23" s="118">
        <v>0</v>
      </c>
      <c r="JJ23" s="119">
        <v>815451</v>
      </c>
      <c r="JK23" s="119">
        <v>500016</v>
      </c>
      <c r="JL23" s="119">
        <v>489098</v>
      </c>
      <c r="JM23" s="119">
        <v>0</v>
      </c>
      <c r="JN23" s="119">
        <v>0</v>
      </c>
      <c r="JO23" s="120">
        <v>1804565</v>
      </c>
      <c r="JP23" s="321">
        <v>1804565</v>
      </c>
      <c r="JQ23" s="142">
        <v>0</v>
      </c>
      <c r="JR23" s="119">
        <v>0</v>
      </c>
      <c r="JS23" s="141">
        <v>0</v>
      </c>
      <c r="JT23" s="118">
        <v>0</v>
      </c>
      <c r="JU23" s="119">
        <v>0</v>
      </c>
      <c r="JV23" s="119">
        <v>0</v>
      </c>
      <c r="JW23" s="119">
        <v>329214</v>
      </c>
      <c r="JX23" s="119">
        <v>0</v>
      </c>
      <c r="JY23" s="119">
        <v>0</v>
      </c>
      <c r="JZ23" s="120">
        <v>329214</v>
      </c>
      <c r="KA23" s="321">
        <v>329214</v>
      </c>
      <c r="KB23" s="234">
        <v>0</v>
      </c>
      <c r="KC23" s="230">
        <v>0</v>
      </c>
      <c r="KD23" s="120">
        <v>0</v>
      </c>
      <c r="KE23" s="118">
        <v>0</v>
      </c>
      <c r="KF23" s="119">
        <v>202266</v>
      </c>
      <c r="KG23" s="119">
        <v>573206</v>
      </c>
      <c r="KH23" s="119">
        <v>0</v>
      </c>
      <c r="KI23" s="119">
        <v>223225</v>
      </c>
      <c r="KJ23" s="119">
        <v>256407</v>
      </c>
      <c r="KK23" s="120">
        <v>1255104</v>
      </c>
      <c r="KL23" s="143">
        <v>1255104</v>
      </c>
      <c r="KM23" s="232">
        <v>0</v>
      </c>
      <c r="KN23" s="236">
        <v>0</v>
      </c>
      <c r="KO23" s="237">
        <v>0</v>
      </c>
      <c r="KP23" s="140"/>
      <c r="KQ23" s="119">
        <v>0</v>
      </c>
      <c r="KR23" s="119">
        <v>645502</v>
      </c>
      <c r="KS23" s="119">
        <v>124940</v>
      </c>
      <c r="KT23" s="119">
        <v>0</v>
      </c>
      <c r="KU23" s="119">
        <v>227064</v>
      </c>
      <c r="KV23" s="120">
        <v>997506</v>
      </c>
      <c r="KW23" s="321">
        <v>997506</v>
      </c>
      <c r="KX23" s="142">
        <v>0</v>
      </c>
      <c r="KY23" s="119">
        <v>0</v>
      </c>
      <c r="KZ23" s="120">
        <v>0</v>
      </c>
      <c r="LA23" s="145"/>
      <c r="LB23" s="119">
        <v>0</v>
      </c>
      <c r="LC23" s="119">
        <v>0</v>
      </c>
      <c r="LD23" s="119">
        <v>0</v>
      </c>
      <c r="LE23" s="119">
        <v>0</v>
      </c>
      <c r="LF23" s="119">
        <v>0</v>
      </c>
      <c r="LG23" s="120">
        <v>0</v>
      </c>
      <c r="LH23" s="121">
        <v>0</v>
      </c>
      <c r="LI23" s="142">
        <v>0</v>
      </c>
      <c r="LJ23" s="119">
        <v>0</v>
      </c>
      <c r="LK23" s="120">
        <v>0</v>
      </c>
      <c r="LL23" s="145"/>
      <c r="LM23" s="119">
        <v>0</v>
      </c>
      <c r="LN23" s="119">
        <v>0</v>
      </c>
      <c r="LO23" s="119">
        <v>0</v>
      </c>
      <c r="LP23" s="119">
        <v>253881</v>
      </c>
      <c r="LQ23" s="119">
        <v>0</v>
      </c>
      <c r="LR23" s="120">
        <v>253881</v>
      </c>
      <c r="LS23" s="321">
        <v>253881</v>
      </c>
      <c r="LT23" s="142">
        <v>0</v>
      </c>
      <c r="LU23" s="119">
        <v>0</v>
      </c>
      <c r="LV23" s="120">
        <v>0</v>
      </c>
      <c r="LW23" s="145"/>
      <c r="LX23" s="119">
        <v>0</v>
      </c>
      <c r="LY23" s="119">
        <v>162499</v>
      </c>
      <c r="LZ23" s="119">
        <v>247116</v>
      </c>
      <c r="MA23" s="119">
        <v>419717</v>
      </c>
      <c r="MB23" s="119">
        <v>568097</v>
      </c>
      <c r="MC23" s="120">
        <v>1397429</v>
      </c>
      <c r="MD23" s="121">
        <v>1397429</v>
      </c>
      <c r="ME23" s="142">
        <v>0</v>
      </c>
      <c r="MF23" s="119">
        <v>0</v>
      </c>
      <c r="MG23" s="120">
        <v>0</v>
      </c>
      <c r="MH23" s="145"/>
      <c r="MI23" s="119">
        <v>853775</v>
      </c>
      <c r="MJ23" s="119">
        <v>480972</v>
      </c>
      <c r="MK23" s="119">
        <v>2692796</v>
      </c>
      <c r="ML23" s="119">
        <v>4544258</v>
      </c>
      <c r="MM23" s="119">
        <v>1877972</v>
      </c>
      <c r="MN23" s="120">
        <v>10449773</v>
      </c>
      <c r="MO23" s="143">
        <v>10449773</v>
      </c>
      <c r="MP23" s="142">
        <v>0</v>
      </c>
      <c r="MQ23" s="119">
        <v>0</v>
      </c>
      <c r="MR23" s="120">
        <v>0</v>
      </c>
      <c r="MS23" s="145"/>
      <c r="MT23" s="119">
        <v>0</v>
      </c>
      <c r="MU23" s="119">
        <v>0</v>
      </c>
      <c r="MV23" s="119">
        <v>1273331</v>
      </c>
      <c r="MW23" s="119">
        <v>3811300</v>
      </c>
      <c r="MX23" s="119">
        <v>766038</v>
      </c>
      <c r="MY23" s="120">
        <v>5850669</v>
      </c>
      <c r="MZ23" s="143">
        <v>5850669</v>
      </c>
      <c r="NA23" s="142">
        <v>0</v>
      </c>
      <c r="NB23" s="119">
        <v>0</v>
      </c>
      <c r="NC23" s="120">
        <v>0</v>
      </c>
      <c r="ND23" s="145"/>
      <c r="NE23" s="119">
        <v>853775</v>
      </c>
      <c r="NF23" s="119">
        <v>480972</v>
      </c>
      <c r="NG23" s="119">
        <v>1419465</v>
      </c>
      <c r="NH23" s="119">
        <v>732958</v>
      </c>
      <c r="NI23" s="119">
        <v>839672</v>
      </c>
      <c r="NJ23" s="120">
        <v>4326842</v>
      </c>
      <c r="NK23" s="321">
        <v>4326842</v>
      </c>
      <c r="NL23" s="142">
        <v>0</v>
      </c>
      <c r="NM23" s="119">
        <v>0</v>
      </c>
      <c r="NN23" s="120">
        <v>0</v>
      </c>
      <c r="NO23" s="145"/>
      <c r="NP23" s="119">
        <v>0</v>
      </c>
      <c r="NQ23" s="119">
        <v>0</v>
      </c>
      <c r="NR23" s="119">
        <v>0</v>
      </c>
      <c r="NS23" s="119">
        <v>0</v>
      </c>
      <c r="NT23" s="119">
        <v>272262</v>
      </c>
      <c r="NU23" s="120">
        <v>272262</v>
      </c>
      <c r="NV23" s="121">
        <v>272262</v>
      </c>
      <c r="NW23" s="142">
        <v>0</v>
      </c>
      <c r="NX23" s="119">
        <v>0</v>
      </c>
      <c r="NY23" s="120">
        <v>0</v>
      </c>
      <c r="NZ23" s="145"/>
      <c r="OA23" s="119">
        <v>0</v>
      </c>
      <c r="OB23" s="119">
        <v>0</v>
      </c>
      <c r="OC23" s="119">
        <v>0</v>
      </c>
      <c r="OD23" s="119">
        <v>0</v>
      </c>
      <c r="OE23" s="119">
        <v>0</v>
      </c>
      <c r="OF23" s="120">
        <v>0</v>
      </c>
      <c r="OG23" s="121">
        <v>0</v>
      </c>
      <c r="OH23" s="142">
        <v>602969</v>
      </c>
      <c r="OI23" s="119">
        <v>473860</v>
      </c>
      <c r="OJ23" s="141">
        <v>1076829</v>
      </c>
      <c r="OK23" s="118">
        <v>0</v>
      </c>
      <c r="OL23" s="119">
        <v>7465126</v>
      </c>
      <c r="OM23" s="119">
        <v>11152878</v>
      </c>
      <c r="ON23" s="119">
        <v>9667085</v>
      </c>
      <c r="OO23" s="119">
        <v>13383819</v>
      </c>
      <c r="OP23" s="119">
        <v>8834983</v>
      </c>
      <c r="OQ23" s="120">
        <v>50503891</v>
      </c>
      <c r="OR23" s="143">
        <v>51580720</v>
      </c>
    </row>
    <row r="24" spans="1:408" ht="20.25" customHeight="1" x14ac:dyDescent="0.2">
      <c r="A24" s="126" t="s">
        <v>19</v>
      </c>
      <c r="B24" s="110">
        <v>150180</v>
      </c>
      <c r="C24" s="114">
        <v>620769</v>
      </c>
      <c r="D24" s="113">
        <v>770949</v>
      </c>
      <c r="E24" s="109">
        <v>0</v>
      </c>
      <c r="F24" s="114">
        <v>2440261</v>
      </c>
      <c r="G24" s="114">
        <v>2701916</v>
      </c>
      <c r="H24" s="114">
        <v>3065342</v>
      </c>
      <c r="I24" s="114">
        <v>1488248</v>
      </c>
      <c r="J24" s="114">
        <v>2090044</v>
      </c>
      <c r="K24" s="109">
        <v>11785811</v>
      </c>
      <c r="L24" s="116">
        <v>12556760</v>
      </c>
      <c r="M24" s="110">
        <v>88412</v>
      </c>
      <c r="N24" s="114">
        <v>79306</v>
      </c>
      <c r="O24" s="113">
        <v>167718</v>
      </c>
      <c r="P24" s="110">
        <v>0</v>
      </c>
      <c r="Q24" s="114">
        <v>466896</v>
      </c>
      <c r="R24" s="114">
        <v>1260675</v>
      </c>
      <c r="S24" s="114">
        <v>1000645</v>
      </c>
      <c r="T24" s="114">
        <v>662307</v>
      </c>
      <c r="U24" s="114">
        <v>594407</v>
      </c>
      <c r="V24" s="113">
        <v>3984930</v>
      </c>
      <c r="W24" s="116">
        <v>4152648</v>
      </c>
      <c r="X24" s="110">
        <v>0</v>
      </c>
      <c r="Y24" s="114">
        <v>0</v>
      </c>
      <c r="Z24" s="113">
        <v>0</v>
      </c>
      <c r="AA24" s="110">
        <v>0</v>
      </c>
      <c r="AB24" s="114">
        <v>122352</v>
      </c>
      <c r="AC24" s="114">
        <v>397200</v>
      </c>
      <c r="AD24" s="114">
        <v>512671</v>
      </c>
      <c r="AE24" s="114">
        <v>268674</v>
      </c>
      <c r="AF24" s="114">
        <v>4178</v>
      </c>
      <c r="AG24" s="113">
        <v>1305075</v>
      </c>
      <c r="AH24" s="116">
        <v>1305075</v>
      </c>
      <c r="AI24" s="110">
        <v>0</v>
      </c>
      <c r="AJ24" s="114">
        <v>0</v>
      </c>
      <c r="AK24" s="113">
        <v>0</v>
      </c>
      <c r="AL24" s="110">
        <v>0</v>
      </c>
      <c r="AM24" s="114">
        <v>0</v>
      </c>
      <c r="AN24" s="114">
        <v>0</v>
      </c>
      <c r="AO24" s="114">
        <v>89365</v>
      </c>
      <c r="AP24" s="114">
        <v>49307</v>
      </c>
      <c r="AQ24" s="114">
        <v>164044</v>
      </c>
      <c r="AR24" s="113">
        <v>302716</v>
      </c>
      <c r="AS24" s="116">
        <v>302716</v>
      </c>
      <c r="AT24" s="110">
        <v>45096</v>
      </c>
      <c r="AU24" s="114">
        <v>49192</v>
      </c>
      <c r="AV24" s="113">
        <v>94288</v>
      </c>
      <c r="AW24" s="110">
        <v>0</v>
      </c>
      <c r="AX24" s="114">
        <v>217739</v>
      </c>
      <c r="AY24" s="114">
        <v>715659</v>
      </c>
      <c r="AZ24" s="114">
        <v>200597</v>
      </c>
      <c r="BA24" s="114">
        <v>248328</v>
      </c>
      <c r="BB24" s="114">
        <v>356115</v>
      </c>
      <c r="BC24" s="113">
        <v>1738438</v>
      </c>
      <c r="BD24" s="116">
        <v>1832726</v>
      </c>
      <c r="BE24" s="110">
        <v>0</v>
      </c>
      <c r="BF24" s="114">
        <v>0</v>
      </c>
      <c r="BG24" s="112">
        <v>0</v>
      </c>
      <c r="BH24" s="111">
        <v>0</v>
      </c>
      <c r="BI24" s="114">
        <v>0</v>
      </c>
      <c r="BJ24" s="114">
        <v>34563</v>
      </c>
      <c r="BK24" s="114">
        <v>44922</v>
      </c>
      <c r="BL24" s="114">
        <v>0</v>
      </c>
      <c r="BM24" s="114">
        <v>0</v>
      </c>
      <c r="BN24" s="113">
        <v>79485</v>
      </c>
      <c r="BO24" s="116">
        <v>79485</v>
      </c>
      <c r="BP24" s="110">
        <v>43316</v>
      </c>
      <c r="BQ24" s="114">
        <v>30114</v>
      </c>
      <c r="BR24" s="113">
        <v>73430</v>
      </c>
      <c r="BS24" s="110">
        <v>0</v>
      </c>
      <c r="BT24" s="114">
        <v>126805</v>
      </c>
      <c r="BU24" s="114">
        <v>113253</v>
      </c>
      <c r="BV24" s="114">
        <v>153090</v>
      </c>
      <c r="BW24" s="114">
        <v>95998</v>
      </c>
      <c r="BX24" s="114">
        <v>70070</v>
      </c>
      <c r="BY24" s="113">
        <v>559216</v>
      </c>
      <c r="BZ24" s="116">
        <v>632646</v>
      </c>
      <c r="CA24" s="110">
        <v>0</v>
      </c>
      <c r="CB24" s="114">
        <v>104784</v>
      </c>
      <c r="CC24" s="113">
        <v>104784</v>
      </c>
      <c r="CD24" s="110">
        <v>0</v>
      </c>
      <c r="CE24" s="114">
        <v>775175</v>
      </c>
      <c r="CF24" s="114">
        <v>529630</v>
      </c>
      <c r="CG24" s="114">
        <v>762380</v>
      </c>
      <c r="CH24" s="114">
        <v>438936</v>
      </c>
      <c r="CI24" s="114">
        <v>504875</v>
      </c>
      <c r="CJ24" s="113">
        <v>3010996</v>
      </c>
      <c r="CK24" s="116">
        <v>3115780</v>
      </c>
      <c r="CL24" s="110">
        <v>0</v>
      </c>
      <c r="CM24" s="114">
        <v>0</v>
      </c>
      <c r="CN24" s="113">
        <v>0</v>
      </c>
      <c r="CO24" s="111">
        <v>0</v>
      </c>
      <c r="CP24" s="114">
        <v>650889</v>
      </c>
      <c r="CQ24" s="114">
        <v>381666</v>
      </c>
      <c r="CR24" s="114">
        <v>556190</v>
      </c>
      <c r="CS24" s="114">
        <v>22647</v>
      </c>
      <c r="CT24" s="114">
        <v>303695</v>
      </c>
      <c r="CU24" s="113">
        <v>1915087</v>
      </c>
      <c r="CV24" s="116">
        <v>1915087</v>
      </c>
      <c r="CW24" s="110">
        <v>0</v>
      </c>
      <c r="CX24" s="114">
        <v>104784</v>
      </c>
      <c r="CY24" s="113">
        <v>104784</v>
      </c>
      <c r="CZ24" s="110">
        <v>0</v>
      </c>
      <c r="DA24" s="114">
        <v>124286</v>
      </c>
      <c r="DB24" s="114">
        <v>147964</v>
      </c>
      <c r="DC24" s="114">
        <v>206190</v>
      </c>
      <c r="DD24" s="114">
        <v>416289</v>
      </c>
      <c r="DE24" s="114">
        <v>201180</v>
      </c>
      <c r="DF24" s="113">
        <v>1095909</v>
      </c>
      <c r="DG24" s="116">
        <v>1200693</v>
      </c>
      <c r="DH24" s="110">
        <v>0</v>
      </c>
      <c r="DI24" s="114">
        <v>16030</v>
      </c>
      <c r="DJ24" s="112">
        <v>16030</v>
      </c>
      <c r="DK24" s="111">
        <v>0</v>
      </c>
      <c r="DL24" s="114">
        <v>13425</v>
      </c>
      <c r="DM24" s="114">
        <v>216425</v>
      </c>
      <c r="DN24" s="114">
        <v>181629</v>
      </c>
      <c r="DO24" s="114">
        <v>96896</v>
      </c>
      <c r="DP24" s="114">
        <v>89446</v>
      </c>
      <c r="DQ24" s="113">
        <v>597821</v>
      </c>
      <c r="DR24" s="116">
        <v>613851</v>
      </c>
      <c r="DS24" s="110">
        <v>0</v>
      </c>
      <c r="DT24" s="114">
        <v>16030</v>
      </c>
      <c r="DU24" s="113">
        <v>16030</v>
      </c>
      <c r="DV24" s="110">
        <v>0</v>
      </c>
      <c r="DW24" s="114">
        <v>13425</v>
      </c>
      <c r="DX24" s="114">
        <v>182155</v>
      </c>
      <c r="DY24" s="114">
        <v>81773</v>
      </c>
      <c r="DZ24" s="114">
        <v>0</v>
      </c>
      <c r="EA24" s="114">
        <v>89446</v>
      </c>
      <c r="EB24" s="113">
        <v>366799</v>
      </c>
      <c r="EC24" s="116">
        <v>382829</v>
      </c>
      <c r="ED24" s="110">
        <v>0</v>
      </c>
      <c r="EE24" s="112">
        <v>0</v>
      </c>
      <c r="EF24" s="113">
        <v>0</v>
      </c>
      <c r="EG24" s="110">
        <v>0</v>
      </c>
      <c r="EH24" s="114">
        <v>0</v>
      </c>
      <c r="EI24" s="114">
        <v>34270</v>
      </c>
      <c r="EJ24" s="114">
        <v>99856</v>
      </c>
      <c r="EK24" s="114">
        <v>96896</v>
      </c>
      <c r="EL24" s="114">
        <v>0</v>
      </c>
      <c r="EM24" s="112">
        <v>231022</v>
      </c>
      <c r="EN24" s="116">
        <v>231022</v>
      </c>
      <c r="EO24" s="110">
        <v>0</v>
      </c>
      <c r="EP24" s="114">
        <v>0</v>
      </c>
      <c r="EQ24" s="112">
        <v>0</v>
      </c>
      <c r="ER24" s="111">
        <v>0</v>
      </c>
      <c r="ES24" s="114">
        <v>0</v>
      </c>
      <c r="ET24" s="114">
        <v>0</v>
      </c>
      <c r="EU24" s="114">
        <v>0</v>
      </c>
      <c r="EV24" s="114">
        <v>0</v>
      </c>
      <c r="EW24" s="114">
        <v>0</v>
      </c>
      <c r="EX24" s="113">
        <v>0</v>
      </c>
      <c r="EY24" s="116">
        <v>0</v>
      </c>
      <c r="EZ24" s="110">
        <v>0</v>
      </c>
      <c r="FA24" s="114">
        <v>0</v>
      </c>
      <c r="FB24" s="112">
        <v>0</v>
      </c>
      <c r="FC24" s="348"/>
      <c r="FD24" s="114">
        <v>0</v>
      </c>
      <c r="FE24" s="114">
        <v>0</v>
      </c>
      <c r="FF24" s="114">
        <v>0</v>
      </c>
      <c r="FG24" s="114">
        <v>0</v>
      </c>
      <c r="FH24" s="114">
        <v>0</v>
      </c>
      <c r="FI24" s="113">
        <v>0</v>
      </c>
      <c r="FJ24" s="116">
        <v>0</v>
      </c>
      <c r="FK24" s="110">
        <v>15015</v>
      </c>
      <c r="FL24" s="114">
        <v>175840</v>
      </c>
      <c r="FM24" s="113">
        <v>190855</v>
      </c>
      <c r="FN24" s="110">
        <v>0</v>
      </c>
      <c r="FO24" s="114">
        <v>77112</v>
      </c>
      <c r="FP24" s="114">
        <v>211225</v>
      </c>
      <c r="FQ24" s="114">
        <v>227605</v>
      </c>
      <c r="FR24" s="114">
        <v>144095</v>
      </c>
      <c r="FS24" s="114">
        <v>267848</v>
      </c>
      <c r="FT24" s="113">
        <v>927885</v>
      </c>
      <c r="FU24" s="116">
        <v>1118740</v>
      </c>
      <c r="FV24" s="115">
        <v>15015</v>
      </c>
      <c r="FW24" s="114">
        <v>35840</v>
      </c>
      <c r="FX24" s="112">
        <v>50855</v>
      </c>
      <c r="FY24" s="111">
        <v>0</v>
      </c>
      <c r="FZ24" s="114">
        <v>60480</v>
      </c>
      <c r="GA24" s="114">
        <v>211225</v>
      </c>
      <c r="GB24" s="114">
        <v>206430</v>
      </c>
      <c r="GC24" s="114">
        <v>144095</v>
      </c>
      <c r="GD24" s="114">
        <v>127848</v>
      </c>
      <c r="GE24" s="113">
        <v>750078</v>
      </c>
      <c r="GF24" s="319">
        <v>800933</v>
      </c>
      <c r="GG24" s="115">
        <v>0</v>
      </c>
      <c r="GH24" s="114">
        <v>0</v>
      </c>
      <c r="GI24" s="112">
        <v>0</v>
      </c>
      <c r="GJ24" s="111">
        <v>0</v>
      </c>
      <c r="GK24" s="114">
        <v>16632</v>
      </c>
      <c r="GL24" s="114">
        <v>0</v>
      </c>
      <c r="GM24" s="114">
        <v>21175</v>
      </c>
      <c r="GN24" s="114">
        <v>0</v>
      </c>
      <c r="GO24" s="114">
        <v>0</v>
      </c>
      <c r="GP24" s="113">
        <v>37807</v>
      </c>
      <c r="GQ24" s="116">
        <v>37807</v>
      </c>
      <c r="GR24" s="110">
        <v>0</v>
      </c>
      <c r="GS24" s="114">
        <v>140000</v>
      </c>
      <c r="GT24" s="113">
        <v>140000</v>
      </c>
      <c r="GU24" s="110">
        <v>0</v>
      </c>
      <c r="GV24" s="114">
        <v>0</v>
      </c>
      <c r="GW24" s="114">
        <v>0</v>
      </c>
      <c r="GX24" s="114">
        <v>0</v>
      </c>
      <c r="GY24" s="114">
        <v>0</v>
      </c>
      <c r="GZ24" s="114">
        <v>140000</v>
      </c>
      <c r="HA24" s="112">
        <v>140000</v>
      </c>
      <c r="HB24" s="116">
        <v>280000</v>
      </c>
      <c r="HC24" s="110">
        <v>46753</v>
      </c>
      <c r="HD24" s="114">
        <v>244809</v>
      </c>
      <c r="HE24" s="112">
        <v>291562</v>
      </c>
      <c r="HF24" s="111">
        <v>0</v>
      </c>
      <c r="HG24" s="114">
        <v>1107653</v>
      </c>
      <c r="HH24" s="114">
        <v>483961</v>
      </c>
      <c r="HI24" s="114">
        <v>893083</v>
      </c>
      <c r="HJ24" s="114">
        <v>146014</v>
      </c>
      <c r="HK24" s="114">
        <v>633468</v>
      </c>
      <c r="HL24" s="113">
        <v>3264179</v>
      </c>
      <c r="HM24" s="109">
        <v>3555741</v>
      </c>
      <c r="HN24" s="329"/>
      <c r="HO24" s="330"/>
      <c r="HP24" s="331"/>
      <c r="HQ24" s="332"/>
      <c r="HR24" s="330"/>
      <c r="HS24" s="330"/>
      <c r="HT24" s="330"/>
      <c r="HU24" s="330"/>
      <c r="HV24" s="330"/>
      <c r="HW24" s="333"/>
      <c r="HX24" s="334"/>
      <c r="HY24" s="150">
        <v>0</v>
      </c>
      <c r="HZ24" s="135">
        <v>0</v>
      </c>
      <c r="IA24" s="150">
        <v>0</v>
      </c>
      <c r="IB24" s="134">
        <v>0</v>
      </c>
      <c r="IC24" s="135">
        <v>366520</v>
      </c>
      <c r="ID24" s="136">
        <v>869347</v>
      </c>
      <c r="IE24" s="137">
        <v>501290</v>
      </c>
      <c r="IF24" s="135">
        <v>1112631</v>
      </c>
      <c r="IG24" s="137">
        <v>250387</v>
      </c>
      <c r="IH24" s="138">
        <v>3100175</v>
      </c>
      <c r="II24" s="150">
        <v>3100175</v>
      </c>
      <c r="IJ24" s="232">
        <v>0</v>
      </c>
      <c r="IK24" s="236">
        <v>0</v>
      </c>
      <c r="IL24" s="237">
        <v>0</v>
      </c>
      <c r="IM24" s="140"/>
      <c r="IN24" s="119">
        <v>0</v>
      </c>
      <c r="IO24" s="119">
        <v>0</v>
      </c>
      <c r="IP24" s="119">
        <v>0</v>
      </c>
      <c r="IQ24" s="119">
        <v>348785</v>
      </c>
      <c r="IR24" s="119">
        <v>0</v>
      </c>
      <c r="IS24" s="141">
        <v>348785</v>
      </c>
      <c r="IT24" s="321">
        <v>348785</v>
      </c>
      <c r="IU24" s="142">
        <v>0</v>
      </c>
      <c r="IV24" s="119">
        <v>0</v>
      </c>
      <c r="IW24" s="120">
        <v>0</v>
      </c>
      <c r="IX24" s="144"/>
      <c r="IY24" s="119">
        <v>0</v>
      </c>
      <c r="IZ24" s="119">
        <v>0</v>
      </c>
      <c r="JA24" s="119">
        <v>33764</v>
      </c>
      <c r="JB24" s="119">
        <v>8725</v>
      </c>
      <c r="JC24" s="119">
        <v>0</v>
      </c>
      <c r="JD24" s="120">
        <v>42489</v>
      </c>
      <c r="JE24" s="121">
        <v>42489</v>
      </c>
      <c r="JF24" s="142">
        <v>0</v>
      </c>
      <c r="JG24" s="119">
        <v>0</v>
      </c>
      <c r="JH24" s="141">
        <v>0</v>
      </c>
      <c r="JI24" s="118">
        <v>0</v>
      </c>
      <c r="JJ24" s="119">
        <v>216864</v>
      </c>
      <c r="JK24" s="119">
        <v>186391</v>
      </c>
      <c r="JL24" s="119">
        <v>262240</v>
      </c>
      <c r="JM24" s="119">
        <v>136057</v>
      </c>
      <c r="JN24" s="119">
        <v>0</v>
      </c>
      <c r="JO24" s="120">
        <v>801552</v>
      </c>
      <c r="JP24" s="321">
        <v>801552</v>
      </c>
      <c r="JQ24" s="142">
        <v>0</v>
      </c>
      <c r="JR24" s="119">
        <v>0</v>
      </c>
      <c r="JS24" s="141">
        <v>0</v>
      </c>
      <c r="JT24" s="118">
        <v>0</v>
      </c>
      <c r="JU24" s="119">
        <v>42825</v>
      </c>
      <c r="JV24" s="119">
        <v>186181</v>
      </c>
      <c r="JW24" s="119">
        <v>29731</v>
      </c>
      <c r="JX24" s="119">
        <v>0</v>
      </c>
      <c r="JY24" s="119">
        <v>0</v>
      </c>
      <c r="JZ24" s="120">
        <v>258737</v>
      </c>
      <c r="KA24" s="321">
        <v>258737</v>
      </c>
      <c r="KB24" s="234">
        <v>0</v>
      </c>
      <c r="KC24" s="230">
        <v>0</v>
      </c>
      <c r="KD24" s="120">
        <v>0</v>
      </c>
      <c r="KE24" s="118">
        <v>0</v>
      </c>
      <c r="KF24" s="119">
        <v>106831</v>
      </c>
      <c r="KG24" s="119">
        <v>134340</v>
      </c>
      <c r="KH24" s="119">
        <v>175555</v>
      </c>
      <c r="KI24" s="119">
        <v>438084</v>
      </c>
      <c r="KJ24" s="119">
        <v>250387</v>
      </c>
      <c r="KK24" s="120">
        <v>1105197</v>
      </c>
      <c r="KL24" s="143">
        <v>1105197</v>
      </c>
      <c r="KM24" s="232">
        <v>0</v>
      </c>
      <c r="KN24" s="236">
        <v>0</v>
      </c>
      <c r="KO24" s="237">
        <v>0</v>
      </c>
      <c r="KP24" s="140"/>
      <c r="KQ24" s="119">
        <v>0</v>
      </c>
      <c r="KR24" s="119">
        <v>362435</v>
      </c>
      <c r="KS24" s="119">
        <v>0</v>
      </c>
      <c r="KT24" s="119">
        <v>180980</v>
      </c>
      <c r="KU24" s="119">
        <v>0</v>
      </c>
      <c r="KV24" s="120">
        <v>543415</v>
      </c>
      <c r="KW24" s="321">
        <v>543415</v>
      </c>
      <c r="KX24" s="142">
        <v>0</v>
      </c>
      <c r="KY24" s="119">
        <v>0</v>
      </c>
      <c r="KZ24" s="120">
        <v>0</v>
      </c>
      <c r="LA24" s="145"/>
      <c r="LB24" s="119">
        <v>0</v>
      </c>
      <c r="LC24" s="119">
        <v>0</v>
      </c>
      <c r="LD24" s="119">
        <v>0</v>
      </c>
      <c r="LE24" s="119">
        <v>0</v>
      </c>
      <c r="LF24" s="119">
        <v>0</v>
      </c>
      <c r="LG24" s="120">
        <v>0</v>
      </c>
      <c r="LH24" s="121">
        <v>0</v>
      </c>
      <c r="LI24" s="142">
        <v>0</v>
      </c>
      <c r="LJ24" s="119">
        <v>0</v>
      </c>
      <c r="LK24" s="120">
        <v>0</v>
      </c>
      <c r="LL24" s="145"/>
      <c r="LM24" s="119">
        <v>0</v>
      </c>
      <c r="LN24" s="119">
        <v>0</v>
      </c>
      <c r="LO24" s="119">
        <v>0</v>
      </c>
      <c r="LP24" s="119">
        <v>0</v>
      </c>
      <c r="LQ24" s="119">
        <v>0</v>
      </c>
      <c r="LR24" s="120">
        <v>0</v>
      </c>
      <c r="LS24" s="321">
        <v>0</v>
      </c>
      <c r="LT24" s="142">
        <v>0</v>
      </c>
      <c r="LU24" s="119">
        <v>0</v>
      </c>
      <c r="LV24" s="120">
        <v>0</v>
      </c>
      <c r="LW24" s="145"/>
      <c r="LX24" s="119">
        <v>0</v>
      </c>
      <c r="LY24" s="119">
        <v>0</v>
      </c>
      <c r="LZ24" s="119">
        <v>0</v>
      </c>
      <c r="MA24" s="119">
        <v>0</v>
      </c>
      <c r="MB24" s="119">
        <v>0</v>
      </c>
      <c r="MC24" s="120">
        <v>0</v>
      </c>
      <c r="MD24" s="121">
        <v>0</v>
      </c>
      <c r="ME24" s="142">
        <v>0</v>
      </c>
      <c r="MF24" s="119">
        <v>0</v>
      </c>
      <c r="MG24" s="120">
        <v>0</v>
      </c>
      <c r="MH24" s="145"/>
      <c r="MI24" s="119">
        <v>210545</v>
      </c>
      <c r="MJ24" s="119">
        <v>423661</v>
      </c>
      <c r="MK24" s="119">
        <v>1317171</v>
      </c>
      <c r="ML24" s="119">
        <v>955310</v>
      </c>
      <c r="MM24" s="119">
        <v>576616</v>
      </c>
      <c r="MN24" s="120">
        <v>3483303</v>
      </c>
      <c r="MO24" s="143">
        <v>3483303</v>
      </c>
      <c r="MP24" s="142">
        <v>0</v>
      </c>
      <c r="MQ24" s="119">
        <v>0</v>
      </c>
      <c r="MR24" s="120">
        <v>0</v>
      </c>
      <c r="MS24" s="145"/>
      <c r="MT24" s="119">
        <v>0</v>
      </c>
      <c r="MU24" s="119">
        <v>0</v>
      </c>
      <c r="MV24" s="119">
        <v>609140</v>
      </c>
      <c r="MW24" s="119">
        <v>961817</v>
      </c>
      <c r="MX24" s="119">
        <v>576616</v>
      </c>
      <c r="MY24" s="120">
        <v>2147573</v>
      </c>
      <c r="MZ24" s="143">
        <v>2147573</v>
      </c>
      <c r="NA24" s="142">
        <v>0</v>
      </c>
      <c r="NB24" s="119">
        <v>0</v>
      </c>
      <c r="NC24" s="120">
        <v>0</v>
      </c>
      <c r="ND24" s="145"/>
      <c r="NE24" s="119">
        <v>210545</v>
      </c>
      <c r="NF24" s="119">
        <v>423661</v>
      </c>
      <c r="NG24" s="119">
        <v>708031</v>
      </c>
      <c r="NH24" s="119">
        <v>0</v>
      </c>
      <c r="NI24" s="119">
        <v>0</v>
      </c>
      <c r="NJ24" s="120">
        <v>1342237</v>
      </c>
      <c r="NK24" s="321">
        <v>1342237</v>
      </c>
      <c r="NL24" s="142">
        <v>0</v>
      </c>
      <c r="NM24" s="119">
        <v>0</v>
      </c>
      <c r="NN24" s="120">
        <v>0</v>
      </c>
      <c r="NO24" s="145"/>
      <c r="NP24" s="119">
        <v>0</v>
      </c>
      <c r="NQ24" s="119">
        <v>0</v>
      </c>
      <c r="NR24" s="119">
        <v>0</v>
      </c>
      <c r="NS24" s="119">
        <v>0</v>
      </c>
      <c r="NT24" s="119">
        <v>0</v>
      </c>
      <c r="NU24" s="120">
        <v>0</v>
      </c>
      <c r="NV24" s="121">
        <v>0</v>
      </c>
      <c r="NW24" s="142">
        <v>0</v>
      </c>
      <c r="NX24" s="119">
        <v>0</v>
      </c>
      <c r="NY24" s="120">
        <v>0</v>
      </c>
      <c r="NZ24" s="145"/>
      <c r="OA24" s="119">
        <v>0</v>
      </c>
      <c r="OB24" s="119">
        <v>0</v>
      </c>
      <c r="OC24" s="119">
        <v>0</v>
      </c>
      <c r="OD24" s="119">
        <v>-6507</v>
      </c>
      <c r="OE24" s="119">
        <v>0</v>
      </c>
      <c r="OF24" s="120">
        <v>-6507</v>
      </c>
      <c r="OG24" s="121">
        <v>-6507</v>
      </c>
      <c r="OH24" s="142">
        <v>150180</v>
      </c>
      <c r="OI24" s="119">
        <v>620769</v>
      </c>
      <c r="OJ24" s="141">
        <v>770949</v>
      </c>
      <c r="OK24" s="118">
        <v>0</v>
      </c>
      <c r="OL24" s="119">
        <v>3017326</v>
      </c>
      <c r="OM24" s="119">
        <v>3994924</v>
      </c>
      <c r="ON24" s="119">
        <v>4883803</v>
      </c>
      <c r="OO24" s="119">
        <v>3556189</v>
      </c>
      <c r="OP24" s="119">
        <v>2917047</v>
      </c>
      <c r="OQ24" s="120">
        <v>18369289</v>
      </c>
      <c r="OR24" s="143">
        <v>19140238</v>
      </c>
    </row>
    <row r="25" spans="1:408" ht="20.25" customHeight="1" x14ac:dyDescent="0.2">
      <c r="A25" s="126" t="s">
        <v>20</v>
      </c>
      <c r="B25" s="110">
        <v>332867</v>
      </c>
      <c r="C25" s="114">
        <v>595932</v>
      </c>
      <c r="D25" s="113">
        <v>928799</v>
      </c>
      <c r="E25" s="110">
        <v>0</v>
      </c>
      <c r="F25" s="114">
        <v>3639150</v>
      </c>
      <c r="G25" s="114">
        <v>3329713</v>
      </c>
      <c r="H25" s="114">
        <v>2837194</v>
      </c>
      <c r="I25" s="114">
        <v>3598618</v>
      </c>
      <c r="J25" s="114">
        <v>1881424</v>
      </c>
      <c r="K25" s="173">
        <v>15286099</v>
      </c>
      <c r="L25" s="116">
        <v>16214898</v>
      </c>
      <c r="M25" s="110">
        <v>85893</v>
      </c>
      <c r="N25" s="114">
        <v>213614</v>
      </c>
      <c r="O25" s="113">
        <v>299507</v>
      </c>
      <c r="P25" s="110">
        <v>0</v>
      </c>
      <c r="Q25" s="114">
        <v>1363286</v>
      </c>
      <c r="R25" s="114">
        <v>929614</v>
      </c>
      <c r="S25" s="114">
        <v>747507</v>
      </c>
      <c r="T25" s="114">
        <v>1269489</v>
      </c>
      <c r="U25" s="114">
        <v>784811</v>
      </c>
      <c r="V25" s="113">
        <v>5094707</v>
      </c>
      <c r="W25" s="116">
        <v>5394214</v>
      </c>
      <c r="X25" s="110">
        <v>0</v>
      </c>
      <c r="Y25" s="114">
        <v>0</v>
      </c>
      <c r="Z25" s="113">
        <v>0</v>
      </c>
      <c r="AA25" s="110">
        <v>0</v>
      </c>
      <c r="AB25" s="114">
        <v>546498</v>
      </c>
      <c r="AC25" s="114">
        <v>302227</v>
      </c>
      <c r="AD25" s="114">
        <v>212432</v>
      </c>
      <c r="AE25" s="114">
        <v>772567</v>
      </c>
      <c r="AF25" s="114">
        <v>407488</v>
      </c>
      <c r="AG25" s="113">
        <v>2241212</v>
      </c>
      <c r="AH25" s="116">
        <v>2241212</v>
      </c>
      <c r="AI25" s="110">
        <v>0</v>
      </c>
      <c r="AJ25" s="114">
        <v>0</v>
      </c>
      <c r="AK25" s="113">
        <v>0</v>
      </c>
      <c r="AL25" s="110">
        <v>0</v>
      </c>
      <c r="AM25" s="114">
        <v>22148</v>
      </c>
      <c r="AN25" s="114">
        <v>32407</v>
      </c>
      <c r="AO25" s="114">
        <v>0</v>
      </c>
      <c r="AP25" s="114">
        <v>0</v>
      </c>
      <c r="AQ25" s="114">
        <v>200611</v>
      </c>
      <c r="AR25" s="113">
        <v>255166</v>
      </c>
      <c r="AS25" s="116">
        <v>255166</v>
      </c>
      <c r="AT25" s="110">
        <v>29612</v>
      </c>
      <c r="AU25" s="114">
        <v>168594</v>
      </c>
      <c r="AV25" s="113">
        <v>198206</v>
      </c>
      <c r="AW25" s="110">
        <v>0</v>
      </c>
      <c r="AX25" s="114">
        <v>533693</v>
      </c>
      <c r="AY25" s="114">
        <v>304788</v>
      </c>
      <c r="AZ25" s="114">
        <v>352916</v>
      </c>
      <c r="BA25" s="114">
        <v>321964</v>
      </c>
      <c r="BB25" s="114">
        <v>58773</v>
      </c>
      <c r="BC25" s="113">
        <v>1572134</v>
      </c>
      <c r="BD25" s="116">
        <v>1770340</v>
      </c>
      <c r="BE25" s="110">
        <v>52277</v>
      </c>
      <c r="BF25" s="114">
        <v>42934</v>
      </c>
      <c r="BG25" s="112">
        <v>95211</v>
      </c>
      <c r="BH25" s="111">
        <v>0</v>
      </c>
      <c r="BI25" s="114">
        <v>25593</v>
      </c>
      <c r="BJ25" s="114">
        <v>135163</v>
      </c>
      <c r="BK25" s="114">
        <v>87169</v>
      </c>
      <c r="BL25" s="114">
        <v>0</v>
      </c>
      <c r="BM25" s="114">
        <v>12155</v>
      </c>
      <c r="BN25" s="113">
        <v>260080</v>
      </c>
      <c r="BO25" s="116">
        <v>355291</v>
      </c>
      <c r="BP25" s="110">
        <v>4004</v>
      </c>
      <c r="BQ25" s="114">
        <v>2086</v>
      </c>
      <c r="BR25" s="113">
        <v>6090</v>
      </c>
      <c r="BS25" s="110">
        <v>0</v>
      </c>
      <c r="BT25" s="114">
        <v>235354</v>
      </c>
      <c r="BU25" s="114">
        <v>155029</v>
      </c>
      <c r="BV25" s="114">
        <v>94990</v>
      </c>
      <c r="BW25" s="114">
        <v>174958</v>
      </c>
      <c r="BX25" s="114">
        <v>105784</v>
      </c>
      <c r="BY25" s="113">
        <v>766115</v>
      </c>
      <c r="BZ25" s="116">
        <v>772205</v>
      </c>
      <c r="CA25" s="110">
        <v>36837</v>
      </c>
      <c r="CB25" s="114">
        <v>66484</v>
      </c>
      <c r="CC25" s="113">
        <v>103321</v>
      </c>
      <c r="CD25" s="110">
        <v>0</v>
      </c>
      <c r="CE25" s="114">
        <v>671128</v>
      </c>
      <c r="CF25" s="114">
        <v>1357456</v>
      </c>
      <c r="CG25" s="114">
        <v>680626</v>
      </c>
      <c r="CH25" s="114">
        <v>456572</v>
      </c>
      <c r="CI25" s="114">
        <v>572434</v>
      </c>
      <c r="CJ25" s="113">
        <v>3738216</v>
      </c>
      <c r="CK25" s="116">
        <v>3841537</v>
      </c>
      <c r="CL25" s="110">
        <v>0</v>
      </c>
      <c r="CM25" s="114">
        <v>0</v>
      </c>
      <c r="CN25" s="113">
        <v>0</v>
      </c>
      <c r="CO25" s="111">
        <v>0</v>
      </c>
      <c r="CP25" s="114">
        <v>315876</v>
      </c>
      <c r="CQ25" s="114">
        <v>585926</v>
      </c>
      <c r="CR25" s="114">
        <v>459142</v>
      </c>
      <c r="CS25" s="114">
        <v>285302</v>
      </c>
      <c r="CT25" s="114">
        <v>453931</v>
      </c>
      <c r="CU25" s="113">
        <v>2100177</v>
      </c>
      <c r="CV25" s="116">
        <v>2100177</v>
      </c>
      <c r="CW25" s="110">
        <v>36837</v>
      </c>
      <c r="CX25" s="114">
        <v>66484</v>
      </c>
      <c r="CY25" s="113">
        <v>103321</v>
      </c>
      <c r="CZ25" s="110">
        <v>0</v>
      </c>
      <c r="DA25" s="114">
        <v>355252</v>
      </c>
      <c r="DB25" s="114">
        <v>771530</v>
      </c>
      <c r="DC25" s="114">
        <v>221484</v>
      </c>
      <c r="DD25" s="114">
        <v>171270</v>
      </c>
      <c r="DE25" s="114">
        <v>118503</v>
      </c>
      <c r="DF25" s="113">
        <v>1638039</v>
      </c>
      <c r="DG25" s="116">
        <v>1741360</v>
      </c>
      <c r="DH25" s="110">
        <v>0</v>
      </c>
      <c r="DI25" s="114">
        <v>39690</v>
      </c>
      <c r="DJ25" s="112">
        <v>39690</v>
      </c>
      <c r="DK25" s="111">
        <v>0</v>
      </c>
      <c r="DL25" s="114">
        <v>269100</v>
      </c>
      <c r="DM25" s="114">
        <v>66512</v>
      </c>
      <c r="DN25" s="114">
        <v>575682</v>
      </c>
      <c r="DO25" s="114">
        <v>396243</v>
      </c>
      <c r="DP25" s="114">
        <v>0</v>
      </c>
      <c r="DQ25" s="113">
        <v>1307537</v>
      </c>
      <c r="DR25" s="116">
        <v>1347227</v>
      </c>
      <c r="DS25" s="110">
        <v>0</v>
      </c>
      <c r="DT25" s="114">
        <v>39690</v>
      </c>
      <c r="DU25" s="113">
        <v>39690</v>
      </c>
      <c r="DV25" s="110">
        <v>0</v>
      </c>
      <c r="DW25" s="114">
        <v>269100</v>
      </c>
      <c r="DX25" s="114">
        <v>0</v>
      </c>
      <c r="DY25" s="114">
        <v>465752</v>
      </c>
      <c r="DZ25" s="114">
        <v>396243</v>
      </c>
      <c r="EA25" s="114">
        <v>0</v>
      </c>
      <c r="EB25" s="113">
        <v>1131095</v>
      </c>
      <c r="EC25" s="116">
        <v>1170785</v>
      </c>
      <c r="ED25" s="110">
        <v>0</v>
      </c>
      <c r="EE25" s="112">
        <v>0</v>
      </c>
      <c r="EF25" s="113">
        <v>0</v>
      </c>
      <c r="EG25" s="110">
        <v>0</v>
      </c>
      <c r="EH25" s="114">
        <v>0</v>
      </c>
      <c r="EI25" s="114">
        <v>66512</v>
      </c>
      <c r="EJ25" s="114">
        <v>109930</v>
      </c>
      <c r="EK25" s="114">
        <v>0</v>
      </c>
      <c r="EL25" s="114">
        <v>0</v>
      </c>
      <c r="EM25" s="112">
        <v>176442</v>
      </c>
      <c r="EN25" s="116">
        <v>176442</v>
      </c>
      <c r="EO25" s="110">
        <v>0</v>
      </c>
      <c r="EP25" s="114">
        <v>0</v>
      </c>
      <c r="EQ25" s="112">
        <v>0</v>
      </c>
      <c r="ER25" s="111">
        <v>0</v>
      </c>
      <c r="ES25" s="114">
        <v>0</v>
      </c>
      <c r="ET25" s="114">
        <v>0</v>
      </c>
      <c r="EU25" s="114">
        <v>0</v>
      </c>
      <c r="EV25" s="114">
        <v>0</v>
      </c>
      <c r="EW25" s="114">
        <v>0</v>
      </c>
      <c r="EX25" s="113">
        <v>0</v>
      </c>
      <c r="EY25" s="116">
        <v>0</v>
      </c>
      <c r="EZ25" s="110">
        <v>0</v>
      </c>
      <c r="FA25" s="114">
        <v>0</v>
      </c>
      <c r="FB25" s="112">
        <v>0</v>
      </c>
      <c r="FC25" s="348"/>
      <c r="FD25" s="114">
        <v>0</v>
      </c>
      <c r="FE25" s="114">
        <v>0</v>
      </c>
      <c r="FF25" s="114">
        <v>0</v>
      </c>
      <c r="FG25" s="114">
        <v>0</v>
      </c>
      <c r="FH25" s="114">
        <v>0</v>
      </c>
      <c r="FI25" s="113">
        <v>0</v>
      </c>
      <c r="FJ25" s="116">
        <v>0</v>
      </c>
      <c r="FK25" s="110">
        <v>161245</v>
      </c>
      <c r="FL25" s="114">
        <v>118342</v>
      </c>
      <c r="FM25" s="113">
        <v>279587</v>
      </c>
      <c r="FN25" s="110">
        <v>0</v>
      </c>
      <c r="FO25" s="114">
        <v>370349</v>
      </c>
      <c r="FP25" s="114">
        <v>345184</v>
      </c>
      <c r="FQ25" s="114">
        <v>306292</v>
      </c>
      <c r="FR25" s="114">
        <v>144907</v>
      </c>
      <c r="FS25" s="114">
        <v>111034</v>
      </c>
      <c r="FT25" s="113">
        <v>1277766</v>
      </c>
      <c r="FU25" s="116">
        <v>1557353</v>
      </c>
      <c r="FV25" s="115">
        <v>21245</v>
      </c>
      <c r="FW25" s="114">
        <v>65212</v>
      </c>
      <c r="FX25" s="112">
        <v>86457</v>
      </c>
      <c r="FY25" s="111">
        <v>0</v>
      </c>
      <c r="FZ25" s="114">
        <v>140959</v>
      </c>
      <c r="GA25" s="114">
        <v>264537</v>
      </c>
      <c r="GB25" s="114">
        <v>251622</v>
      </c>
      <c r="GC25" s="114">
        <v>144907</v>
      </c>
      <c r="GD25" s="114">
        <v>111034</v>
      </c>
      <c r="GE25" s="113">
        <v>913059</v>
      </c>
      <c r="GF25" s="319">
        <v>999516</v>
      </c>
      <c r="GG25" s="115">
        <v>0</v>
      </c>
      <c r="GH25" s="114">
        <v>0</v>
      </c>
      <c r="GI25" s="112">
        <v>0</v>
      </c>
      <c r="GJ25" s="111">
        <v>0</v>
      </c>
      <c r="GK25" s="114">
        <v>35490</v>
      </c>
      <c r="GL25" s="114">
        <v>80647</v>
      </c>
      <c r="GM25" s="114">
        <v>0</v>
      </c>
      <c r="GN25" s="114">
        <v>0</v>
      </c>
      <c r="GO25" s="114">
        <v>0</v>
      </c>
      <c r="GP25" s="113">
        <v>116137</v>
      </c>
      <c r="GQ25" s="116">
        <v>116137</v>
      </c>
      <c r="GR25" s="110">
        <v>140000</v>
      </c>
      <c r="GS25" s="114">
        <v>53130</v>
      </c>
      <c r="GT25" s="113">
        <v>193130</v>
      </c>
      <c r="GU25" s="110">
        <v>0</v>
      </c>
      <c r="GV25" s="114">
        <v>193900</v>
      </c>
      <c r="GW25" s="114">
        <v>0</v>
      </c>
      <c r="GX25" s="114">
        <v>54670</v>
      </c>
      <c r="GY25" s="114">
        <v>0</v>
      </c>
      <c r="GZ25" s="114">
        <v>0</v>
      </c>
      <c r="HA25" s="112">
        <v>248570</v>
      </c>
      <c r="HB25" s="116">
        <v>441700</v>
      </c>
      <c r="HC25" s="110">
        <v>48892</v>
      </c>
      <c r="HD25" s="114">
        <v>157802</v>
      </c>
      <c r="HE25" s="112">
        <v>206694</v>
      </c>
      <c r="HF25" s="111">
        <v>0</v>
      </c>
      <c r="HG25" s="114">
        <v>965287</v>
      </c>
      <c r="HH25" s="114">
        <v>630947</v>
      </c>
      <c r="HI25" s="114">
        <v>527087</v>
      </c>
      <c r="HJ25" s="114">
        <v>1331407</v>
      </c>
      <c r="HK25" s="114">
        <v>413145</v>
      </c>
      <c r="HL25" s="113">
        <v>3867873</v>
      </c>
      <c r="HM25" s="109">
        <v>4074567</v>
      </c>
      <c r="HN25" s="329"/>
      <c r="HO25" s="330"/>
      <c r="HP25" s="331"/>
      <c r="HQ25" s="332"/>
      <c r="HR25" s="330"/>
      <c r="HS25" s="330"/>
      <c r="HT25" s="330"/>
      <c r="HU25" s="330"/>
      <c r="HV25" s="330"/>
      <c r="HW25" s="333"/>
      <c r="HX25" s="334"/>
      <c r="HY25" s="131">
        <v>0</v>
      </c>
      <c r="HZ25" s="132">
        <v>0</v>
      </c>
      <c r="IA25" s="133">
        <v>0</v>
      </c>
      <c r="IB25" s="146">
        <v>0</v>
      </c>
      <c r="IC25" s="132">
        <v>623115</v>
      </c>
      <c r="ID25" s="147">
        <v>535770</v>
      </c>
      <c r="IE25" s="133">
        <v>222793</v>
      </c>
      <c r="IF25" s="132">
        <v>402089</v>
      </c>
      <c r="IG25" s="133">
        <v>0</v>
      </c>
      <c r="IH25" s="148">
        <v>1783767</v>
      </c>
      <c r="II25" s="139">
        <v>1783767</v>
      </c>
      <c r="IJ25" s="232">
        <v>0</v>
      </c>
      <c r="IK25" s="236">
        <v>0</v>
      </c>
      <c r="IL25" s="237">
        <v>0</v>
      </c>
      <c r="IM25" s="140"/>
      <c r="IN25" s="119">
        <v>0</v>
      </c>
      <c r="IO25" s="119">
        <v>0</v>
      </c>
      <c r="IP25" s="119">
        <v>0</v>
      </c>
      <c r="IQ25" s="119">
        <v>0</v>
      </c>
      <c r="IR25" s="119">
        <v>0</v>
      </c>
      <c r="IS25" s="141">
        <v>0</v>
      </c>
      <c r="IT25" s="321">
        <v>0</v>
      </c>
      <c r="IU25" s="142">
        <v>0</v>
      </c>
      <c r="IV25" s="119">
        <v>0</v>
      </c>
      <c r="IW25" s="120">
        <v>0</v>
      </c>
      <c r="IX25" s="144"/>
      <c r="IY25" s="119">
        <v>0</v>
      </c>
      <c r="IZ25" s="119">
        <v>0</v>
      </c>
      <c r="JA25" s="119">
        <v>0</v>
      </c>
      <c r="JB25" s="119">
        <v>0</v>
      </c>
      <c r="JC25" s="119">
        <v>0</v>
      </c>
      <c r="JD25" s="120">
        <v>0</v>
      </c>
      <c r="JE25" s="121">
        <v>0</v>
      </c>
      <c r="JF25" s="142">
        <v>0</v>
      </c>
      <c r="JG25" s="119">
        <v>0</v>
      </c>
      <c r="JH25" s="141">
        <v>0</v>
      </c>
      <c r="JI25" s="118">
        <v>0</v>
      </c>
      <c r="JJ25" s="119">
        <v>204431</v>
      </c>
      <c r="JK25" s="119">
        <v>199911</v>
      </c>
      <c r="JL25" s="119">
        <v>0</v>
      </c>
      <c r="JM25" s="119">
        <v>74812</v>
      </c>
      <c r="JN25" s="119">
        <v>0</v>
      </c>
      <c r="JO25" s="120">
        <v>479154</v>
      </c>
      <c r="JP25" s="321">
        <v>479154</v>
      </c>
      <c r="JQ25" s="142">
        <v>0</v>
      </c>
      <c r="JR25" s="119">
        <v>0</v>
      </c>
      <c r="JS25" s="141">
        <v>0</v>
      </c>
      <c r="JT25" s="118">
        <v>0</v>
      </c>
      <c r="JU25" s="119">
        <v>0</v>
      </c>
      <c r="JV25" s="119">
        <v>0</v>
      </c>
      <c r="JW25" s="119">
        <v>0</v>
      </c>
      <c r="JX25" s="119">
        <v>94745</v>
      </c>
      <c r="JY25" s="119">
        <v>0</v>
      </c>
      <c r="JZ25" s="120">
        <v>94745</v>
      </c>
      <c r="KA25" s="321">
        <v>94745</v>
      </c>
      <c r="KB25" s="234">
        <v>0</v>
      </c>
      <c r="KC25" s="230">
        <v>0</v>
      </c>
      <c r="KD25" s="120">
        <v>0</v>
      </c>
      <c r="KE25" s="118">
        <v>0</v>
      </c>
      <c r="KF25" s="119">
        <v>0</v>
      </c>
      <c r="KG25" s="119">
        <v>121286</v>
      </c>
      <c r="KH25" s="119">
        <v>0</v>
      </c>
      <c r="KI25" s="119">
        <v>0</v>
      </c>
      <c r="KJ25" s="119">
        <v>0</v>
      </c>
      <c r="KK25" s="120">
        <v>121286</v>
      </c>
      <c r="KL25" s="143">
        <v>121286</v>
      </c>
      <c r="KM25" s="232">
        <v>0</v>
      </c>
      <c r="KN25" s="236">
        <v>0</v>
      </c>
      <c r="KO25" s="237">
        <v>0</v>
      </c>
      <c r="KP25" s="140"/>
      <c r="KQ25" s="119">
        <v>418684</v>
      </c>
      <c r="KR25" s="119">
        <v>214573</v>
      </c>
      <c r="KS25" s="119">
        <v>222793</v>
      </c>
      <c r="KT25" s="119">
        <v>232532</v>
      </c>
      <c r="KU25" s="119">
        <v>0</v>
      </c>
      <c r="KV25" s="120">
        <v>1088582</v>
      </c>
      <c r="KW25" s="321">
        <v>1088582</v>
      </c>
      <c r="KX25" s="142">
        <v>0</v>
      </c>
      <c r="KY25" s="119">
        <v>0</v>
      </c>
      <c r="KZ25" s="120">
        <v>0</v>
      </c>
      <c r="LA25" s="145"/>
      <c r="LB25" s="119">
        <v>0</v>
      </c>
      <c r="LC25" s="119">
        <v>0</v>
      </c>
      <c r="LD25" s="119">
        <v>0</v>
      </c>
      <c r="LE25" s="119">
        <v>0</v>
      </c>
      <c r="LF25" s="119">
        <v>0</v>
      </c>
      <c r="LG25" s="120">
        <v>0</v>
      </c>
      <c r="LH25" s="121">
        <v>0</v>
      </c>
      <c r="LI25" s="142">
        <v>0</v>
      </c>
      <c r="LJ25" s="119">
        <v>0</v>
      </c>
      <c r="LK25" s="120">
        <v>0</v>
      </c>
      <c r="LL25" s="145"/>
      <c r="LM25" s="119">
        <v>0</v>
      </c>
      <c r="LN25" s="119">
        <v>0</v>
      </c>
      <c r="LO25" s="119">
        <v>0</v>
      </c>
      <c r="LP25" s="119">
        <v>0</v>
      </c>
      <c r="LQ25" s="119">
        <v>0</v>
      </c>
      <c r="LR25" s="120">
        <v>0</v>
      </c>
      <c r="LS25" s="321">
        <v>0</v>
      </c>
      <c r="LT25" s="142">
        <v>0</v>
      </c>
      <c r="LU25" s="119">
        <v>0</v>
      </c>
      <c r="LV25" s="120">
        <v>0</v>
      </c>
      <c r="LW25" s="145"/>
      <c r="LX25" s="119">
        <v>0</v>
      </c>
      <c r="LY25" s="119">
        <v>0</v>
      </c>
      <c r="LZ25" s="119">
        <v>0</v>
      </c>
      <c r="MA25" s="119">
        <v>0</v>
      </c>
      <c r="MB25" s="119">
        <v>0</v>
      </c>
      <c r="MC25" s="120">
        <v>0</v>
      </c>
      <c r="MD25" s="121">
        <v>0</v>
      </c>
      <c r="ME25" s="142">
        <v>0</v>
      </c>
      <c r="MF25" s="119">
        <v>0</v>
      </c>
      <c r="MG25" s="120">
        <v>0</v>
      </c>
      <c r="MH25" s="145"/>
      <c r="MI25" s="119">
        <v>205990</v>
      </c>
      <c r="MJ25" s="119">
        <v>470575</v>
      </c>
      <c r="MK25" s="119">
        <v>1462676</v>
      </c>
      <c r="ML25" s="119">
        <v>2112706</v>
      </c>
      <c r="MM25" s="119">
        <v>534367</v>
      </c>
      <c r="MN25" s="120">
        <v>4786314</v>
      </c>
      <c r="MO25" s="143">
        <v>4786314</v>
      </c>
      <c r="MP25" s="142">
        <v>0</v>
      </c>
      <c r="MQ25" s="119">
        <v>0</v>
      </c>
      <c r="MR25" s="120">
        <v>0</v>
      </c>
      <c r="MS25" s="145"/>
      <c r="MT25" s="119">
        <v>0</v>
      </c>
      <c r="MU25" s="119">
        <v>216278</v>
      </c>
      <c r="MV25" s="119">
        <v>621202</v>
      </c>
      <c r="MW25" s="119">
        <v>1701879</v>
      </c>
      <c r="MX25" s="119">
        <v>500205</v>
      </c>
      <c r="MY25" s="120">
        <v>3039564</v>
      </c>
      <c r="MZ25" s="143">
        <v>3039564</v>
      </c>
      <c r="NA25" s="142">
        <v>0</v>
      </c>
      <c r="NB25" s="119">
        <v>0</v>
      </c>
      <c r="NC25" s="120">
        <v>0</v>
      </c>
      <c r="ND25" s="145"/>
      <c r="NE25" s="119">
        <v>205990</v>
      </c>
      <c r="NF25" s="119">
        <v>254297</v>
      </c>
      <c r="NG25" s="119">
        <v>841474</v>
      </c>
      <c r="NH25" s="119">
        <v>410827</v>
      </c>
      <c r="NI25" s="119">
        <v>0</v>
      </c>
      <c r="NJ25" s="120">
        <v>1712588</v>
      </c>
      <c r="NK25" s="321">
        <v>1712588</v>
      </c>
      <c r="NL25" s="142">
        <v>0</v>
      </c>
      <c r="NM25" s="119">
        <v>0</v>
      </c>
      <c r="NN25" s="120">
        <v>0</v>
      </c>
      <c r="NO25" s="145"/>
      <c r="NP25" s="119">
        <v>0</v>
      </c>
      <c r="NQ25" s="119">
        <v>0</v>
      </c>
      <c r="NR25" s="119">
        <v>0</v>
      </c>
      <c r="NS25" s="119">
        <v>0</v>
      </c>
      <c r="NT25" s="119">
        <v>0</v>
      </c>
      <c r="NU25" s="120">
        <v>0</v>
      </c>
      <c r="NV25" s="121">
        <v>0</v>
      </c>
      <c r="NW25" s="142">
        <v>0</v>
      </c>
      <c r="NX25" s="119">
        <v>0</v>
      </c>
      <c r="NY25" s="120">
        <v>0</v>
      </c>
      <c r="NZ25" s="145"/>
      <c r="OA25" s="119">
        <v>0</v>
      </c>
      <c r="OB25" s="119">
        <v>0</v>
      </c>
      <c r="OC25" s="119">
        <v>0</v>
      </c>
      <c r="OD25" s="119">
        <v>0</v>
      </c>
      <c r="OE25" s="119">
        <v>34162</v>
      </c>
      <c r="OF25" s="120">
        <v>34162</v>
      </c>
      <c r="OG25" s="121">
        <v>34162</v>
      </c>
      <c r="OH25" s="142">
        <v>332867</v>
      </c>
      <c r="OI25" s="119">
        <v>595932</v>
      </c>
      <c r="OJ25" s="141">
        <v>928799</v>
      </c>
      <c r="OK25" s="118">
        <v>0</v>
      </c>
      <c r="OL25" s="119">
        <v>4468255</v>
      </c>
      <c r="OM25" s="119">
        <v>4336058</v>
      </c>
      <c r="ON25" s="119">
        <v>4522663</v>
      </c>
      <c r="OO25" s="119">
        <v>6113413</v>
      </c>
      <c r="OP25" s="119">
        <v>2415791</v>
      </c>
      <c r="OQ25" s="120">
        <v>21856180</v>
      </c>
      <c r="OR25" s="143">
        <v>22784979</v>
      </c>
    </row>
    <row r="26" spans="1:408" ht="20.25" customHeight="1" x14ac:dyDescent="0.2">
      <c r="A26" s="126" t="s">
        <v>21</v>
      </c>
      <c r="B26" s="110">
        <v>619885</v>
      </c>
      <c r="C26" s="114">
        <v>222022</v>
      </c>
      <c r="D26" s="113">
        <v>841907</v>
      </c>
      <c r="E26" s="109">
        <v>0</v>
      </c>
      <c r="F26" s="114">
        <v>1598526</v>
      </c>
      <c r="G26" s="114">
        <v>2830786</v>
      </c>
      <c r="H26" s="114">
        <v>2146723</v>
      </c>
      <c r="I26" s="114">
        <v>1819302</v>
      </c>
      <c r="J26" s="114">
        <v>2082930</v>
      </c>
      <c r="K26" s="173">
        <v>10478267</v>
      </c>
      <c r="L26" s="116">
        <v>11320174</v>
      </c>
      <c r="M26" s="110">
        <v>121506</v>
      </c>
      <c r="N26" s="114">
        <v>75974</v>
      </c>
      <c r="O26" s="113">
        <v>197480</v>
      </c>
      <c r="P26" s="110">
        <v>0</v>
      </c>
      <c r="Q26" s="114">
        <v>513304</v>
      </c>
      <c r="R26" s="114">
        <v>877632</v>
      </c>
      <c r="S26" s="114">
        <v>859185</v>
      </c>
      <c r="T26" s="114">
        <v>621464</v>
      </c>
      <c r="U26" s="114">
        <v>850282</v>
      </c>
      <c r="V26" s="113">
        <v>3721867</v>
      </c>
      <c r="W26" s="116">
        <v>3919347</v>
      </c>
      <c r="X26" s="110">
        <v>0</v>
      </c>
      <c r="Y26" s="114">
        <v>0</v>
      </c>
      <c r="Z26" s="113">
        <v>0</v>
      </c>
      <c r="AA26" s="110">
        <v>0</v>
      </c>
      <c r="AB26" s="114">
        <v>121418</v>
      </c>
      <c r="AC26" s="114">
        <v>346673</v>
      </c>
      <c r="AD26" s="114">
        <v>379237</v>
      </c>
      <c r="AE26" s="114">
        <v>290564</v>
      </c>
      <c r="AF26" s="114">
        <v>268071</v>
      </c>
      <c r="AG26" s="113">
        <v>1405963</v>
      </c>
      <c r="AH26" s="116">
        <v>1405963</v>
      </c>
      <c r="AI26" s="110">
        <v>0</v>
      </c>
      <c r="AJ26" s="114">
        <v>0</v>
      </c>
      <c r="AK26" s="113">
        <v>0</v>
      </c>
      <c r="AL26" s="110">
        <v>0</v>
      </c>
      <c r="AM26" s="114">
        <v>0</v>
      </c>
      <c r="AN26" s="114">
        <v>11890</v>
      </c>
      <c r="AO26" s="114">
        <v>91137</v>
      </c>
      <c r="AP26" s="114">
        <v>92330</v>
      </c>
      <c r="AQ26" s="114">
        <v>50194</v>
      </c>
      <c r="AR26" s="113">
        <v>245551</v>
      </c>
      <c r="AS26" s="116">
        <v>245551</v>
      </c>
      <c r="AT26" s="110">
        <v>17178</v>
      </c>
      <c r="AU26" s="114">
        <v>47456</v>
      </c>
      <c r="AV26" s="113">
        <v>64634</v>
      </c>
      <c r="AW26" s="110">
        <v>0</v>
      </c>
      <c r="AX26" s="114">
        <v>306234</v>
      </c>
      <c r="AY26" s="114">
        <v>379295</v>
      </c>
      <c r="AZ26" s="114">
        <v>293611</v>
      </c>
      <c r="BA26" s="114">
        <v>174107</v>
      </c>
      <c r="BB26" s="114">
        <v>387875</v>
      </c>
      <c r="BC26" s="113">
        <v>1541122</v>
      </c>
      <c r="BD26" s="116">
        <v>1605756</v>
      </c>
      <c r="BE26" s="110">
        <v>23114</v>
      </c>
      <c r="BF26" s="114">
        <v>0</v>
      </c>
      <c r="BG26" s="112">
        <v>23114</v>
      </c>
      <c r="BH26" s="111">
        <v>0</v>
      </c>
      <c r="BI26" s="114">
        <v>0</v>
      </c>
      <c r="BJ26" s="114">
        <v>53975</v>
      </c>
      <c r="BK26" s="114">
        <v>0</v>
      </c>
      <c r="BL26" s="114">
        <v>0</v>
      </c>
      <c r="BM26" s="114">
        <v>28026</v>
      </c>
      <c r="BN26" s="113">
        <v>82001</v>
      </c>
      <c r="BO26" s="116">
        <v>105115</v>
      </c>
      <c r="BP26" s="110">
        <v>81214</v>
      </c>
      <c r="BQ26" s="114">
        <v>28518</v>
      </c>
      <c r="BR26" s="113">
        <v>109732</v>
      </c>
      <c r="BS26" s="110">
        <v>0</v>
      </c>
      <c r="BT26" s="114">
        <v>85652</v>
      </c>
      <c r="BU26" s="114">
        <v>85799</v>
      </c>
      <c r="BV26" s="114">
        <v>95200</v>
      </c>
      <c r="BW26" s="114">
        <v>64463</v>
      </c>
      <c r="BX26" s="114">
        <v>116116</v>
      </c>
      <c r="BY26" s="113">
        <v>447230</v>
      </c>
      <c r="BZ26" s="116">
        <v>556962</v>
      </c>
      <c r="CA26" s="110">
        <v>35853</v>
      </c>
      <c r="CB26" s="114">
        <v>33195</v>
      </c>
      <c r="CC26" s="113">
        <v>69048</v>
      </c>
      <c r="CD26" s="110">
        <v>0</v>
      </c>
      <c r="CE26" s="114">
        <v>829700</v>
      </c>
      <c r="CF26" s="114">
        <v>1179241</v>
      </c>
      <c r="CG26" s="114">
        <v>414780</v>
      </c>
      <c r="CH26" s="114">
        <v>529551</v>
      </c>
      <c r="CI26" s="114">
        <v>131912</v>
      </c>
      <c r="CJ26" s="113">
        <v>3085184</v>
      </c>
      <c r="CK26" s="116">
        <v>3154232</v>
      </c>
      <c r="CL26" s="110">
        <v>0</v>
      </c>
      <c r="CM26" s="114">
        <v>0</v>
      </c>
      <c r="CN26" s="113">
        <v>0</v>
      </c>
      <c r="CO26" s="111">
        <v>0</v>
      </c>
      <c r="CP26" s="114">
        <v>813395</v>
      </c>
      <c r="CQ26" s="114">
        <v>1051622</v>
      </c>
      <c r="CR26" s="114">
        <v>335512</v>
      </c>
      <c r="CS26" s="114">
        <v>449238</v>
      </c>
      <c r="CT26" s="114">
        <v>0</v>
      </c>
      <c r="CU26" s="113">
        <v>2649767</v>
      </c>
      <c r="CV26" s="116">
        <v>2649767</v>
      </c>
      <c r="CW26" s="110">
        <v>35853</v>
      </c>
      <c r="CX26" s="114">
        <v>33195</v>
      </c>
      <c r="CY26" s="113">
        <v>69048</v>
      </c>
      <c r="CZ26" s="110">
        <v>0</v>
      </c>
      <c r="DA26" s="114">
        <v>16305</v>
      </c>
      <c r="DB26" s="114">
        <v>127619</v>
      </c>
      <c r="DC26" s="114">
        <v>79268</v>
      </c>
      <c r="DD26" s="114">
        <v>80313</v>
      </c>
      <c r="DE26" s="114">
        <v>131912</v>
      </c>
      <c r="DF26" s="113">
        <v>435417</v>
      </c>
      <c r="DG26" s="116">
        <v>504465</v>
      </c>
      <c r="DH26" s="110">
        <v>40092</v>
      </c>
      <c r="DI26" s="114">
        <v>0</v>
      </c>
      <c r="DJ26" s="112">
        <v>40092</v>
      </c>
      <c r="DK26" s="111">
        <v>0</v>
      </c>
      <c r="DL26" s="114">
        <v>36030</v>
      </c>
      <c r="DM26" s="114">
        <v>188570</v>
      </c>
      <c r="DN26" s="114">
        <v>0</v>
      </c>
      <c r="DO26" s="114">
        <v>57734</v>
      </c>
      <c r="DP26" s="114">
        <v>355658</v>
      </c>
      <c r="DQ26" s="113">
        <v>637992</v>
      </c>
      <c r="DR26" s="116">
        <v>678084</v>
      </c>
      <c r="DS26" s="110">
        <v>40092</v>
      </c>
      <c r="DT26" s="114">
        <v>0</v>
      </c>
      <c r="DU26" s="113">
        <v>40092</v>
      </c>
      <c r="DV26" s="110">
        <v>0</v>
      </c>
      <c r="DW26" s="114">
        <v>36030</v>
      </c>
      <c r="DX26" s="114">
        <v>77135</v>
      </c>
      <c r="DY26" s="114">
        <v>0</v>
      </c>
      <c r="DZ26" s="114">
        <v>57734</v>
      </c>
      <c r="EA26" s="114">
        <v>243985</v>
      </c>
      <c r="EB26" s="113">
        <v>414884</v>
      </c>
      <c r="EC26" s="116">
        <v>454976</v>
      </c>
      <c r="ED26" s="110">
        <v>0</v>
      </c>
      <c r="EE26" s="112">
        <v>0</v>
      </c>
      <c r="EF26" s="113">
        <v>0</v>
      </c>
      <c r="EG26" s="110">
        <v>0</v>
      </c>
      <c r="EH26" s="114">
        <v>0</v>
      </c>
      <c r="EI26" s="114">
        <v>111435</v>
      </c>
      <c r="EJ26" s="114">
        <v>0</v>
      </c>
      <c r="EK26" s="114">
        <v>0</v>
      </c>
      <c r="EL26" s="114">
        <v>111673</v>
      </c>
      <c r="EM26" s="112">
        <v>223108</v>
      </c>
      <c r="EN26" s="116">
        <v>223108</v>
      </c>
      <c r="EO26" s="110">
        <v>0</v>
      </c>
      <c r="EP26" s="114">
        <v>0</v>
      </c>
      <c r="EQ26" s="112">
        <v>0</v>
      </c>
      <c r="ER26" s="111">
        <v>0</v>
      </c>
      <c r="ES26" s="114">
        <v>0</v>
      </c>
      <c r="ET26" s="114">
        <v>0</v>
      </c>
      <c r="EU26" s="114">
        <v>0</v>
      </c>
      <c r="EV26" s="114">
        <v>0</v>
      </c>
      <c r="EW26" s="114">
        <v>0</v>
      </c>
      <c r="EX26" s="113">
        <v>0</v>
      </c>
      <c r="EY26" s="116">
        <v>0</v>
      </c>
      <c r="EZ26" s="110">
        <v>0</v>
      </c>
      <c r="FA26" s="114">
        <v>0</v>
      </c>
      <c r="FB26" s="112">
        <v>0</v>
      </c>
      <c r="FC26" s="348"/>
      <c r="FD26" s="114">
        <v>0</v>
      </c>
      <c r="FE26" s="114">
        <v>0</v>
      </c>
      <c r="FF26" s="114">
        <v>0</v>
      </c>
      <c r="FG26" s="114">
        <v>0</v>
      </c>
      <c r="FH26" s="114">
        <v>0</v>
      </c>
      <c r="FI26" s="113">
        <v>0</v>
      </c>
      <c r="FJ26" s="116">
        <v>0</v>
      </c>
      <c r="FK26" s="110">
        <v>226604</v>
      </c>
      <c r="FL26" s="114">
        <v>27398</v>
      </c>
      <c r="FM26" s="113">
        <v>254002</v>
      </c>
      <c r="FN26" s="110">
        <v>0</v>
      </c>
      <c r="FO26" s="114">
        <v>219492</v>
      </c>
      <c r="FP26" s="114">
        <v>269108</v>
      </c>
      <c r="FQ26" s="114">
        <v>148659</v>
      </c>
      <c r="FR26" s="114">
        <v>110971</v>
      </c>
      <c r="FS26" s="114">
        <v>118846</v>
      </c>
      <c r="FT26" s="113">
        <v>867076</v>
      </c>
      <c r="FU26" s="116">
        <v>1121078</v>
      </c>
      <c r="FV26" s="115">
        <v>37604</v>
      </c>
      <c r="FW26" s="114">
        <v>27398</v>
      </c>
      <c r="FX26" s="112">
        <v>65002</v>
      </c>
      <c r="FY26" s="111">
        <v>0</v>
      </c>
      <c r="FZ26" s="114">
        <v>114002</v>
      </c>
      <c r="GA26" s="114">
        <v>258748</v>
      </c>
      <c r="GB26" s="114">
        <v>148659</v>
      </c>
      <c r="GC26" s="114">
        <v>110971</v>
      </c>
      <c r="GD26" s="114">
        <v>118846</v>
      </c>
      <c r="GE26" s="113">
        <v>751226</v>
      </c>
      <c r="GF26" s="319">
        <v>816228</v>
      </c>
      <c r="GG26" s="115">
        <v>0</v>
      </c>
      <c r="GH26" s="114">
        <v>0</v>
      </c>
      <c r="GI26" s="112">
        <v>0</v>
      </c>
      <c r="GJ26" s="111">
        <v>0</v>
      </c>
      <c r="GK26" s="114">
        <v>0</v>
      </c>
      <c r="GL26" s="114">
        <v>10360</v>
      </c>
      <c r="GM26" s="114">
        <v>0</v>
      </c>
      <c r="GN26" s="114">
        <v>0</v>
      </c>
      <c r="GO26" s="114">
        <v>0</v>
      </c>
      <c r="GP26" s="113">
        <v>10360</v>
      </c>
      <c r="GQ26" s="116">
        <v>10360</v>
      </c>
      <c r="GR26" s="110">
        <v>189000</v>
      </c>
      <c r="GS26" s="114">
        <v>0</v>
      </c>
      <c r="GT26" s="113">
        <v>189000</v>
      </c>
      <c r="GU26" s="110">
        <v>0</v>
      </c>
      <c r="GV26" s="114">
        <v>105490</v>
      </c>
      <c r="GW26" s="114">
        <v>0</v>
      </c>
      <c r="GX26" s="114">
        <v>0</v>
      </c>
      <c r="GY26" s="114">
        <v>0</v>
      </c>
      <c r="GZ26" s="114">
        <v>0</v>
      </c>
      <c r="HA26" s="112">
        <v>105490</v>
      </c>
      <c r="HB26" s="116">
        <v>294490</v>
      </c>
      <c r="HC26" s="110">
        <v>195830</v>
      </c>
      <c r="HD26" s="114">
        <v>85455</v>
      </c>
      <c r="HE26" s="112">
        <v>281285</v>
      </c>
      <c r="HF26" s="111">
        <v>0</v>
      </c>
      <c r="HG26" s="114">
        <v>0</v>
      </c>
      <c r="HH26" s="114">
        <v>316235</v>
      </c>
      <c r="HI26" s="114">
        <v>724099</v>
      </c>
      <c r="HJ26" s="114">
        <v>499582</v>
      </c>
      <c r="HK26" s="114">
        <v>626232</v>
      </c>
      <c r="HL26" s="113">
        <v>2166148</v>
      </c>
      <c r="HM26" s="109">
        <v>2447433</v>
      </c>
      <c r="HN26" s="329"/>
      <c r="HO26" s="330"/>
      <c r="HP26" s="331"/>
      <c r="HQ26" s="332"/>
      <c r="HR26" s="330"/>
      <c r="HS26" s="330"/>
      <c r="HT26" s="330"/>
      <c r="HU26" s="330"/>
      <c r="HV26" s="330"/>
      <c r="HW26" s="333"/>
      <c r="HX26" s="334"/>
      <c r="HY26" s="150">
        <v>0</v>
      </c>
      <c r="HZ26" s="135">
        <v>0</v>
      </c>
      <c r="IA26" s="150">
        <v>0</v>
      </c>
      <c r="IB26" s="134">
        <v>0</v>
      </c>
      <c r="IC26" s="135">
        <v>637693</v>
      </c>
      <c r="ID26" s="136">
        <v>411814</v>
      </c>
      <c r="IE26" s="137">
        <v>255741</v>
      </c>
      <c r="IF26" s="135">
        <v>225177</v>
      </c>
      <c r="IG26" s="137">
        <v>0</v>
      </c>
      <c r="IH26" s="138">
        <v>1530425</v>
      </c>
      <c r="II26" s="150">
        <v>1530425</v>
      </c>
      <c r="IJ26" s="232">
        <v>0</v>
      </c>
      <c r="IK26" s="236">
        <v>0</v>
      </c>
      <c r="IL26" s="237">
        <v>0</v>
      </c>
      <c r="IM26" s="140"/>
      <c r="IN26" s="119">
        <v>0</v>
      </c>
      <c r="IO26" s="119">
        <v>0</v>
      </c>
      <c r="IP26" s="119">
        <v>0</v>
      </c>
      <c r="IQ26" s="119">
        <v>0</v>
      </c>
      <c r="IR26" s="119">
        <v>0</v>
      </c>
      <c r="IS26" s="141">
        <v>0</v>
      </c>
      <c r="IT26" s="321">
        <v>0</v>
      </c>
      <c r="IU26" s="142">
        <v>0</v>
      </c>
      <c r="IV26" s="119">
        <v>0</v>
      </c>
      <c r="IW26" s="120">
        <v>0</v>
      </c>
      <c r="IX26" s="144"/>
      <c r="IY26" s="119">
        <v>0</v>
      </c>
      <c r="IZ26" s="119">
        <v>0</v>
      </c>
      <c r="JA26" s="119">
        <v>0</v>
      </c>
      <c r="JB26" s="119">
        <v>0</v>
      </c>
      <c r="JC26" s="119">
        <v>0</v>
      </c>
      <c r="JD26" s="120">
        <v>0</v>
      </c>
      <c r="JE26" s="121">
        <v>0</v>
      </c>
      <c r="JF26" s="142">
        <v>0</v>
      </c>
      <c r="JG26" s="119">
        <v>0</v>
      </c>
      <c r="JH26" s="141">
        <v>0</v>
      </c>
      <c r="JI26" s="118">
        <v>0</v>
      </c>
      <c r="JJ26" s="119">
        <v>444314</v>
      </c>
      <c r="JK26" s="119">
        <v>197281</v>
      </c>
      <c r="JL26" s="119">
        <v>60992</v>
      </c>
      <c r="JM26" s="119">
        <v>0</v>
      </c>
      <c r="JN26" s="119">
        <v>0</v>
      </c>
      <c r="JO26" s="120">
        <v>702587</v>
      </c>
      <c r="JP26" s="321">
        <v>702587</v>
      </c>
      <c r="JQ26" s="142">
        <v>0</v>
      </c>
      <c r="JR26" s="119">
        <v>0</v>
      </c>
      <c r="JS26" s="141">
        <v>0</v>
      </c>
      <c r="JT26" s="118">
        <v>0</v>
      </c>
      <c r="JU26" s="119">
        <v>0</v>
      </c>
      <c r="JV26" s="119">
        <v>0</v>
      </c>
      <c r="JW26" s="119">
        <v>0</v>
      </c>
      <c r="JX26" s="119">
        <v>0</v>
      </c>
      <c r="JY26" s="119">
        <v>0</v>
      </c>
      <c r="JZ26" s="120">
        <v>0</v>
      </c>
      <c r="KA26" s="321">
        <v>0</v>
      </c>
      <c r="KB26" s="234">
        <v>0</v>
      </c>
      <c r="KC26" s="230">
        <v>0</v>
      </c>
      <c r="KD26" s="120">
        <v>0</v>
      </c>
      <c r="KE26" s="118">
        <v>0</v>
      </c>
      <c r="KF26" s="119">
        <v>0</v>
      </c>
      <c r="KG26" s="119">
        <v>0</v>
      </c>
      <c r="KH26" s="119">
        <v>194749</v>
      </c>
      <c r="KI26" s="119">
        <v>0</v>
      </c>
      <c r="KJ26" s="119">
        <v>0</v>
      </c>
      <c r="KK26" s="120">
        <v>194749</v>
      </c>
      <c r="KL26" s="143">
        <v>194749</v>
      </c>
      <c r="KM26" s="232">
        <v>0</v>
      </c>
      <c r="KN26" s="236">
        <v>0</v>
      </c>
      <c r="KO26" s="237">
        <v>0</v>
      </c>
      <c r="KP26" s="140"/>
      <c r="KQ26" s="119">
        <v>193379</v>
      </c>
      <c r="KR26" s="119">
        <v>214533</v>
      </c>
      <c r="KS26" s="119">
        <v>0</v>
      </c>
      <c r="KT26" s="119">
        <v>225177</v>
      </c>
      <c r="KU26" s="119">
        <v>0</v>
      </c>
      <c r="KV26" s="120">
        <v>633089</v>
      </c>
      <c r="KW26" s="321">
        <v>633089</v>
      </c>
      <c r="KX26" s="142">
        <v>0</v>
      </c>
      <c r="KY26" s="119">
        <v>0</v>
      </c>
      <c r="KZ26" s="120">
        <v>0</v>
      </c>
      <c r="LA26" s="145"/>
      <c r="LB26" s="119">
        <v>0</v>
      </c>
      <c r="LC26" s="119">
        <v>0</v>
      </c>
      <c r="LD26" s="119">
        <v>0</v>
      </c>
      <c r="LE26" s="119">
        <v>0</v>
      </c>
      <c r="LF26" s="119">
        <v>0</v>
      </c>
      <c r="LG26" s="120">
        <v>0</v>
      </c>
      <c r="LH26" s="121">
        <v>0</v>
      </c>
      <c r="LI26" s="142">
        <v>0</v>
      </c>
      <c r="LJ26" s="119">
        <v>0</v>
      </c>
      <c r="LK26" s="120">
        <v>0</v>
      </c>
      <c r="LL26" s="145"/>
      <c r="LM26" s="119">
        <v>0</v>
      </c>
      <c r="LN26" s="119">
        <v>0</v>
      </c>
      <c r="LO26" s="119">
        <v>0</v>
      </c>
      <c r="LP26" s="119">
        <v>0</v>
      </c>
      <c r="LQ26" s="119">
        <v>0</v>
      </c>
      <c r="LR26" s="120">
        <v>0</v>
      </c>
      <c r="LS26" s="321">
        <v>0</v>
      </c>
      <c r="LT26" s="142">
        <v>0</v>
      </c>
      <c r="LU26" s="119">
        <v>0</v>
      </c>
      <c r="LV26" s="120">
        <v>0</v>
      </c>
      <c r="LW26" s="145"/>
      <c r="LX26" s="119">
        <v>0</v>
      </c>
      <c r="LY26" s="119">
        <v>0</v>
      </c>
      <c r="LZ26" s="119">
        <v>0</v>
      </c>
      <c r="MA26" s="119">
        <v>0</v>
      </c>
      <c r="MB26" s="119">
        <v>0</v>
      </c>
      <c r="MC26" s="120">
        <v>0</v>
      </c>
      <c r="MD26" s="121">
        <v>0</v>
      </c>
      <c r="ME26" s="142">
        <v>0</v>
      </c>
      <c r="MF26" s="119">
        <v>0</v>
      </c>
      <c r="MG26" s="120">
        <v>0</v>
      </c>
      <c r="MH26" s="145"/>
      <c r="MI26" s="119">
        <v>0</v>
      </c>
      <c r="MJ26" s="119">
        <v>725667</v>
      </c>
      <c r="MK26" s="119">
        <v>900626</v>
      </c>
      <c r="ML26" s="119">
        <v>1623892</v>
      </c>
      <c r="MM26" s="119">
        <v>755844</v>
      </c>
      <c r="MN26" s="120">
        <v>4006029</v>
      </c>
      <c r="MO26" s="143">
        <v>4006029</v>
      </c>
      <c r="MP26" s="142">
        <v>0</v>
      </c>
      <c r="MQ26" s="119">
        <v>0</v>
      </c>
      <c r="MR26" s="120">
        <v>0</v>
      </c>
      <c r="MS26" s="145"/>
      <c r="MT26" s="119">
        <v>0</v>
      </c>
      <c r="MU26" s="119">
        <v>0</v>
      </c>
      <c r="MV26" s="119">
        <v>448113</v>
      </c>
      <c r="MW26" s="119">
        <v>870220</v>
      </c>
      <c r="MX26" s="119">
        <v>483315</v>
      </c>
      <c r="MY26" s="120">
        <v>1801648</v>
      </c>
      <c r="MZ26" s="143">
        <v>1801648</v>
      </c>
      <c r="NA26" s="142">
        <v>0</v>
      </c>
      <c r="NB26" s="119">
        <v>0</v>
      </c>
      <c r="NC26" s="120">
        <v>0</v>
      </c>
      <c r="ND26" s="145"/>
      <c r="NE26" s="119">
        <v>0</v>
      </c>
      <c r="NF26" s="119">
        <v>725667</v>
      </c>
      <c r="NG26" s="119">
        <v>452513</v>
      </c>
      <c r="NH26" s="119">
        <v>753672</v>
      </c>
      <c r="NI26" s="119">
        <v>272529</v>
      </c>
      <c r="NJ26" s="120">
        <v>2204381</v>
      </c>
      <c r="NK26" s="321">
        <v>2204381</v>
      </c>
      <c r="NL26" s="142">
        <v>0</v>
      </c>
      <c r="NM26" s="119">
        <v>0</v>
      </c>
      <c r="NN26" s="120">
        <v>0</v>
      </c>
      <c r="NO26" s="145"/>
      <c r="NP26" s="119">
        <v>0</v>
      </c>
      <c r="NQ26" s="119">
        <v>0</v>
      </c>
      <c r="NR26" s="119">
        <v>0</v>
      </c>
      <c r="NS26" s="119">
        <v>0</v>
      </c>
      <c r="NT26" s="119">
        <v>0</v>
      </c>
      <c r="NU26" s="120">
        <v>0</v>
      </c>
      <c r="NV26" s="121">
        <v>0</v>
      </c>
      <c r="NW26" s="142">
        <v>0</v>
      </c>
      <c r="NX26" s="119">
        <v>0</v>
      </c>
      <c r="NY26" s="120">
        <v>0</v>
      </c>
      <c r="NZ26" s="145"/>
      <c r="OA26" s="119">
        <v>0</v>
      </c>
      <c r="OB26" s="119">
        <v>0</v>
      </c>
      <c r="OC26" s="119">
        <v>0</v>
      </c>
      <c r="OD26" s="119">
        <v>0</v>
      </c>
      <c r="OE26" s="119">
        <v>0</v>
      </c>
      <c r="OF26" s="120">
        <v>0</v>
      </c>
      <c r="OG26" s="121">
        <v>0</v>
      </c>
      <c r="OH26" s="142">
        <v>619885</v>
      </c>
      <c r="OI26" s="119">
        <v>222022</v>
      </c>
      <c r="OJ26" s="141">
        <v>841907</v>
      </c>
      <c r="OK26" s="118">
        <v>0</v>
      </c>
      <c r="OL26" s="119">
        <v>2236219</v>
      </c>
      <c r="OM26" s="119">
        <v>3968267</v>
      </c>
      <c r="ON26" s="119">
        <v>3303090</v>
      </c>
      <c r="OO26" s="119">
        <v>3668371</v>
      </c>
      <c r="OP26" s="119">
        <v>2838774</v>
      </c>
      <c r="OQ26" s="120">
        <v>16014721</v>
      </c>
      <c r="OR26" s="143">
        <v>16856628</v>
      </c>
    </row>
    <row r="27" spans="1:408" ht="20.25" customHeight="1" x14ac:dyDescent="0.2">
      <c r="A27" s="126" t="s">
        <v>22</v>
      </c>
      <c r="B27" s="110">
        <v>22652</v>
      </c>
      <c r="C27" s="114">
        <v>125916</v>
      </c>
      <c r="D27" s="113">
        <v>148568</v>
      </c>
      <c r="E27" s="109">
        <v>0</v>
      </c>
      <c r="F27" s="114">
        <v>816129</v>
      </c>
      <c r="G27" s="114">
        <v>1095425</v>
      </c>
      <c r="H27" s="114">
        <v>541317</v>
      </c>
      <c r="I27" s="114">
        <v>2092807</v>
      </c>
      <c r="J27" s="114">
        <v>1303113</v>
      </c>
      <c r="K27" s="173">
        <v>5848791</v>
      </c>
      <c r="L27" s="116">
        <v>5997359</v>
      </c>
      <c r="M27" s="110">
        <v>17262</v>
      </c>
      <c r="N27" s="114">
        <v>26565</v>
      </c>
      <c r="O27" s="113">
        <v>43827</v>
      </c>
      <c r="P27" s="110">
        <v>0</v>
      </c>
      <c r="Q27" s="114">
        <v>238539</v>
      </c>
      <c r="R27" s="114">
        <v>232544</v>
      </c>
      <c r="S27" s="114">
        <v>295644</v>
      </c>
      <c r="T27" s="114">
        <v>706518</v>
      </c>
      <c r="U27" s="114">
        <v>785454</v>
      </c>
      <c r="V27" s="113">
        <v>2258699</v>
      </c>
      <c r="W27" s="116">
        <v>2302526</v>
      </c>
      <c r="X27" s="110">
        <v>0</v>
      </c>
      <c r="Y27" s="114">
        <v>0</v>
      </c>
      <c r="Z27" s="113">
        <v>0</v>
      </c>
      <c r="AA27" s="110">
        <v>0</v>
      </c>
      <c r="AB27" s="114">
        <v>67263</v>
      </c>
      <c r="AC27" s="114">
        <v>21228</v>
      </c>
      <c r="AD27" s="114">
        <v>256206</v>
      </c>
      <c r="AE27" s="114">
        <v>401321</v>
      </c>
      <c r="AF27" s="114">
        <v>269962</v>
      </c>
      <c r="AG27" s="113">
        <v>1015980</v>
      </c>
      <c r="AH27" s="116">
        <v>1015980</v>
      </c>
      <c r="AI27" s="110">
        <v>0</v>
      </c>
      <c r="AJ27" s="114">
        <v>0</v>
      </c>
      <c r="AK27" s="113">
        <v>0</v>
      </c>
      <c r="AL27" s="110">
        <v>0</v>
      </c>
      <c r="AM27" s="114">
        <v>0</v>
      </c>
      <c r="AN27" s="114">
        <v>0</v>
      </c>
      <c r="AO27" s="114">
        <v>0</v>
      </c>
      <c r="AP27" s="114">
        <v>68348</v>
      </c>
      <c r="AQ27" s="114">
        <v>282490</v>
      </c>
      <c r="AR27" s="113">
        <v>350838</v>
      </c>
      <c r="AS27" s="116">
        <v>350838</v>
      </c>
      <c r="AT27" s="110">
        <v>17262</v>
      </c>
      <c r="AU27" s="114">
        <v>19978</v>
      </c>
      <c r="AV27" s="113">
        <v>37240</v>
      </c>
      <c r="AW27" s="110">
        <v>0</v>
      </c>
      <c r="AX27" s="114">
        <v>101612</v>
      </c>
      <c r="AY27" s="114">
        <v>196357</v>
      </c>
      <c r="AZ27" s="114">
        <v>0</v>
      </c>
      <c r="BA27" s="114">
        <v>99796</v>
      </c>
      <c r="BB27" s="114">
        <v>224602</v>
      </c>
      <c r="BC27" s="113">
        <v>622367</v>
      </c>
      <c r="BD27" s="116">
        <v>659607</v>
      </c>
      <c r="BE27" s="110">
        <v>0</v>
      </c>
      <c r="BF27" s="114">
        <v>0</v>
      </c>
      <c r="BG27" s="112">
        <v>0</v>
      </c>
      <c r="BH27" s="111">
        <v>0</v>
      </c>
      <c r="BI27" s="114">
        <v>26768</v>
      </c>
      <c r="BJ27" s="114">
        <v>0</v>
      </c>
      <c r="BK27" s="114">
        <v>0</v>
      </c>
      <c r="BL27" s="114">
        <v>64736</v>
      </c>
      <c r="BM27" s="114">
        <v>0</v>
      </c>
      <c r="BN27" s="113">
        <v>91504</v>
      </c>
      <c r="BO27" s="116">
        <v>91504</v>
      </c>
      <c r="BP27" s="110">
        <v>0</v>
      </c>
      <c r="BQ27" s="114">
        <v>6587</v>
      </c>
      <c r="BR27" s="113">
        <v>6587</v>
      </c>
      <c r="BS27" s="110">
        <v>0</v>
      </c>
      <c r="BT27" s="114">
        <v>42896</v>
      </c>
      <c r="BU27" s="114">
        <v>14959</v>
      </c>
      <c r="BV27" s="114">
        <v>39438</v>
      </c>
      <c r="BW27" s="114">
        <v>72317</v>
      </c>
      <c r="BX27" s="114">
        <v>8400</v>
      </c>
      <c r="BY27" s="113">
        <v>178010</v>
      </c>
      <c r="BZ27" s="116">
        <v>184597</v>
      </c>
      <c r="CA27" s="110">
        <v>0</v>
      </c>
      <c r="CB27" s="114">
        <v>0</v>
      </c>
      <c r="CC27" s="113">
        <v>0</v>
      </c>
      <c r="CD27" s="110">
        <v>0</v>
      </c>
      <c r="CE27" s="114">
        <v>256587</v>
      </c>
      <c r="CF27" s="114">
        <v>223899</v>
      </c>
      <c r="CG27" s="114">
        <v>7487</v>
      </c>
      <c r="CH27" s="114">
        <v>379275</v>
      </c>
      <c r="CI27" s="114">
        <v>217784</v>
      </c>
      <c r="CJ27" s="113">
        <v>1085032</v>
      </c>
      <c r="CK27" s="116">
        <v>1085032</v>
      </c>
      <c r="CL27" s="110">
        <v>0</v>
      </c>
      <c r="CM27" s="114">
        <v>0</v>
      </c>
      <c r="CN27" s="113">
        <v>0</v>
      </c>
      <c r="CO27" s="111">
        <v>0</v>
      </c>
      <c r="CP27" s="114">
        <v>256587</v>
      </c>
      <c r="CQ27" s="114">
        <v>188482</v>
      </c>
      <c r="CR27" s="114">
        <v>0</v>
      </c>
      <c r="CS27" s="114">
        <v>379275</v>
      </c>
      <c r="CT27" s="114">
        <v>217784</v>
      </c>
      <c r="CU27" s="113">
        <v>1042128</v>
      </c>
      <c r="CV27" s="116">
        <v>1042128</v>
      </c>
      <c r="CW27" s="110">
        <v>0</v>
      </c>
      <c r="CX27" s="114">
        <v>0</v>
      </c>
      <c r="CY27" s="113">
        <v>0</v>
      </c>
      <c r="CZ27" s="110">
        <v>0</v>
      </c>
      <c r="DA27" s="114">
        <v>0</v>
      </c>
      <c r="DB27" s="114">
        <v>35417</v>
      </c>
      <c r="DC27" s="114">
        <v>7487</v>
      </c>
      <c r="DD27" s="114">
        <v>0</v>
      </c>
      <c r="DE27" s="114">
        <v>0</v>
      </c>
      <c r="DF27" s="113">
        <v>42904</v>
      </c>
      <c r="DG27" s="116">
        <v>42904</v>
      </c>
      <c r="DH27" s="110">
        <v>0</v>
      </c>
      <c r="DI27" s="114">
        <v>0</v>
      </c>
      <c r="DJ27" s="112">
        <v>0</v>
      </c>
      <c r="DK27" s="111">
        <v>0</v>
      </c>
      <c r="DL27" s="114">
        <v>0</v>
      </c>
      <c r="DM27" s="114">
        <v>152566</v>
      </c>
      <c r="DN27" s="114">
        <v>0</v>
      </c>
      <c r="DO27" s="114">
        <v>0</v>
      </c>
      <c r="DP27" s="114">
        <v>0</v>
      </c>
      <c r="DQ27" s="113">
        <v>152566</v>
      </c>
      <c r="DR27" s="116">
        <v>152566</v>
      </c>
      <c r="DS27" s="110">
        <v>0</v>
      </c>
      <c r="DT27" s="114">
        <v>0</v>
      </c>
      <c r="DU27" s="113">
        <v>0</v>
      </c>
      <c r="DV27" s="110">
        <v>0</v>
      </c>
      <c r="DW27" s="114">
        <v>0</v>
      </c>
      <c r="DX27" s="114">
        <v>0</v>
      </c>
      <c r="DY27" s="114">
        <v>0</v>
      </c>
      <c r="DZ27" s="114">
        <v>0</v>
      </c>
      <c r="EA27" s="114">
        <v>0</v>
      </c>
      <c r="EB27" s="113">
        <v>0</v>
      </c>
      <c r="EC27" s="116">
        <v>0</v>
      </c>
      <c r="ED27" s="110">
        <v>0</v>
      </c>
      <c r="EE27" s="112">
        <v>0</v>
      </c>
      <c r="EF27" s="113">
        <v>0</v>
      </c>
      <c r="EG27" s="110">
        <v>0</v>
      </c>
      <c r="EH27" s="114">
        <v>0</v>
      </c>
      <c r="EI27" s="114">
        <v>152566</v>
      </c>
      <c r="EJ27" s="114">
        <v>0</v>
      </c>
      <c r="EK27" s="114">
        <v>0</v>
      </c>
      <c r="EL27" s="114">
        <v>0</v>
      </c>
      <c r="EM27" s="112">
        <v>152566</v>
      </c>
      <c r="EN27" s="116">
        <v>152566</v>
      </c>
      <c r="EO27" s="110">
        <v>0</v>
      </c>
      <c r="EP27" s="114">
        <v>0</v>
      </c>
      <c r="EQ27" s="112">
        <v>0</v>
      </c>
      <c r="ER27" s="111">
        <v>0</v>
      </c>
      <c r="ES27" s="114">
        <v>0</v>
      </c>
      <c r="ET27" s="114">
        <v>0</v>
      </c>
      <c r="EU27" s="114">
        <v>0</v>
      </c>
      <c r="EV27" s="114">
        <v>0</v>
      </c>
      <c r="EW27" s="114">
        <v>0</v>
      </c>
      <c r="EX27" s="113">
        <v>0</v>
      </c>
      <c r="EY27" s="116">
        <v>0</v>
      </c>
      <c r="EZ27" s="110">
        <v>0</v>
      </c>
      <c r="FA27" s="114">
        <v>0</v>
      </c>
      <c r="FB27" s="112">
        <v>0</v>
      </c>
      <c r="FC27" s="348"/>
      <c r="FD27" s="114">
        <v>0</v>
      </c>
      <c r="FE27" s="114">
        <v>0</v>
      </c>
      <c r="FF27" s="114">
        <v>0</v>
      </c>
      <c r="FG27" s="114">
        <v>0</v>
      </c>
      <c r="FH27" s="114">
        <v>0</v>
      </c>
      <c r="FI27" s="113">
        <v>0</v>
      </c>
      <c r="FJ27" s="116">
        <v>0</v>
      </c>
      <c r="FK27" s="110">
        <v>5390</v>
      </c>
      <c r="FL27" s="114">
        <v>22946</v>
      </c>
      <c r="FM27" s="113">
        <v>28336</v>
      </c>
      <c r="FN27" s="110">
        <v>0</v>
      </c>
      <c r="FO27" s="114">
        <v>45808</v>
      </c>
      <c r="FP27" s="114">
        <v>57295</v>
      </c>
      <c r="FQ27" s="114">
        <v>58121</v>
      </c>
      <c r="FR27" s="114">
        <v>73122</v>
      </c>
      <c r="FS27" s="114">
        <v>68698</v>
      </c>
      <c r="FT27" s="113">
        <v>303044</v>
      </c>
      <c r="FU27" s="116">
        <v>331380</v>
      </c>
      <c r="FV27" s="115">
        <v>5390</v>
      </c>
      <c r="FW27" s="114">
        <v>22946</v>
      </c>
      <c r="FX27" s="112">
        <v>28336</v>
      </c>
      <c r="FY27" s="111">
        <v>0</v>
      </c>
      <c r="FZ27" s="114">
        <v>23632</v>
      </c>
      <c r="GA27" s="114">
        <v>57295</v>
      </c>
      <c r="GB27" s="114">
        <v>44401</v>
      </c>
      <c r="GC27" s="114">
        <v>73122</v>
      </c>
      <c r="GD27" s="114">
        <v>68698</v>
      </c>
      <c r="GE27" s="113">
        <v>267148</v>
      </c>
      <c r="GF27" s="319">
        <v>295484</v>
      </c>
      <c r="GG27" s="115">
        <v>0</v>
      </c>
      <c r="GH27" s="114">
        <v>0</v>
      </c>
      <c r="GI27" s="112">
        <v>0</v>
      </c>
      <c r="GJ27" s="111">
        <v>0</v>
      </c>
      <c r="GK27" s="114">
        <v>0</v>
      </c>
      <c r="GL27" s="114">
        <v>0</v>
      </c>
      <c r="GM27" s="114">
        <v>13720</v>
      </c>
      <c r="GN27" s="114">
        <v>0</v>
      </c>
      <c r="GO27" s="114">
        <v>0</v>
      </c>
      <c r="GP27" s="113">
        <v>13720</v>
      </c>
      <c r="GQ27" s="116">
        <v>13720</v>
      </c>
      <c r="GR27" s="110">
        <v>0</v>
      </c>
      <c r="GS27" s="114">
        <v>0</v>
      </c>
      <c r="GT27" s="113">
        <v>0</v>
      </c>
      <c r="GU27" s="110">
        <v>0</v>
      </c>
      <c r="GV27" s="114">
        <v>22176</v>
      </c>
      <c r="GW27" s="114">
        <v>0</v>
      </c>
      <c r="GX27" s="114">
        <v>0</v>
      </c>
      <c r="GY27" s="114">
        <v>0</v>
      </c>
      <c r="GZ27" s="114">
        <v>0</v>
      </c>
      <c r="HA27" s="112">
        <v>22176</v>
      </c>
      <c r="HB27" s="116">
        <v>22176</v>
      </c>
      <c r="HC27" s="110">
        <v>0</v>
      </c>
      <c r="HD27" s="114">
        <v>76405</v>
      </c>
      <c r="HE27" s="112">
        <v>76405</v>
      </c>
      <c r="HF27" s="111">
        <v>0</v>
      </c>
      <c r="HG27" s="114">
        <v>275195</v>
      </c>
      <c r="HH27" s="114">
        <v>429121</v>
      </c>
      <c r="HI27" s="114">
        <v>180065</v>
      </c>
      <c r="HJ27" s="114">
        <v>933892</v>
      </c>
      <c r="HK27" s="114">
        <v>231177</v>
      </c>
      <c r="HL27" s="113">
        <v>2049450</v>
      </c>
      <c r="HM27" s="109">
        <v>2125855</v>
      </c>
      <c r="HN27" s="329"/>
      <c r="HO27" s="330"/>
      <c r="HP27" s="331"/>
      <c r="HQ27" s="332"/>
      <c r="HR27" s="330"/>
      <c r="HS27" s="330"/>
      <c r="HT27" s="330"/>
      <c r="HU27" s="330"/>
      <c r="HV27" s="330"/>
      <c r="HW27" s="333"/>
      <c r="HX27" s="334"/>
      <c r="HY27" s="131">
        <v>34923</v>
      </c>
      <c r="HZ27" s="132">
        <v>0</v>
      </c>
      <c r="IA27" s="133">
        <v>34923</v>
      </c>
      <c r="IB27" s="146">
        <v>0</v>
      </c>
      <c r="IC27" s="132">
        <v>516628</v>
      </c>
      <c r="ID27" s="147">
        <v>290913</v>
      </c>
      <c r="IE27" s="133">
        <v>272237</v>
      </c>
      <c r="IF27" s="132">
        <v>474793</v>
      </c>
      <c r="IG27" s="133">
        <v>26271</v>
      </c>
      <c r="IH27" s="148">
        <v>1580842</v>
      </c>
      <c r="II27" s="139">
        <v>1615765</v>
      </c>
      <c r="IJ27" s="232">
        <v>0</v>
      </c>
      <c r="IK27" s="236">
        <v>0</v>
      </c>
      <c r="IL27" s="237">
        <v>0</v>
      </c>
      <c r="IM27" s="140"/>
      <c r="IN27" s="119">
        <v>151557</v>
      </c>
      <c r="IO27" s="119">
        <v>120638</v>
      </c>
      <c r="IP27" s="119">
        <v>0</v>
      </c>
      <c r="IQ27" s="119">
        <v>0</v>
      </c>
      <c r="IR27" s="119">
        <v>0</v>
      </c>
      <c r="IS27" s="141">
        <v>272195</v>
      </c>
      <c r="IT27" s="321">
        <v>272195</v>
      </c>
      <c r="IU27" s="142">
        <v>0</v>
      </c>
      <c r="IV27" s="119">
        <v>0</v>
      </c>
      <c r="IW27" s="120">
        <v>0</v>
      </c>
      <c r="IX27" s="144"/>
      <c r="IY27" s="119">
        <v>0</v>
      </c>
      <c r="IZ27" s="119">
        <v>0</v>
      </c>
      <c r="JA27" s="119">
        <v>0</v>
      </c>
      <c r="JB27" s="119">
        <v>0</v>
      </c>
      <c r="JC27" s="119">
        <v>0</v>
      </c>
      <c r="JD27" s="120">
        <v>0</v>
      </c>
      <c r="JE27" s="121">
        <v>0</v>
      </c>
      <c r="JF27" s="142">
        <v>0</v>
      </c>
      <c r="JG27" s="119">
        <v>0</v>
      </c>
      <c r="JH27" s="141">
        <v>0</v>
      </c>
      <c r="JI27" s="118">
        <v>0</v>
      </c>
      <c r="JJ27" s="119">
        <v>365071</v>
      </c>
      <c r="JK27" s="119">
        <v>42714</v>
      </c>
      <c r="JL27" s="119">
        <v>0</v>
      </c>
      <c r="JM27" s="119">
        <v>24833</v>
      </c>
      <c r="JN27" s="119">
        <v>0</v>
      </c>
      <c r="JO27" s="120">
        <v>432618</v>
      </c>
      <c r="JP27" s="321">
        <v>432618</v>
      </c>
      <c r="JQ27" s="142">
        <v>0</v>
      </c>
      <c r="JR27" s="119">
        <v>0</v>
      </c>
      <c r="JS27" s="141">
        <v>0</v>
      </c>
      <c r="JT27" s="118">
        <v>0</v>
      </c>
      <c r="JU27" s="119">
        <v>0</v>
      </c>
      <c r="JV27" s="119">
        <v>0</v>
      </c>
      <c r="JW27" s="119">
        <v>62510</v>
      </c>
      <c r="JX27" s="119">
        <v>0</v>
      </c>
      <c r="JY27" s="119">
        <v>0</v>
      </c>
      <c r="JZ27" s="120">
        <v>62510</v>
      </c>
      <c r="KA27" s="321">
        <v>62510</v>
      </c>
      <c r="KB27" s="234">
        <v>34923</v>
      </c>
      <c r="KC27" s="230">
        <v>0</v>
      </c>
      <c r="KD27" s="120">
        <v>34923</v>
      </c>
      <c r="KE27" s="118">
        <v>0</v>
      </c>
      <c r="KF27" s="119">
        <v>0</v>
      </c>
      <c r="KG27" s="119">
        <v>127561</v>
      </c>
      <c r="KH27" s="119">
        <v>0</v>
      </c>
      <c r="KI27" s="119">
        <v>0</v>
      </c>
      <c r="KJ27" s="119">
        <v>0</v>
      </c>
      <c r="KK27" s="120">
        <v>127561</v>
      </c>
      <c r="KL27" s="143">
        <v>162484</v>
      </c>
      <c r="KM27" s="232">
        <v>0</v>
      </c>
      <c r="KN27" s="236">
        <v>0</v>
      </c>
      <c r="KO27" s="237">
        <v>0</v>
      </c>
      <c r="KP27" s="140"/>
      <c r="KQ27" s="119">
        <v>0</v>
      </c>
      <c r="KR27" s="119">
        <v>0</v>
      </c>
      <c r="KS27" s="119">
        <v>209727</v>
      </c>
      <c r="KT27" s="119">
        <v>222397</v>
      </c>
      <c r="KU27" s="119">
        <v>26271</v>
      </c>
      <c r="KV27" s="120">
        <v>458395</v>
      </c>
      <c r="KW27" s="321">
        <v>458395</v>
      </c>
      <c r="KX27" s="142">
        <v>0</v>
      </c>
      <c r="KY27" s="119">
        <v>0</v>
      </c>
      <c r="KZ27" s="120">
        <v>0</v>
      </c>
      <c r="LA27" s="145"/>
      <c r="LB27" s="119">
        <v>0</v>
      </c>
      <c r="LC27" s="119">
        <v>0</v>
      </c>
      <c r="LD27" s="119">
        <v>0</v>
      </c>
      <c r="LE27" s="119">
        <v>0</v>
      </c>
      <c r="LF27" s="119">
        <v>0</v>
      </c>
      <c r="LG27" s="120">
        <v>0</v>
      </c>
      <c r="LH27" s="121">
        <v>0</v>
      </c>
      <c r="LI27" s="142">
        <v>0</v>
      </c>
      <c r="LJ27" s="119">
        <v>0</v>
      </c>
      <c r="LK27" s="120">
        <v>0</v>
      </c>
      <c r="LL27" s="145"/>
      <c r="LM27" s="119">
        <v>0</v>
      </c>
      <c r="LN27" s="119">
        <v>0</v>
      </c>
      <c r="LO27" s="119">
        <v>0</v>
      </c>
      <c r="LP27" s="119">
        <v>227563</v>
      </c>
      <c r="LQ27" s="119">
        <v>0</v>
      </c>
      <c r="LR27" s="120">
        <v>227563</v>
      </c>
      <c r="LS27" s="321">
        <v>227563</v>
      </c>
      <c r="LT27" s="142">
        <v>0</v>
      </c>
      <c r="LU27" s="119">
        <v>0</v>
      </c>
      <c r="LV27" s="120">
        <v>0</v>
      </c>
      <c r="LW27" s="145"/>
      <c r="LX27" s="119">
        <v>0</v>
      </c>
      <c r="LY27" s="119">
        <v>0</v>
      </c>
      <c r="LZ27" s="119">
        <v>0</v>
      </c>
      <c r="MA27" s="119">
        <v>0</v>
      </c>
      <c r="MB27" s="119">
        <v>0</v>
      </c>
      <c r="MC27" s="120">
        <v>0</v>
      </c>
      <c r="MD27" s="121">
        <v>0</v>
      </c>
      <c r="ME27" s="142">
        <v>0</v>
      </c>
      <c r="MF27" s="119">
        <v>0</v>
      </c>
      <c r="MG27" s="120">
        <v>0</v>
      </c>
      <c r="MH27" s="145"/>
      <c r="MI27" s="119">
        <v>194188</v>
      </c>
      <c r="MJ27" s="119">
        <v>0</v>
      </c>
      <c r="MK27" s="119">
        <v>540583</v>
      </c>
      <c r="ML27" s="119">
        <v>489649</v>
      </c>
      <c r="MM27" s="119">
        <v>0</v>
      </c>
      <c r="MN27" s="120">
        <v>1224420</v>
      </c>
      <c r="MO27" s="143">
        <v>1224420</v>
      </c>
      <c r="MP27" s="142">
        <v>0</v>
      </c>
      <c r="MQ27" s="119">
        <v>0</v>
      </c>
      <c r="MR27" s="120">
        <v>0</v>
      </c>
      <c r="MS27" s="145"/>
      <c r="MT27" s="119">
        <v>0</v>
      </c>
      <c r="MU27" s="119">
        <v>0</v>
      </c>
      <c r="MV27" s="119">
        <v>0</v>
      </c>
      <c r="MW27" s="119">
        <v>0</v>
      </c>
      <c r="MX27" s="119">
        <v>0</v>
      </c>
      <c r="MY27" s="120">
        <v>0</v>
      </c>
      <c r="MZ27" s="143">
        <v>0</v>
      </c>
      <c r="NA27" s="142">
        <v>0</v>
      </c>
      <c r="NB27" s="119">
        <v>0</v>
      </c>
      <c r="NC27" s="120">
        <v>0</v>
      </c>
      <c r="ND27" s="145"/>
      <c r="NE27" s="119">
        <v>194188</v>
      </c>
      <c r="NF27" s="119">
        <v>0</v>
      </c>
      <c r="NG27" s="119">
        <v>540583</v>
      </c>
      <c r="NH27" s="119">
        <v>511588</v>
      </c>
      <c r="NI27" s="119">
        <v>0</v>
      </c>
      <c r="NJ27" s="120">
        <v>1246359</v>
      </c>
      <c r="NK27" s="321">
        <v>1246359</v>
      </c>
      <c r="NL27" s="142">
        <v>0</v>
      </c>
      <c r="NM27" s="119">
        <v>0</v>
      </c>
      <c r="NN27" s="120">
        <v>0</v>
      </c>
      <c r="NO27" s="145"/>
      <c r="NP27" s="119">
        <v>0</v>
      </c>
      <c r="NQ27" s="119">
        <v>0</v>
      </c>
      <c r="NR27" s="119">
        <v>0</v>
      </c>
      <c r="NS27" s="119">
        <v>0</v>
      </c>
      <c r="NT27" s="119">
        <v>0</v>
      </c>
      <c r="NU27" s="120">
        <v>0</v>
      </c>
      <c r="NV27" s="121">
        <v>0</v>
      </c>
      <c r="NW27" s="142">
        <v>0</v>
      </c>
      <c r="NX27" s="119">
        <v>0</v>
      </c>
      <c r="NY27" s="120">
        <v>0</v>
      </c>
      <c r="NZ27" s="145"/>
      <c r="OA27" s="119">
        <v>0</v>
      </c>
      <c r="OB27" s="119">
        <v>0</v>
      </c>
      <c r="OC27" s="119">
        <v>0</v>
      </c>
      <c r="OD27" s="119">
        <v>-21939</v>
      </c>
      <c r="OE27" s="119">
        <v>0</v>
      </c>
      <c r="OF27" s="120">
        <v>-21939</v>
      </c>
      <c r="OG27" s="121">
        <v>-21939</v>
      </c>
      <c r="OH27" s="142">
        <v>57575</v>
      </c>
      <c r="OI27" s="119">
        <v>125916</v>
      </c>
      <c r="OJ27" s="141">
        <v>183491</v>
      </c>
      <c r="OK27" s="118">
        <v>0</v>
      </c>
      <c r="OL27" s="119">
        <v>1526945</v>
      </c>
      <c r="OM27" s="119">
        <v>1386338</v>
      </c>
      <c r="ON27" s="119">
        <v>1354137</v>
      </c>
      <c r="OO27" s="119">
        <v>3057249</v>
      </c>
      <c r="OP27" s="119">
        <v>1329384</v>
      </c>
      <c r="OQ27" s="120">
        <v>8654053</v>
      </c>
      <c r="OR27" s="143">
        <v>8837544</v>
      </c>
    </row>
    <row r="28" spans="1:408" ht="20.25" customHeight="1" x14ac:dyDescent="0.2">
      <c r="A28" s="126" t="s">
        <v>23</v>
      </c>
      <c r="B28" s="110">
        <v>68702</v>
      </c>
      <c r="C28" s="114">
        <v>134041</v>
      </c>
      <c r="D28" s="113">
        <v>202743</v>
      </c>
      <c r="E28" s="109">
        <v>0</v>
      </c>
      <c r="F28" s="114">
        <v>1082190</v>
      </c>
      <c r="G28" s="114">
        <v>2588617</v>
      </c>
      <c r="H28" s="114">
        <v>2251610</v>
      </c>
      <c r="I28" s="114">
        <v>3164212</v>
      </c>
      <c r="J28" s="114">
        <v>164733</v>
      </c>
      <c r="K28" s="173">
        <v>9251362</v>
      </c>
      <c r="L28" s="116">
        <v>9454105</v>
      </c>
      <c r="M28" s="110">
        <v>61618</v>
      </c>
      <c r="N28" s="114">
        <v>54944</v>
      </c>
      <c r="O28" s="113">
        <v>116562</v>
      </c>
      <c r="P28" s="110">
        <v>0</v>
      </c>
      <c r="Q28" s="114">
        <v>121130</v>
      </c>
      <c r="R28" s="114">
        <v>737737</v>
      </c>
      <c r="S28" s="114">
        <v>706187</v>
      </c>
      <c r="T28" s="114">
        <v>632168</v>
      </c>
      <c r="U28" s="114">
        <v>58263</v>
      </c>
      <c r="V28" s="113">
        <v>2255485</v>
      </c>
      <c r="W28" s="116">
        <v>2372047</v>
      </c>
      <c r="X28" s="110">
        <v>0</v>
      </c>
      <c r="Y28" s="114">
        <v>0</v>
      </c>
      <c r="Z28" s="113">
        <v>0</v>
      </c>
      <c r="AA28" s="110">
        <v>0</v>
      </c>
      <c r="AB28" s="114">
        <v>30764</v>
      </c>
      <c r="AC28" s="114">
        <v>244442</v>
      </c>
      <c r="AD28" s="114">
        <v>312397</v>
      </c>
      <c r="AE28" s="114">
        <v>99737</v>
      </c>
      <c r="AF28" s="114">
        <v>0</v>
      </c>
      <c r="AG28" s="113">
        <v>687340</v>
      </c>
      <c r="AH28" s="116">
        <v>687340</v>
      </c>
      <c r="AI28" s="110">
        <v>0</v>
      </c>
      <c r="AJ28" s="114">
        <v>0</v>
      </c>
      <c r="AK28" s="113">
        <v>0</v>
      </c>
      <c r="AL28" s="110">
        <v>0</v>
      </c>
      <c r="AM28" s="114">
        <v>0</v>
      </c>
      <c r="AN28" s="114">
        <v>103535</v>
      </c>
      <c r="AO28" s="114">
        <v>91137</v>
      </c>
      <c r="AP28" s="114">
        <v>49920</v>
      </c>
      <c r="AQ28" s="114">
        <v>11571</v>
      </c>
      <c r="AR28" s="113">
        <v>256163</v>
      </c>
      <c r="AS28" s="116">
        <v>256163</v>
      </c>
      <c r="AT28" s="110">
        <v>61618</v>
      </c>
      <c r="AU28" s="114">
        <v>16956</v>
      </c>
      <c r="AV28" s="113">
        <v>78574</v>
      </c>
      <c r="AW28" s="110">
        <v>0</v>
      </c>
      <c r="AX28" s="114">
        <v>57550</v>
      </c>
      <c r="AY28" s="114">
        <v>175021</v>
      </c>
      <c r="AZ28" s="114">
        <v>199480</v>
      </c>
      <c r="BA28" s="114">
        <v>300518</v>
      </c>
      <c r="BB28" s="114">
        <v>46692</v>
      </c>
      <c r="BC28" s="113">
        <v>779261</v>
      </c>
      <c r="BD28" s="116">
        <v>857835</v>
      </c>
      <c r="BE28" s="110">
        <v>0</v>
      </c>
      <c r="BF28" s="114">
        <v>34362</v>
      </c>
      <c r="BG28" s="112">
        <v>34362</v>
      </c>
      <c r="BH28" s="111">
        <v>0</v>
      </c>
      <c r="BI28" s="114">
        <v>0</v>
      </c>
      <c r="BJ28" s="114">
        <v>150024</v>
      </c>
      <c r="BK28" s="114">
        <v>0</v>
      </c>
      <c r="BL28" s="114">
        <v>0</v>
      </c>
      <c r="BM28" s="114">
        <v>0</v>
      </c>
      <c r="BN28" s="113">
        <v>150024</v>
      </c>
      <c r="BO28" s="116">
        <v>184386</v>
      </c>
      <c r="BP28" s="110">
        <v>0</v>
      </c>
      <c r="BQ28" s="114">
        <v>3626</v>
      </c>
      <c r="BR28" s="113">
        <v>3626</v>
      </c>
      <c r="BS28" s="110">
        <v>0</v>
      </c>
      <c r="BT28" s="114">
        <v>32816</v>
      </c>
      <c r="BU28" s="114">
        <v>64715</v>
      </c>
      <c r="BV28" s="114">
        <v>103173</v>
      </c>
      <c r="BW28" s="114">
        <v>181993</v>
      </c>
      <c r="BX28" s="114">
        <v>0</v>
      </c>
      <c r="BY28" s="113">
        <v>382697</v>
      </c>
      <c r="BZ28" s="116">
        <v>386323</v>
      </c>
      <c r="CA28" s="110">
        <v>0</v>
      </c>
      <c r="CB28" s="114">
        <v>0</v>
      </c>
      <c r="CC28" s="113">
        <v>0</v>
      </c>
      <c r="CD28" s="110">
        <v>0</v>
      </c>
      <c r="CE28" s="114">
        <v>452835</v>
      </c>
      <c r="CF28" s="114">
        <v>1159572</v>
      </c>
      <c r="CG28" s="114">
        <v>711334</v>
      </c>
      <c r="CH28" s="114">
        <v>513154</v>
      </c>
      <c r="CI28" s="114">
        <v>0</v>
      </c>
      <c r="CJ28" s="113">
        <v>2836895</v>
      </c>
      <c r="CK28" s="116">
        <v>2836895</v>
      </c>
      <c r="CL28" s="110">
        <v>0</v>
      </c>
      <c r="CM28" s="114">
        <v>0</v>
      </c>
      <c r="CN28" s="113">
        <v>0</v>
      </c>
      <c r="CO28" s="111">
        <v>0</v>
      </c>
      <c r="CP28" s="114">
        <v>387521</v>
      </c>
      <c r="CQ28" s="114">
        <v>939508</v>
      </c>
      <c r="CR28" s="114">
        <v>340969</v>
      </c>
      <c r="CS28" s="114">
        <v>292624</v>
      </c>
      <c r="CT28" s="114">
        <v>0</v>
      </c>
      <c r="CU28" s="113">
        <v>1960622</v>
      </c>
      <c r="CV28" s="116">
        <v>1960622</v>
      </c>
      <c r="CW28" s="110">
        <v>0</v>
      </c>
      <c r="CX28" s="114">
        <v>0</v>
      </c>
      <c r="CY28" s="113">
        <v>0</v>
      </c>
      <c r="CZ28" s="110">
        <v>0</v>
      </c>
      <c r="DA28" s="114">
        <v>65314</v>
      </c>
      <c r="DB28" s="114">
        <v>220064</v>
      </c>
      <c r="DC28" s="114">
        <v>370365</v>
      </c>
      <c r="DD28" s="114">
        <v>220530</v>
      </c>
      <c r="DE28" s="114">
        <v>0</v>
      </c>
      <c r="DF28" s="113">
        <v>876273</v>
      </c>
      <c r="DG28" s="116">
        <v>876273</v>
      </c>
      <c r="DH28" s="110">
        <v>0</v>
      </c>
      <c r="DI28" s="114">
        <v>0</v>
      </c>
      <c r="DJ28" s="112">
        <v>0</v>
      </c>
      <c r="DK28" s="111">
        <v>0</v>
      </c>
      <c r="DL28" s="114">
        <v>33210</v>
      </c>
      <c r="DM28" s="114">
        <v>0</v>
      </c>
      <c r="DN28" s="114">
        <v>0</v>
      </c>
      <c r="DO28" s="114">
        <v>177806</v>
      </c>
      <c r="DP28" s="114">
        <v>0</v>
      </c>
      <c r="DQ28" s="113">
        <v>211016</v>
      </c>
      <c r="DR28" s="116">
        <v>211016</v>
      </c>
      <c r="DS28" s="110">
        <v>0</v>
      </c>
      <c r="DT28" s="114">
        <v>0</v>
      </c>
      <c r="DU28" s="113">
        <v>0</v>
      </c>
      <c r="DV28" s="110">
        <v>0</v>
      </c>
      <c r="DW28" s="114">
        <v>33210</v>
      </c>
      <c r="DX28" s="114">
        <v>0</v>
      </c>
      <c r="DY28" s="114">
        <v>0</v>
      </c>
      <c r="DZ28" s="114">
        <v>177806</v>
      </c>
      <c r="EA28" s="114">
        <v>0</v>
      </c>
      <c r="EB28" s="113">
        <v>211016</v>
      </c>
      <c r="EC28" s="116">
        <v>211016</v>
      </c>
      <c r="ED28" s="110">
        <v>0</v>
      </c>
      <c r="EE28" s="112">
        <v>0</v>
      </c>
      <c r="EF28" s="113">
        <v>0</v>
      </c>
      <c r="EG28" s="110">
        <v>0</v>
      </c>
      <c r="EH28" s="114">
        <v>0</v>
      </c>
      <c r="EI28" s="114">
        <v>0</v>
      </c>
      <c r="EJ28" s="114">
        <v>0</v>
      </c>
      <c r="EK28" s="114">
        <v>0</v>
      </c>
      <c r="EL28" s="114">
        <v>0</v>
      </c>
      <c r="EM28" s="112">
        <v>0</v>
      </c>
      <c r="EN28" s="116">
        <v>0</v>
      </c>
      <c r="EO28" s="110">
        <v>0</v>
      </c>
      <c r="EP28" s="114">
        <v>0</v>
      </c>
      <c r="EQ28" s="112">
        <v>0</v>
      </c>
      <c r="ER28" s="111">
        <v>0</v>
      </c>
      <c r="ES28" s="114">
        <v>0</v>
      </c>
      <c r="ET28" s="114">
        <v>0</v>
      </c>
      <c r="EU28" s="114">
        <v>0</v>
      </c>
      <c r="EV28" s="114">
        <v>0</v>
      </c>
      <c r="EW28" s="114">
        <v>0</v>
      </c>
      <c r="EX28" s="113">
        <v>0</v>
      </c>
      <c r="EY28" s="116">
        <v>0</v>
      </c>
      <c r="EZ28" s="110">
        <v>0</v>
      </c>
      <c r="FA28" s="114">
        <v>0</v>
      </c>
      <c r="FB28" s="112">
        <v>0</v>
      </c>
      <c r="FC28" s="348"/>
      <c r="FD28" s="114">
        <v>0</v>
      </c>
      <c r="FE28" s="114">
        <v>0</v>
      </c>
      <c r="FF28" s="114">
        <v>0</v>
      </c>
      <c r="FG28" s="114">
        <v>0</v>
      </c>
      <c r="FH28" s="114">
        <v>0</v>
      </c>
      <c r="FI28" s="113">
        <v>0</v>
      </c>
      <c r="FJ28" s="116">
        <v>0</v>
      </c>
      <c r="FK28" s="110">
        <v>7084</v>
      </c>
      <c r="FL28" s="114">
        <v>16240</v>
      </c>
      <c r="FM28" s="113">
        <v>23324</v>
      </c>
      <c r="FN28" s="110">
        <v>0</v>
      </c>
      <c r="FO28" s="114">
        <v>55808</v>
      </c>
      <c r="FP28" s="114">
        <v>383348</v>
      </c>
      <c r="FQ28" s="114">
        <v>179424</v>
      </c>
      <c r="FR28" s="114">
        <v>128464</v>
      </c>
      <c r="FS28" s="114">
        <v>46109</v>
      </c>
      <c r="FT28" s="113">
        <v>793153</v>
      </c>
      <c r="FU28" s="116">
        <v>816477</v>
      </c>
      <c r="FV28" s="115">
        <v>7084</v>
      </c>
      <c r="FW28" s="114">
        <v>16240</v>
      </c>
      <c r="FX28" s="112">
        <v>23324</v>
      </c>
      <c r="FY28" s="111">
        <v>0</v>
      </c>
      <c r="FZ28" s="114">
        <v>55808</v>
      </c>
      <c r="GA28" s="114">
        <v>253148</v>
      </c>
      <c r="GB28" s="114">
        <v>151424</v>
      </c>
      <c r="GC28" s="114">
        <v>128464</v>
      </c>
      <c r="GD28" s="114">
        <v>46109</v>
      </c>
      <c r="GE28" s="113">
        <v>634953</v>
      </c>
      <c r="GF28" s="319">
        <v>658277</v>
      </c>
      <c r="GG28" s="115">
        <v>0</v>
      </c>
      <c r="GH28" s="114">
        <v>0</v>
      </c>
      <c r="GI28" s="112">
        <v>0</v>
      </c>
      <c r="GJ28" s="111">
        <v>0</v>
      </c>
      <c r="GK28" s="114">
        <v>0</v>
      </c>
      <c r="GL28" s="114">
        <v>0</v>
      </c>
      <c r="GM28" s="114">
        <v>0</v>
      </c>
      <c r="GN28" s="114">
        <v>0</v>
      </c>
      <c r="GO28" s="114">
        <v>0</v>
      </c>
      <c r="GP28" s="113">
        <v>0</v>
      </c>
      <c r="GQ28" s="116">
        <v>0</v>
      </c>
      <c r="GR28" s="110">
        <v>0</v>
      </c>
      <c r="GS28" s="114">
        <v>0</v>
      </c>
      <c r="GT28" s="113">
        <v>0</v>
      </c>
      <c r="GU28" s="110">
        <v>0</v>
      </c>
      <c r="GV28" s="114">
        <v>0</v>
      </c>
      <c r="GW28" s="114">
        <v>130200</v>
      </c>
      <c r="GX28" s="114">
        <v>28000</v>
      </c>
      <c r="GY28" s="114">
        <v>0</v>
      </c>
      <c r="GZ28" s="114">
        <v>0</v>
      </c>
      <c r="HA28" s="112">
        <v>158200</v>
      </c>
      <c r="HB28" s="116">
        <v>158200</v>
      </c>
      <c r="HC28" s="110">
        <v>0</v>
      </c>
      <c r="HD28" s="114">
        <v>62857</v>
      </c>
      <c r="HE28" s="112">
        <v>62857</v>
      </c>
      <c r="HF28" s="111">
        <v>0</v>
      </c>
      <c r="HG28" s="114">
        <v>419207</v>
      </c>
      <c r="HH28" s="114">
        <v>307960</v>
      </c>
      <c r="HI28" s="114">
        <v>654665</v>
      </c>
      <c r="HJ28" s="114">
        <v>1712620</v>
      </c>
      <c r="HK28" s="114">
        <v>60361</v>
      </c>
      <c r="HL28" s="113">
        <v>3154813</v>
      </c>
      <c r="HM28" s="109">
        <v>3217670</v>
      </c>
      <c r="HN28" s="329"/>
      <c r="HO28" s="330"/>
      <c r="HP28" s="331"/>
      <c r="HQ28" s="332"/>
      <c r="HR28" s="330"/>
      <c r="HS28" s="330"/>
      <c r="HT28" s="330"/>
      <c r="HU28" s="330"/>
      <c r="HV28" s="330"/>
      <c r="HW28" s="333"/>
      <c r="HX28" s="334"/>
      <c r="HY28" s="150">
        <v>0</v>
      </c>
      <c r="HZ28" s="135">
        <v>0</v>
      </c>
      <c r="IA28" s="150">
        <v>0</v>
      </c>
      <c r="IB28" s="134">
        <v>0</v>
      </c>
      <c r="IC28" s="135">
        <v>82263</v>
      </c>
      <c r="ID28" s="136">
        <v>43854</v>
      </c>
      <c r="IE28" s="137">
        <v>288714</v>
      </c>
      <c r="IF28" s="135">
        <v>0</v>
      </c>
      <c r="IG28" s="137">
        <v>228776</v>
      </c>
      <c r="IH28" s="138">
        <v>643607</v>
      </c>
      <c r="II28" s="150">
        <v>643607</v>
      </c>
      <c r="IJ28" s="232">
        <v>0</v>
      </c>
      <c r="IK28" s="236">
        <v>0</v>
      </c>
      <c r="IL28" s="237">
        <v>0</v>
      </c>
      <c r="IM28" s="140"/>
      <c r="IN28" s="119">
        <v>0</v>
      </c>
      <c r="IO28" s="119">
        <v>0</v>
      </c>
      <c r="IP28" s="119">
        <v>0</v>
      </c>
      <c r="IQ28" s="119">
        <v>0</v>
      </c>
      <c r="IR28" s="119">
        <v>0</v>
      </c>
      <c r="IS28" s="141">
        <v>0</v>
      </c>
      <c r="IT28" s="321">
        <v>0</v>
      </c>
      <c r="IU28" s="142">
        <v>0</v>
      </c>
      <c r="IV28" s="119">
        <v>0</v>
      </c>
      <c r="IW28" s="120">
        <v>0</v>
      </c>
      <c r="IX28" s="144"/>
      <c r="IY28" s="119">
        <v>0</v>
      </c>
      <c r="IZ28" s="119">
        <v>0</v>
      </c>
      <c r="JA28" s="119">
        <v>0</v>
      </c>
      <c r="JB28" s="119">
        <v>0</v>
      </c>
      <c r="JC28" s="119">
        <v>0</v>
      </c>
      <c r="JD28" s="120">
        <v>0</v>
      </c>
      <c r="JE28" s="121">
        <v>0</v>
      </c>
      <c r="JF28" s="142">
        <v>0</v>
      </c>
      <c r="JG28" s="119">
        <v>0</v>
      </c>
      <c r="JH28" s="141">
        <v>0</v>
      </c>
      <c r="JI28" s="118">
        <v>0</v>
      </c>
      <c r="JJ28" s="119">
        <v>82263</v>
      </c>
      <c r="JK28" s="119">
        <v>43854</v>
      </c>
      <c r="JL28" s="119">
        <v>66105</v>
      </c>
      <c r="JM28" s="119">
        <v>0</v>
      </c>
      <c r="JN28" s="119">
        <v>228776</v>
      </c>
      <c r="JO28" s="120">
        <v>420998</v>
      </c>
      <c r="JP28" s="321">
        <v>420998</v>
      </c>
      <c r="JQ28" s="142">
        <v>0</v>
      </c>
      <c r="JR28" s="119">
        <v>0</v>
      </c>
      <c r="JS28" s="141">
        <v>0</v>
      </c>
      <c r="JT28" s="118">
        <v>0</v>
      </c>
      <c r="JU28" s="119">
        <v>0</v>
      </c>
      <c r="JV28" s="119">
        <v>0</v>
      </c>
      <c r="JW28" s="119">
        <v>0</v>
      </c>
      <c r="JX28" s="119">
        <v>0</v>
      </c>
      <c r="JY28" s="119">
        <v>0</v>
      </c>
      <c r="JZ28" s="120">
        <v>0</v>
      </c>
      <c r="KA28" s="321">
        <v>0</v>
      </c>
      <c r="KB28" s="234">
        <v>0</v>
      </c>
      <c r="KC28" s="230">
        <v>0</v>
      </c>
      <c r="KD28" s="120">
        <v>0</v>
      </c>
      <c r="KE28" s="118">
        <v>0</v>
      </c>
      <c r="KF28" s="119">
        <v>0</v>
      </c>
      <c r="KG28" s="119">
        <v>0</v>
      </c>
      <c r="KH28" s="119">
        <v>0</v>
      </c>
      <c r="KI28" s="119">
        <v>0</v>
      </c>
      <c r="KJ28" s="119">
        <v>0</v>
      </c>
      <c r="KK28" s="120">
        <v>0</v>
      </c>
      <c r="KL28" s="143">
        <v>0</v>
      </c>
      <c r="KM28" s="232">
        <v>0</v>
      </c>
      <c r="KN28" s="236">
        <v>0</v>
      </c>
      <c r="KO28" s="237">
        <v>0</v>
      </c>
      <c r="KP28" s="140"/>
      <c r="KQ28" s="119">
        <v>0</v>
      </c>
      <c r="KR28" s="119">
        <v>0</v>
      </c>
      <c r="KS28" s="119">
        <v>222609</v>
      </c>
      <c r="KT28" s="119">
        <v>0</v>
      </c>
      <c r="KU28" s="119">
        <v>0</v>
      </c>
      <c r="KV28" s="120">
        <v>222609</v>
      </c>
      <c r="KW28" s="321">
        <v>222609</v>
      </c>
      <c r="KX28" s="142">
        <v>0</v>
      </c>
      <c r="KY28" s="119">
        <v>0</v>
      </c>
      <c r="KZ28" s="120">
        <v>0</v>
      </c>
      <c r="LA28" s="145"/>
      <c r="LB28" s="119">
        <v>0</v>
      </c>
      <c r="LC28" s="119">
        <v>0</v>
      </c>
      <c r="LD28" s="119">
        <v>0</v>
      </c>
      <c r="LE28" s="119">
        <v>0</v>
      </c>
      <c r="LF28" s="119">
        <v>0</v>
      </c>
      <c r="LG28" s="120">
        <v>0</v>
      </c>
      <c r="LH28" s="121">
        <v>0</v>
      </c>
      <c r="LI28" s="142">
        <v>0</v>
      </c>
      <c r="LJ28" s="119">
        <v>0</v>
      </c>
      <c r="LK28" s="120">
        <v>0</v>
      </c>
      <c r="LL28" s="145"/>
      <c r="LM28" s="119">
        <v>0</v>
      </c>
      <c r="LN28" s="119">
        <v>0</v>
      </c>
      <c r="LO28" s="119">
        <v>0</v>
      </c>
      <c r="LP28" s="119">
        <v>0</v>
      </c>
      <c r="LQ28" s="119">
        <v>0</v>
      </c>
      <c r="LR28" s="120">
        <v>0</v>
      </c>
      <c r="LS28" s="321">
        <v>0</v>
      </c>
      <c r="LT28" s="142">
        <v>0</v>
      </c>
      <c r="LU28" s="119">
        <v>0</v>
      </c>
      <c r="LV28" s="120">
        <v>0</v>
      </c>
      <c r="LW28" s="145"/>
      <c r="LX28" s="119">
        <v>0</v>
      </c>
      <c r="LY28" s="119">
        <v>0</v>
      </c>
      <c r="LZ28" s="119">
        <v>0</v>
      </c>
      <c r="MA28" s="119">
        <v>0</v>
      </c>
      <c r="MB28" s="119">
        <v>0</v>
      </c>
      <c r="MC28" s="120">
        <v>0</v>
      </c>
      <c r="MD28" s="121">
        <v>0</v>
      </c>
      <c r="ME28" s="142">
        <v>0</v>
      </c>
      <c r="MF28" s="119">
        <v>0</v>
      </c>
      <c r="MG28" s="120">
        <v>0</v>
      </c>
      <c r="MH28" s="145"/>
      <c r="MI28" s="119">
        <v>0</v>
      </c>
      <c r="MJ28" s="119">
        <v>416269</v>
      </c>
      <c r="MK28" s="119">
        <v>743766</v>
      </c>
      <c r="ML28" s="119">
        <v>1469549</v>
      </c>
      <c r="MM28" s="119">
        <v>1250708</v>
      </c>
      <c r="MN28" s="120">
        <v>3880292</v>
      </c>
      <c r="MO28" s="143">
        <v>3880292</v>
      </c>
      <c r="MP28" s="142">
        <v>0</v>
      </c>
      <c r="MQ28" s="119">
        <v>0</v>
      </c>
      <c r="MR28" s="120">
        <v>0</v>
      </c>
      <c r="MS28" s="145"/>
      <c r="MT28" s="119">
        <v>0</v>
      </c>
      <c r="MU28" s="119">
        <v>0</v>
      </c>
      <c r="MV28" s="119">
        <v>212531</v>
      </c>
      <c r="MW28" s="119">
        <v>1142701</v>
      </c>
      <c r="MX28" s="119">
        <v>458178</v>
      </c>
      <c r="MY28" s="120">
        <v>1813410</v>
      </c>
      <c r="MZ28" s="143">
        <v>1813410</v>
      </c>
      <c r="NA28" s="142">
        <v>0</v>
      </c>
      <c r="NB28" s="119">
        <v>0</v>
      </c>
      <c r="NC28" s="120">
        <v>0</v>
      </c>
      <c r="ND28" s="145"/>
      <c r="NE28" s="119">
        <v>0</v>
      </c>
      <c r="NF28" s="119">
        <v>416269</v>
      </c>
      <c r="NG28" s="119">
        <v>531235</v>
      </c>
      <c r="NH28" s="119">
        <v>326848</v>
      </c>
      <c r="NI28" s="119">
        <v>513031</v>
      </c>
      <c r="NJ28" s="120">
        <v>1787383</v>
      </c>
      <c r="NK28" s="321">
        <v>1787383</v>
      </c>
      <c r="NL28" s="142">
        <v>0</v>
      </c>
      <c r="NM28" s="119">
        <v>0</v>
      </c>
      <c r="NN28" s="120">
        <v>0</v>
      </c>
      <c r="NO28" s="145"/>
      <c r="NP28" s="119">
        <v>0</v>
      </c>
      <c r="NQ28" s="119">
        <v>0</v>
      </c>
      <c r="NR28" s="119">
        <v>0</v>
      </c>
      <c r="NS28" s="119">
        <v>0</v>
      </c>
      <c r="NT28" s="119">
        <v>279499</v>
      </c>
      <c r="NU28" s="120">
        <v>279499</v>
      </c>
      <c r="NV28" s="121">
        <v>279499</v>
      </c>
      <c r="NW28" s="142">
        <v>0</v>
      </c>
      <c r="NX28" s="119">
        <v>0</v>
      </c>
      <c r="NY28" s="120">
        <v>0</v>
      </c>
      <c r="NZ28" s="145"/>
      <c r="OA28" s="119">
        <v>0</v>
      </c>
      <c r="OB28" s="119">
        <v>0</v>
      </c>
      <c r="OC28" s="119">
        <v>0</v>
      </c>
      <c r="OD28" s="119">
        <v>0</v>
      </c>
      <c r="OE28" s="119">
        <v>0</v>
      </c>
      <c r="OF28" s="120">
        <v>0</v>
      </c>
      <c r="OG28" s="121">
        <v>0</v>
      </c>
      <c r="OH28" s="142">
        <v>68702</v>
      </c>
      <c r="OI28" s="119">
        <v>134041</v>
      </c>
      <c r="OJ28" s="141">
        <v>202743</v>
      </c>
      <c r="OK28" s="118">
        <v>0</v>
      </c>
      <c r="OL28" s="119">
        <v>1164453</v>
      </c>
      <c r="OM28" s="119">
        <v>3048740</v>
      </c>
      <c r="ON28" s="119">
        <v>3284090</v>
      </c>
      <c r="OO28" s="119">
        <v>4633761</v>
      </c>
      <c r="OP28" s="119">
        <v>1644217</v>
      </c>
      <c r="OQ28" s="120">
        <v>13775261</v>
      </c>
      <c r="OR28" s="143">
        <v>13978004</v>
      </c>
    </row>
    <row r="29" spans="1:408" ht="20.25" customHeight="1" x14ac:dyDescent="0.2">
      <c r="A29" s="126" t="s">
        <v>24</v>
      </c>
      <c r="B29" s="110">
        <v>275579</v>
      </c>
      <c r="C29" s="114">
        <v>257726</v>
      </c>
      <c r="D29" s="113">
        <v>533305</v>
      </c>
      <c r="E29" s="109">
        <v>0</v>
      </c>
      <c r="F29" s="114">
        <v>1636050</v>
      </c>
      <c r="G29" s="114">
        <v>2420713</v>
      </c>
      <c r="H29" s="114">
        <v>921033</v>
      </c>
      <c r="I29" s="114">
        <v>2341613</v>
      </c>
      <c r="J29" s="114">
        <v>1879750</v>
      </c>
      <c r="K29" s="173">
        <v>9199159</v>
      </c>
      <c r="L29" s="116">
        <v>9732464</v>
      </c>
      <c r="M29" s="110">
        <v>40789</v>
      </c>
      <c r="N29" s="114">
        <v>65564</v>
      </c>
      <c r="O29" s="113">
        <v>106353</v>
      </c>
      <c r="P29" s="110">
        <v>0</v>
      </c>
      <c r="Q29" s="114">
        <v>499413</v>
      </c>
      <c r="R29" s="114">
        <v>541622</v>
      </c>
      <c r="S29" s="114">
        <v>268877</v>
      </c>
      <c r="T29" s="114">
        <v>681605</v>
      </c>
      <c r="U29" s="114">
        <v>1081139</v>
      </c>
      <c r="V29" s="113">
        <v>3072656</v>
      </c>
      <c r="W29" s="116">
        <v>3179009</v>
      </c>
      <c r="X29" s="110">
        <v>0</v>
      </c>
      <c r="Y29" s="114">
        <v>0</v>
      </c>
      <c r="Z29" s="113">
        <v>0</v>
      </c>
      <c r="AA29" s="110">
        <v>0</v>
      </c>
      <c r="AB29" s="114">
        <v>98683</v>
      </c>
      <c r="AC29" s="114">
        <v>280542</v>
      </c>
      <c r="AD29" s="114">
        <v>70087</v>
      </c>
      <c r="AE29" s="114">
        <v>517897</v>
      </c>
      <c r="AF29" s="114">
        <v>499950</v>
      </c>
      <c r="AG29" s="113">
        <v>1467159</v>
      </c>
      <c r="AH29" s="116">
        <v>1467159</v>
      </c>
      <c r="AI29" s="110">
        <v>0</v>
      </c>
      <c r="AJ29" s="114">
        <v>0</v>
      </c>
      <c r="AK29" s="113">
        <v>0</v>
      </c>
      <c r="AL29" s="110">
        <v>0</v>
      </c>
      <c r="AM29" s="114">
        <v>0</v>
      </c>
      <c r="AN29" s="114">
        <v>0</v>
      </c>
      <c r="AO29" s="114">
        <v>12120</v>
      </c>
      <c r="AP29" s="114">
        <v>0</v>
      </c>
      <c r="AQ29" s="114">
        <v>135295</v>
      </c>
      <c r="AR29" s="113">
        <v>147415</v>
      </c>
      <c r="AS29" s="116">
        <v>147415</v>
      </c>
      <c r="AT29" s="110">
        <v>0</v>
      </c>
      <c r="AU29" s="114">
        <v>52796</v>
      </c>
      <c r="AV29" s="113">
        <v>52796</v>
      </c>
      <c r="AW29" s="110">
        <v>0</v>
      </c>
      <c r="AX29" s="114">
        <v>318249</v>
      </c>
      <c r="AY29" s="114">
        <v>89641</v>
      </c>
      <c r="AZ29" s="114">
        <v>61748</v>
      </c>
      <c r="BA29" s="114">
        <v>36658</v>
      </c>
      <c r="BB29" s="114">
        <v>317612</v>
      </c>
      <c r="BC29" s="113">
        <v>823908</v>
      </c>
      <c r="BD29" s="116">
        <v>876704</v>
      </c>
      <c r="BE29" s="110">
        <v>0</v>
      </c>
      <c r="BF29" s="114">
        <v>0</v>
      </c>
      <c r="BG29" s="112">
        <v>0</v>
      </c>
      <c r="BH29" s="111">
        <v>0</v>
      </c>
      <c r="BI29" s="114">
        <v>0</v>
      </c>
      <c r="BJ29" s="114">
        <v>28989</v>
      </c>
      <c r="BK29" s="114">
        <v>0</v>
      </c>
      <c r="BL29" s="114">
        <v>0</v>
      </c>
      <c r="BM29" s="114">
        <v>28490</v>
      </c>
      <c r="BN29" s="113">
        <v>57479</v>
      </c>
      <c r="BO29" s="116">
        <v>57479</v>
      </c>
      <c r="BP29" s="110">
        <v>40789</v>
      </c>
      <c r="BQ29" s="114">
        <v>12768</v>
      </c>
      <c r="BR29" s="113">
        <v>53557</v>
      </c>
      <c r="BS29" s="110">
        <v>0</v>
      </c>
      <c r="BT29" s="114">
        <v>82481</v>
      </c>
      <c r="BU29" s="114">
        <v>142450</v>
      </c>
      <c r="BV29" s="114">
        <v>124922</v>
      </c>
      <c r="BW29" s="114">
        <v>127050</v>
      </c>
      <c r="BX29" s="114">
        <v>99792</v>
      </c>
      <c r="BY29" s="113">
        <v>576695</v>
      </c>
      <c r="BZ29" s="116">
        <v>630252</v>
      </c>
      <c r="CA29" s="110">
        <v>17860</v>
      </c>
      <c r="CB29" s="114">
        <v>0</v>
      </c>
      <c r="CC29" s="113">
        <v>17860</v>
      </c>
      <c r="CD29" s="110">
        <v>0</v>
      </c>
      <c r="CE29" s="114">
        <v>661165</v>
      </c>
      <c r="CF29" s="114">
        <v>502877</v>
      </c>
      <c r="CG29" s="114">
        <v>75765</v>
      </c>
      <c r="CH29" s="114">
        <v>255120</v>
      </c>
      <c r="CI29" s="114">
        <v>137142</v>
      </c>
      <c r="CJ29" s="113">
        <v>1632069</v>
      </c>
      <c r="CK29" s="116">
        <v>1649929</v>
      </c>
      <c r="CL29" s="110">
        <v>0</v>
      </c>
      <c r="CM29" s="114">
        <v>0</v>
      </c>
      <c r="CN29" s="113">
        <v>0</v>
      </c>
      <c r="CO29" s="111">
        <v>0</v>
      </c>
      <c r="CP29" s="114">
        <v>435812</v>
      </c>
      <c r="CQ29" s="114">
        <v>320512</v>
      </c>
      <c r="CR29" s="114">
        <v>0</v>
      </c>
      <c r="CS29" s="114">
        <v>0</v>
      </c>
      <c r="CT29" s="114">
        <v>0</v>
      </c>
      <c r="CU29" s="113">
        <v>756324</v>
      </c>
      <c r="CV29" s="116">
        <v>756324</v>
      </c>
      <c r="CW29" s="110">
        <v>17860</v>
      </c>
      <c r="CX29" s="114">
        <v>0</v>
      </c>
      <c r="CY29" s="113">
        <v>17860</v>
      </c>
      <c r="CZ29" s="110">
        <v>0</v>
      </c>
      <c r="DA29" s="114">
        <v>225353</v>
      </c>
      <c r="DB29" s="114">
        <v>182365</v>
      </c>
      <c r="DC29" s="114">
        <v>75765</v>
      </c>
      <c r="DD29" s="114">
        <v>255120</v>
      </c>
      <c r="DE29" s="114">
        <v>137142</v>
      </c>
      <c r="DF29" s="113">
        <v>875745</v>
      </c>
      <c r="DG29" s="116">
        <v>893605</v>
      </c>
      <c r="DH29" s="110">
        <v>0</v>
      </c>
      <c r="DI29" s="114">
        <v>0</v>
      </c>
      <c r="DJ29" s="112">
        <v>0</v>
      </c>
      <c r="DK29" s="111">
        <v>0</v>
      </c>
      <c r="DL29" s="114">
        <v>0</v>
      </c>
      <c r="DM29" s="114">
        <v>118219</v>
      </c>
      <c r="DN29" s="114">
        <v>0</v>
      </c>
      <c r="DO29" s="114">
        <v>0</v>
      </c>
      <c r="DP29" s="114">
        <v>68397</v>
      </c>
      <c r="DQ29" s="113">
        <v>186616</v>
      </c>
      <c r="DR29" s="116">
        <v>186616</v>
      </c>
      <c r="DS29" s="110">
        <v>0</v>
      </c>
      <c r="DT29" s="114">
        <v>0</v>
      </c>
      <c r="DU29" s="113">
        <v>0</v>
      </c>
      <c r="DV29" s="110">
        <v>0</v>
      </c>
      <c r="DW29" s="114">
        <v>0</v>
      </c>
      <c r="DX29" s="114">
        <v>118219</v>
      </c>
      <c r="DY29" s="114">
        <v>0</v>
      </c>
      <c r="DZ29" s="114">
        <v>0</v>
      </c>
      <c r="EA29" s="114">
        <v>68397</v>
      </c>
      <c r="EB29" s="113">
        <v>186616</v>
      </c>
      <c r="EC29" s="116">
        <v>186616</v>
      </c>
      <c r="ED29" s="110">
        <v>0</v>
      </c>
      <c r="EE29" s="112">
        <v>0</v>
      </c>
      <c r="EF29" s="113">
        <v>0</v>
      </c>
      <c r="EG29" s="110">
        <v>0</v>
      </c>
      <c r="EH29" s="114">
        <v>0</v>
      </c>
      <c r="EI29" s="114">
        <v>0</v>
      </c>
      <c r="EJ29" s="114">
        <v>0</v>
      </c>
      <c r="EK29" s="114">
        <v>0</v>
      </c>
      <c r="EL29" s="114">
        <v>0</v>
      </c>
      <c r="EM29" s="112">
        <v>0</v>
      </c>
      <c r="EN29" s="116">
        <v>0</v>
      </c>
      <c r="EO29" s="110">
        <v>0</v>
      </c>
      <c r="EP29" s="114">
        <v>0</v>
      </c>
      <c r="EQ29" s="112">
        <v>0</v>
      </c>
      <c r="ER29" s="111">
        <v>0</v>
      </c>
      <c r="ES29" s="114">
        <v>0</v>
      </c>
      <c r="ET29" s="114">
        <v>0</v>
      </c>
      <c r="EU29" s="114">
        <v>0</v>
      </c>
      <c r="EV29" s="114">
        <v>0</v>
      </c>
      <c r="EW29" s="114">
        <v>0</v>
      </c>
      <c r="EX29" s="113">
        <v>0</v>
      </c>
      <c r="EY29" s="116">
        <v>0</v>
      </c>
      <c r="EZ29" s="110">
        <v>0</v>
      </c>
      <c r="FA29" s="114">
        <v>0</v>
      </c>
      <c r="FB29" s="112">
        <v>0</v>
      </c>
      <c r="FC29" s="348"/>
      <c r="FD29" s="114">
        <v>0</v>
      </c>
      <c r="FE29" s="114">
        <v>0</v>
      </c>
      <c r="FF29" s="114">
        <v>0</v>
      </c>
      <c r="FG29" s="114">
        <v>0</v>
      </c>
      <c r="FH29" s="114">
        <v>0</v>
      </c>
      <c r="FI29" s="113">
        <v>0</v>
      </c>
      <c r="FJ29" s="116">
        <v>0</v>
      </c>
      <c r="FK29" s="110">
        <v>76510</v>
      </c>
      <c r="FL29" s="114">
        <v>32130</v>
      </c>
      <c r="FM29" s="113">
        <v>108640</v>
      </c>
      <c r="FN29" s="110">
        <v>0</v>
      </c>
      <c r="FO29" s="114">
        <v>156528</v>
      </c>
      <c r="FP29" s="114">
        <v>158473</v>
      </c>
      <c r="FQ29" s="114">
        <v>64141</v>
      </c>
      <c r="FR29" s="114">
        <v>70420</v>
      </c>
      <c r="FS29" s="114">
        <v>176008</v>
      </c>
      <c r="FT29" s="113">
        <v>625570</v>
      </c>
      <c r="FU29" s="116">
        <v>734210</v>
      </c>
      <c r="FV29" s="115">
        <v>11830</v>
      </c>
      <c r="FW29" s="114">
        <v>32130</v>
      </c>
      <c r="FX29" s="112">
        <v>43960</v>
      </c>
      <c r="FY29" s="111">
        <v>0</v>
      </c>
      <c r="FZ29" s="114">
        <v>88060</v>
      </c>
      <c r="GA29" s="114">
        <v>158473</v>
      </c>
      <c r="GB29" s="114">
        <v>32921</v>
      </c>
      <c r="GC29" s="114">
        <v>70420</v>
      </c>
      <c r="GD29" s="114">
        <v>176008</v>
      </c>
      <c r="GE29" s="113">
        <v>525882</v>
      </c>
      <c r="GF29" s="319">
        <v>569842</v>
      </c>
      <c r="GG29" s="115">
        <v>0</v>
      </c>
      <c r="GH29" s="114">
        <v>0</v>
      </c>
      <c r="GI29" s="112">
        <v>0</v>
      </c>
      <c r="GJ29" s="111">
        <v>0</v>
      </c>
      <c r="GK29" s="114">
        <v>68468</v>
      </c>
      <c r="GL29" s="114">
        <v>0</v>
      </c>
      <c r="GM29" s="114">
        <v>0</v>
      </c>
      <c r="GN29" s="114">
        <v>0</v>
      </c>
      <c r="GO29" s="114">
        <v>0</v>
      </c>
      <c r="GP29" s="113">
        <v>68468</v>
      </c>
      <c r="GQ29" s="116">
        <v>68468</v>
      </c>
      <c r="GR29" s="110">
        <v>64680</v>
      </c>
      <c r="GS29" s="114">
        <v>0</v>
      </c>
      <c r="GT29" s="113">
        <v>64680</v>
      </c>
      <c r="GU29" s="110">
        <v>0</v>
      </c>
      <c r="GV29" s="114">
        <v>0</v>
      </c>
      <c r="GW29" s="114">
        <v>0</v>
      </c>
      <c r="GX29" s="114">
        <v>31220</v>
      </c>
      <c r="GY29" s="114">
        <v>0</v>
      </c>
      <c r="GZ29" s="114">
        <v>0</v>
      </c>
      <c r="HA29" s="112">
        <v>31220</v>
      </c>
      <c r="HB29" s="116">
        <v>95900</v>
      </c>
      <c r="HC29" s="110">
        <v>140420</v>
      </c>
      <c r="HD29" s="114">
        <v>160032</v>
      </c>
      <c r="HE29" s="112">
        <v>300452</v>
      </c>
      <c r="HF29" s="111">
        <v>0</v>
      </c>
      <c r="HG29" s="114">
        <v>318944</v>
      </c>
      <c r="HH29" s="114">
        <v>1099522</v>
      </c>
      <c r="HI29" s="114">
        <v>512250</v>
      </c>
      <c r="HJ29" s="114">
        <v>1334468</v>
      </c>
      <c r="HK29" s="114">
        <v>417064</v>
      </c>
      <c r="HL29" s="113">
        <v>3682248</v>
      </c>
      <c r="HM29" s="109">
        <v>3982700</v>
      </c>
      <c r="HN29" s="329"/>
      <c r="HO29" s="330"/>
      <c r="HP29" s="331"/>
      <c r="HQ29" s="332"/>
      <c r="HR29" s="330"/>
      <c r="HS29" s="330"/>
      <c r="HT29" s="330"/>
      <c r="HU29" s="330"/>
      <c r="HV29" s="330"/>
      <c r="HW29" s="333"/>
      <c r="HX29" s="334"/>
      <c r="HY29" s="131">
        <v>35829</v>
      </c>
      <c r="HZ29" s="132">
        <v>61296</v>
      </c>
      <c r="IA29" s="133">
        <v>97125</v>
      </c>
      <c r="IB29" s="146">
        <v>0</v>
      </c>
      <c r="IC29" s="132">
        <v>354408</v>
      </c>
      <c r="ID29" s="147">
        <v>177214</v>
      </c>
      <c r="IE29" s="133">
        <v>479914</v>
      </c>
      <c r="IF29" s="132">
        <v>396179</v>
      </c>
      <c r="IG29" s="133">
        <v>705494</v>
      </c>
      <c r="IH29" s="148">
        <v>2113209</v>
      </c>
      <c r="II29" s="139">
        <v>2210334</v>
      </c>
      <c r="IJ29" s="232">
        <v>0</v>
      </c>
      <c r="IK29" s="236">
        <v>0</v>
      </c>
      <c r="IL29" s="237">
        <v>0</v>
      </c>
      <c r="IM29" s="140"/>
      <c r="IN29" s="119">
        <v>0</v>
      </c>
      <c r="IO29" s="119">
        <v>0</v>
      </c>
      <c r="IP29" s="119">
        <v>0</v>
      </c>
      <c r="IQ29" s="119">
        <v>185413</v>
      </c>
      <c r="IR29" s="119">
        <v>0</v>
      </c>
      <c r="IS29" s="141">
        <v>185413</v>
      </c>
      <c r="IT29" s="321">
        <v>185413</v>
      </c>
      <c r="IU29" s="142">
        <v>0</v>
      </c>
      <c r="IV29" s="119">
        <v>0</v>
      </c>
      <c r="IW29" s="120">
        <v>0</v>
      </c>
      <c r="IX29" s="144"/>
      <c r="IY29" s="119">
        <v>0</v>
      </c>
      <c r="IZ29" s="119">
        <v>0</v>
      </c>
      <c r="JA29" s="119">
        <v>0</v>
      </c>
      <c r="JB29" s="119">
        <v>0</v>
      </c>
      <c r="JC29" s="119">
        <v>0</v>
      </c>
      <c r="JD29" s="120">
        <v>0</v>
      </c>
      <c r="JE29" s="121">
        <v>0</v>
      </c>
      <c r="JF29" s="142">
        <v>0</v>
      </c>
      <c r="JG29" s="119">
        <v>0</v>
      </c>
      <c r="JH29" s="141">
        <v>0</v>
      </c>
      <c r="JI29" s="118">
        <v>0</v>
      </c>
      <c r="JJ29" s="119">
        <v>0</v>
      </c>
      <c r="JK29" s="119">
        <v>122614</v>
      </c>
      <c r="JL29" s="119">
        <v>58525</v>
      </c>
      <c r="JM29" s="119">
        <v>0</v>
      </c>
      <c r="JN29" s="119">
        <v>0</v>
      </c>
      <c r="JO29" s="120">
        <v>181139</v>
      </c>
      <c r="JP29" s="321">
        <v>181139</v>
      </c>
      <c r="JQ29" s="142">
        <v>0</v>
      </c>
      <c r="JR29" s="119">
        <v>0</v>
      </c>
      <c r="JS29" s="141">
        <v>0</v>
      </c>
      <c r="JT29" s="118">
        <v>0</v>
      </c>
      <c r="JU29" s="119">
        <v>0</v>
      </c>
      <c r="JV29" s="119">
        <v>54600</v>
      </c>
      <c r="JW29" s="119">
        <v>0</v>
      </c>
      <c r="JX29" s="119">
        <v>0</v>
      </c>
      <c r="JY29" s="119">
        <v>253923</v>
      </c>
      <c r="JZ29" s="120">
        <v>308523</v>
      </c>
      <c r="KA29" s="321">
        <v>308523</v>
      </c>
      <c r="KB29" s="234">
        <v>35829</v>
      </c>
      <c r="KC29" s="230">
        <v>61296</v>
      </c>
      <c r="KD29" s="120">
        <v>97125</v>
      </c>
      <c r="KE29" s="118">
        <v>0</v>
      </c>
      <c r="KF29" s="119">
        <v>354408</v>
      </c>
      <c r="KG29" s="119">
        <v>0</v>
      </c>
      <c r="KH29" s="119">
        <v>0</v>
      </c>
      <c r="KI29" s="119">
        <v>0</v>
      </c>
      <c r="KJ29" s="119">
        <v>235751</v>
      </c>
      <c r="KK29" s="120">
        <v>590159</v>
      </c>
      <c r="KL29" s="143">
        <v>687284</v>
      </c>
      <c r="KM29" s="232">
        <v>0</v>
      </c>
      <c r="KN29" s="236">
        <v>0</v>
      </c>
      <c r="KO29" s="237">
        <v>0</v>
      </c>
      <c r="KP29" s="140"/>
      <c r="KQ29" s="119">
        <v>0</v>
      </c>
      <c r="KR29" s="119">
        <v>0</v>
      </c>
      <c r="KS29" s="119">
        <v>421389</v>
      </c>
      <c r="KT29" s="119">
        <v>210766</v>
      </c>
      <c r="KU29" s="119">
        <v>215820</v>
      </c>
      <c r="KV29" s="120">
        <v>847975</v>
      </c>
      <c r="KW29" s="321">
        <v>847975</v>
      </c>
      <c r="KX29" s="142">
        <v>0</v>
      </c>
      <c r="KY29" s="119">
        <v>0</v>
      </c>
      <c r="KZ29" s="120">
        <v>0</v>
      </c>
      <c r="LA29" s="145"/>
      <c r="LB29" s="119">
        <v>0</v>
      </c>
      <c r="LC29" s="119">
        <v>0</v>
      </c>
      <c r="LD29" s="119">
        <v>0</v>
      </c>
      <c r="LE29" s="119">
        <v>0</v>
      </c>
      <c r="LF29" s="119">
        <v>0</v>
      </c>
      <c r="LG29" s="120">
        <v>0</v>
      </c>
      <c r="LH29" s="121">
        <v>0</v>
      </c>
      <c r="LI29" s="142">
        <v>0</v>
      </c>
      <c r="LJ29" s="119">
        <v>0</v>
      </c>
      <c r="LK29" s="120">
        <v>0</v>
      </c>
      <c r="LL29" s="145"/>
      <c r="LM29" s="119">
        <v>0</v>
      </c>
      <c r="LN29" s="119">
        <v>0</v>
      </c>
      <c r="LO29" s="119">
        <v>0</v>
      </c>
      <c r="LP29" s="119">
        <v>0</v>
      </c>
      <c r="LQ29" s="119">
        <v>0</v>
      </c>
      <c r="LR29" s="120">
        <v>0</v>
      </c>
      <c r="LS29" s="321">
        <v>0</v>
      </c>
      <c r="LT29" s="142">
        <v>0</v>
      </c>
      <c r="LU29" s="119">
        <v>0</v>
      </c>
      <c r="LV29" s="120">
        <v>0</v>
      </c>
      <c r="LW29" s="145"/>
      <c r="LX29" s="119">
        <v>0</v>
      </c>
      <c r="LY29" s="119">
        <v>0</v>
      </c>
      <c r="LZ29" s="119">
        <v>0</v>
      </c>
      <c r="MA29" s="119">
        <v>0</v>
      </c>
      <c r="MB29" s="119">
        <v>0</v>
      </c>
      <c r="MC29" s="120">
        <v>0</v>
      </c>
      <c r="MD29" s="121">
        <v>0</v>
      </c>
      <c r="ME29" s="142">
        <v>0</v>
      </c>
      <c r="MF29" s="119">
        <v>0</v>
      </c>
      <c r="MG29" s="120">
        <v>0</v>
      </c>
      <c r="MH29" s="145"/>
      <c r="MI29" s="119">
        <v>205044</v>
      </c>
      <c r="MJ29" s="119">
        <v>0</v>
      </c>
      <c r="MK29" s="119">
        <v>407722</v>
      </c>
      <c r="ML29" s="119">
        <v>765613</v>
      </c>
      <c r="MM29" s="119">
        <v>0</v>
      </c>
      <c r="MN29" s="120">
        <v>1378379</v>
      </c>
      <c r="MO29" s="143">
        <v>1378379</v>
      </c>
      <c r="MP29" s="142">
        <v>0</v>
      </c>
      <c r="MQ29" s="119">
        <v>0</v>
      </c>
      <c r="MR29" s="120">
        <v>0</v>
      </c>
      <c r="MS29" s="145"/>
      <c r="MT29" s="119">
        <v>0</v>
      </c>
      <c r="MU29" s="119">
        <v>0</v>
      </c>
      <c r="MV29" s="119">
        <v>407722</v>
      </c>
      <c r="MW29" s="119">
        <v>470702</v>
      </c>
      <c r="MX29" s="119">
        <v>0</v>
      </c>
      <c r="MY29" s="120">
        <v>878424</v>
      </c>
      <c r="MZ29" s="143">
        <v>878424</v>
      </c>
      <c r="NA29" s="142">
        <v>0</v>
      </c>
      <c r="NB29" s="119">
        <v>0</v>
      </c>
      <c r="NC29" s="120">
        <v>0</v>
      </c>
      <c r="ND29" s="145"/>
      <c r="NE29" s="119">
        <v>205044</v>
      </c>
      <c r="NF29" s="119">
        <v>0</v>
      </c>
      <c r="NG29" s="119">
        <v>0</v>
      </c>
      <c r="NH29" s="119">
        <v>294911</v>
      </c>
      <c r="NI29" s="119">
        <v>0</v>
      </c>
      <c r="NJ29" s="120">
        <v>499955</v>
      </c>
      <c r="NK29" s="321">
        <v>499955</v>
      </c>
      <c r="NL29" s="142">
        <v>0</v>
      </c>
      <c r="NM29" s="119">
        <v>0</v>
      </c>
      <c r="NN29" s="120">
        <v>0</v>
      </c>
      <c r="NO29" s="145"/>
      <c r="NP29" s="119">
        <v>0</v>
      </c>
      <c r="NQ29" s="119">
        <v>0</v>
      </c>
      <c r="NR29" s="119">
        <v>0</v>
      </c>
      <c r="NS29" s="119">
        <v>0</v>
      </c>
      <c r="NT29" s="119">
        <v>0</v>
      </c>
      <c r="NU29" s="120">
        <v>0</v>
      </c>
      <c r="NV29" s="121">
        <v>0</v>
      </c>
      <c r="NW29" s="142">
        <v>0</v>
      </c>
      <c r="NX29" s="119">
        <v>0</v>
      </c>
      <c r="NY29" s="120">
        <v>0</v>
      </c>
      <c r="NZ29" s="145"/>
      <c r="OA29" s="119">
        <v>0</v>
      </c>
      <c r="OB29" s="119">
        <v>0</v>
      </c>
      <c r="OC29" s="119">
        <v>0</v>
      </c>
      <c r="OD29" s="119">
        <v>0</v>
      </c>
      <c r="OE29" s="119">
        <v>0</v>
      </c>
      <c r="OF29" s="120">
        <v>0</v>
      </c>
      <c r="OG29" s="121">
        <v>0</v>
      </c>
      <c r="OH29" s="142">
        <v>311408</v>
      </c>
      <c r="OI29" s="119">
        <v>319022</v>
      </c>
      <c r="OJ29" s="141">
        <v>630430</v>
      </c>
      <c r="OK29" s="118">
        <v>0</v>
      </c>
      <c r="OL29" s="119">
        <v>2195502</v>
      </c>
      <c r="OM29" s="119">
        <v>2597927</v>
      </c>
      <c r="ON29" s="119">
        <v>1808669</v>
      </c>
      <c r="OO29" s="119">
        <v>3503405</v>
      </c>
      <c r="OP29" s="119">
        <v>2585244</v>
      </c>
      <c r="OQ29" s="120">
        <v>12690747</v>
      </c>
      <c r="OR29" s="143">
        <v>13321177</v>
      </c>
    </row>
    <row r="30" spans="1:408" ht="20.25" customHeight="1" x14ac:dyDescent="0.2">
      <c r="A30" s="126" t="s">
        <v>25</v>
      </c>
      <c r="B30" s="110">
        <v>24367</v>
      </c>
      <c r="C30" s="114">
        <v>261332</v>
      </c>
      <c r="D30" s="113">
        <v>285699</v>
      </c>
      <c r="E30" s="109">
        <v>0</v>
      </c>
      <c r="F30" s="114">
        <v>915818</v>
      </c>
      <c r="G30" s="114">
        <v>948057</v>
      </c>
      <c r="H30" s="114">
        <v>782966</v>
      </c>
      <c r="I30" s="114">
        <v>773739</v>
      </c>
      <c r="J30" s="114">
        <v>705155</v>
      </c>
      <c r="K30" s="173">
        <v>4125735</v>
      </c>
      <c r="L30" s="116">
        <v>4411434</v>
      </c>
      <c r="M30" s="110">
        <v>17654</v>
      </c>
      <c r="N30" s="114">
        <v>38751</v>
      </c>
      <c r="O30" s="113">
        <v>56405</v>
      </c>
      <c r="P30" s="110">
        <v>0</v>
      </c>
      <c r="Q30" s="114">
        <v>243992</v>
      </c>
      <c r="R30" s="114">
        <v>159584</v>
      </c>
      <c r="S30" s="114">
        <v>115509</v>
      </c>
      <c r="T30" s="114">
        <v>57880</v>
      </c>
      <c r="U30" s="114">
        <v>359890</v>
      </c>
      <c r="V30" s="113">
        <v>936855</v>
      </c>
      <c r="W30" s="116">
        <v>993260</v>
      </c>
      <c r="X30" s="110">
        <v>0</v>
      </c>
      <c r="Y30" s="114">
        <v>0</v>
      </c>
      <c r="Z30" s="113">
        <v>0</v>
      </c>
      <c r="AA30" s="110">
        <v>0</v>
      </c>
      <c r="AB30" s="114">
        <v>96723</v>
      </c>
      <c r="AC30" s="114">
        <v>30618</v>
      </c>
      <c r="AD30" s="114">
        <v>67888</v>
      </c>
      <c r="AE30" s="114">
        <v>27096</v>
      </c>
      <c r="AF30" s="114">
        <v>8830</v>
      </c>
      <c r="AG30" s="113">
        <v>231155</v>
      </c>
      <c r="AH30" s="116">
        <v>231155</v>
      </c>
      <c r="AI30" s="110">
        <v>0</v>
      </c>
      <c r="AJ30" s="114">
        <v>0</v>
      </c>
      <c r="AK30" s="113">
        <v>0</v>
      </c>
      <c r="AL30" s="110">
        <v>0</v>
      </c>
      <c r="AM30" s="114">
        <v>0</v>
      </c>
      <c r="AN30" s="114">
        <v>41035</v>
      </c>
      <c r="AO30" s="114">
        <v>0</v>
      </c>
      <c r="AP30" s="114">
        <v>0</v>
      </c>
      <c r="AQ30" s="114">
        <v>221856</v>
      </c>
      <c r="AR30" s="113">
        <v>262891</v>
      </c>
      <c r="AS30" s="116">
        <v>262891</v>
      </c>
      <c r="AT30" s="110">
        <v>13482</v>
      </c>
      <c r="AU30" s="114">
        <v>38751</v>
      </c>
      <c r="AV30" s="113">
        <v>52233</v>
      </c>
      <c r="AW30" s="110">
        <v>0</v>
      </c>
      <c r="AX30" s="114">
        <v>102245</v>
      </c>
      <c r="AY30" s="114">
        <v>59364</v>
      </c>
      <c r="AZ30" s="114">
        <v>38325</v>
      </c>
      <c r="BA30" s="114">
        <v>2980</v>
      </c>
      <c r="BB30" s="114">
        <v>96493</v>
      </c>
      <c r="BC30" s="113">
        <v>299407</v>
      </c>
      <c r="BD30" s="116">
        <v>351640</v>
      </c>
      <c r="BE30" s="110">
        <v>0</v>
      </c>
      <c r="BF30" s="114">
        <v>0</v>
      </c>
      <c r="BG30" s="112">
        <v>0</v>
      </c>
      <c r="BH30" s="111">
        <v>0</v>
      </c>
      <c r="BI30" s="114">
        <v>0</v>
      </c>
      <c r="BJ30" s="114">
        <v>0</v>
      </c>
      <c r="BK30" s="114">
        <v>0</v>
      </c>
      <c r="BL30" s="114">
        <v>0</v>
      </c>
      <c r="BM30" s="114">
        <v>0</v>
      </c>
      <c r="BN30" s="113">
        <v>0</v>
      </c>
      <c r="BO30" s="116">
        <v>0</v>
      </c>
      <c r="BP30" s="110">
        <v>4172</v>
      </c>
      <c r="BQ30" s="114">
        <v>0</v>
      </c>
      <c r="BR30" s="113">
        <v>4172</v>
      </c>
      <c r="BS30" s="110">
        <v>0</v>
      </c>
      <c r="BT30" s="114">
        <v>45024</v>
      </c>
      <c r="BU30" s="114">
        <v>28567</v>
      </c>
      <c r="BV30" s="114">
        <v>9296</v>
      </c>
      <c r="BW30" s="114">
        <v>27804</v>
      </c>
      <c r="BX30" s="114">
        <v>32711</v>
      </c>
      <c r="BY30" s="113">
        <v>143402</v>
      </c>
      <c r="BZ30" s="116">
        <v>147574</v>
      </c>
      <c r="CA30" s="110">
        <v>0</v>
      </c>
      <c r="CB30" s="114">
        <v>32279</v>
      </c>
      <c r="CC30" s="113">
        <v>32279</v>
      </c>
      <c r="CD30" s="110">
        <v>0</v>
      </c>
      <c r="CE30" s="114">
        <v>482717</v>
      </c>
      <c r="CF30" s="114">
        <v>404970</v>
      </c>
      <c r="CG30" s="114">
        <v>552032</v>
      </c>
      <c r="CH30" s="114">
        <v>306549</v>
      </c>
      <c r="CI30" s="114">
        <v>0</v>
      </c>
      <c r="CJ30" s="113">
        <v>1746268</v>
      </c>
      <c r="CK30" s="116">
        <v>1778547</v>
      </c>
      <c r="CL30" s="110">
        <v>0</v>
      </c>
      <c r="CM30" s="114">
        <v>0</v>
      </c>
      <c r="CN30" s="113">
        <v>0</v>
      </c>
      <c r="CO30" s="111">
        <v>0</v>
      </c>
      <c r="CP30" s="114">
        <v>482717</v>
      </c>
      <c r="CQ30" s="114">
        <v>136847</v>
      </c>
      <c r="CR30" s="114">
        <v>262332</v>
      </c>
      <c r="CS30" s="114">
        <v>223743</v>
      </c>
      <c r="CT30" s="114">
        <v>0</v>
      </c>
      <c r="CU30" s="113">
        <v>1105639</v>
      </c>
      <c r="CV30" s="116">
        <v>1105639</v>
      </c>
      <c r="CW30" s="110">
        <v>0</v>
      </c>
      <c r="CX30" s="114">
        <v>32279</v>
      </c>
      <c r="CY30" s="113">
        <v>32279</v>
      </c>
      <c r="CZ30" s="110">
        <v>0</v>
      </c>
      <c r="DA30" s="114">
        <v>0</v>
      </c>
      <c r="DB30" s="114">
        <v>268123</v>
      </c>
      <c r="DC30" s="114">
        <v>289700</v>
      </c>
      <c r="DD30" s="114">
        <v>82806</v>
      </c>
      <c r="DE30" s="114">
        <v>0</v>
      </c>
      <c r="DF30" s="113">
        <v>640629</v>
      </c>
      <c r="DG30" s="116">
        <v>672908</v>
      </c>
      <c r="DH30" s="110">
        <v>0</v>
      </c>
      <c r="DI30" s="114">
        <v>0</v>
      </c>
      <c r="DJ30" s="112">
        <v>0</v>
      </c>
      <c r="DK30" s="111">
        <v>0</v>
      </c>
      <c r="DL30" s="114">
        <v>151162</v>
      </c>
      <c r="DM30" s="114">
        <v>22346</v>
      </c>
      <c r="DN30" s="114">
        <v>21534</v>
      </c>
      <c r="DO30" s="114">
        <v>0</v>
      </c>
      <c r="DP30" s="114">
        <v>0</v>
      </c>
      <c r="DQ30" s="113">
        <v>195042</v>
      </c>
      <c r="DR30" s="116">
        <v>195042</v>
      </c>
      <c r="DS30" s="110">
        <v>0</v>
      </c>
      <c r="DT30" s="114">
        <v>0</v>
      </c>
      <c r="DU30" s="113">
        <v>0</v>
      </c>
      <c r="DV30" s="110">
        <v>0</v>
      </c>
      <c r="DW30" s="114">
        <v>151162</v>
      </c>
      <c r="DX30" s="114">
        <v>22346</v>
      </c>
      <c r="DY30" s="114">
        <v>21534</v>
      </c>
      <c r="DZ30" s="114">
        <v>0</v>
      </c>
      <c r="EA30" s="114">
        <v>0</v>
      </c>
      <c r="EB30" s="113">
        <v>195042</v>
      </c>
      <c r="EC30" s="116">
        <v>195042</v>
      </c>
      <c r="ED30" s="110">
        <v>0</v>
      </c>
      <c r="EE30" s="112">
        <v>0</v>
      </c>
      <c r="EF30" s="113">
        <v>0</v>
      </c>
      <c r="EG30" s="110">
        <v>0</v>
      </c>
      <c r="EH30" s="114">
        <v>0</v>
      </c>
      <c r="EI30" s="114">
        <v>0</v>
      </c>
      <c r="EJ30" s="114">
        <v>0</v>
      </c>
      <c r="EK30" s="114">
        <v>0</v>
      </c>
      <c r="EL30" s="114">
        <v>0</v>
      </c>
      <c r="EM30" s="112">
        <v>0</v>
      </c>
      <c r="EN30" s="116">
        <v>0</v>
      </c>
      <c r="EO30" s="110">
        <v>0</v>
      </c>
      <c r="EP30" s="114">
        <v>0</v>
      </c>
      <c r="EQ30" s="112">
        <v>0</v>
      </c>
      <c r="ER30" s="111">
        <v>0</v>
      </c>
      <c r="ES30" s="114">
        <v>0</v>
      </c>
      <c r="ET30" s="114">
        <v>0</v>
      </c>
      <c r="EU30" s="114">
        <v>0</v>
      </c>
      <c r="EV30" s="114">
        <v>0</v>
      </c>
      <c r="EW30" s="114">
        <v>0</v>
      </c>
      <c r="EX30" s="113">
        <v>0</v>
      </c>
      <c r="EY30" s="116">
        <v>0</v>
      </c>
      <c r="EZ30" s="110">
        <v>0</v>
      </c>
      <c r="FA30" s="114">
        <v>0</v>
      </c>
      <c r="FB30" s="112">
        <v>0</v>
      </c>
      <c r="FC30" s="348"/>
      <c r="FD30" s="114">
        <v>0</v>
      </c>
      <c r="FE30" s="114">
        <v>0</v>
      </c>
      <c r="FF30" s="114">
        <v>0</v>
      </c>
      <c r="FG30" s="114">
        <v>0</v>
      </c>
      <c r="FH30" s="114">
        <v>0</v>
      </c>
      <c r="FI30" s="113">
        <v>0</v>
      </c>
      <c r="FJ30" s="116">
        <v>0</v>
      </c>
      <c r="FK30" s="110">
        <v>6713</v>
      </c>
      <c r="FL30" s="114">
        <v>190302</v>
      </c>
      <c r="FM30" s="113">
        <v>197015</v>
      </c>
      <c r="FN30" s="110">
        <v>0</v>
      </c>
      <c r="FO30" s="114">
        <v>37947</v>
      </c>
      <c r="FP30" s="114">
        <v>52850</v>
      </c>
      <c r="FQ30" s="114">
        <v>93891</v>
      </c>
      <c r="FR30" s="114">
        <v>39648</v>
      </c>
      <c r="FS30" s="114">
        <v>142940</v>
      </c>
      <c r="FT30" s="113">
        <v>367276</v>
      </c>
      <c r="FU30" s="116">
        <v>564291</v>
      </c>
      <c r="FV30" s="115">
        <v>6713</v>
      </c>
      <c r="FW30" s="114">
        <v>34902</v>
      </c>
      <c r="FX30" s="112">
        <v>41615</v>
      </c>
      <c r="FY30" s="111">
        <v>0</v>
      </c>
      <c r="FZ30" s="114">
        <v>37947</v>
      </c>
      <c r="GA30" s="114">
        <v>52850</v>
      </c>
      <c r="GB30" s="114">
        <v>93891</v>
      </c>
      <c r="GC30" s="114">
        <v>39648</v>
      </c>
      <c r="GD30" s="114">
        <v>142940</v>
      </c>
      <c r="GE30" s="113">
        <v>367276</v>
      </c>
      <c r="GF30" s="319">
        <v>408891</v>
      </c>
      <c r="GG30" s="115">
        <v>0</v>
      </c>
      <c r="GH30" s="114">
        <v>15400</v>
      </c>
      <c r="GI30" s="112">
        <v>15400</v>
      </c>
      <c r="GJ30" s="111">
        <v>0</v>
      </c>
      <c r="GK30" s="114">
        <v>0</v>
      </c>
      <c r="GL30" s="114">
        <v>0</v>
      </c>
      <c r="GM30" s="114">
        <v>0</v>
      </c>
      <c r="GN30" s="114">
        <v>0</v>
      </c>
      <c r="GO30" s="114">
        <v>0</v>
      </c>
      <c r="GP30" s="113">
        <v>0</v>
      </c>
      <c r="GQ30" s="116">
        <v>15400</v>
      </c>
      <c r="GR30" s="110">
        <v>0</v>
      </c>
      <c r="GS30" s="114">
        <v>140000</v>
      </c>
      <c r="GT30" s="113">
        <v>140000</v>
      </c>
      <c r="GU30" s="110">
        <v>0</v>
      </c>
      <c r="GV30" s="114">
        <v>0</v>
      </c>
      <c r="GW30" s="114">
        <v>0</v>
      </c>
      <c r="GX30" s="114">
        <v>0</v>
      </c>
      <c r="GY30" s="114">
        <v>0</v>
      </c>
      <c r="GZ30" s="114">
        <v>0</v>
      </c>
      <c r="HA30" s="112">
        <v>0</v>
      </c>
      <c r="HB30" s="116">
        <v>140000</v>
      </c>
      <c r="HC30" s="110">
        <v>0</v>
      </c>
      <c r="HD30" s="114">
        <v>0</v>
      </c>
      <c r="HE30" s="112">
        <v>0</v>
      </c>
      <c r="HF30" s="111">
        <v>0</v>
      </c>
      <c r="HG30" s="114">
        <v>0</v>
      </c>
      <c r="HH30" s="114">
        <v>308307</v>
      </c>
      <c r="HI30" s="114">
        <v>0</v>
      </c>
      <c r="HJ30" s="114">
        <v>369662</v>
      </c>
      <c r="HK30" s="114">
        <v>202325</v>
      </c>
      <c r="HL30" s="113">
        <v>880294</v>
      </c>
      <c r="HM30" s="109">
        <v>880294</v>
      </c>
      <c r="HN30" s="329"/>
      <c r="HO30" s="330"/>
      <c r="HP30" s="331"/>
      <c r="HQ30" s="332"/>
      <c r="HR30" s="330"/>
      <c r="HS30" s="330"/>
      <c r="HT30" s="330"/>
      <c r="HU30" s="330"/>
      <c r="HV30" s="330"/>
      <c r="HW30" s="333"/>
      <c r="HX30" s="334"/>
      <c r="HY30" s="150">
        <v>0</v>
      </c>
      <c r="HZ30" s="135">
        <v>0</v>
      </c>
      <c r="IA30" s="150">
        <v>0</v>
      </c>
      <c r="IB30" s="134">
        <v>0</v>
      </c>
      <c r="IC30" s="135">
        <v>557048</v>
      </c>
      <c r="ID30" s="136">
        <v>0</v>
      </c>
      <c r="IE30" s="137">
        <v>218579</v>
      </c>
      <c r="IF30" s="135">
        <v>0</v>
      </c>
      <c r="IG30" s="137">
        <v>228823</v>
      </c>
      <c r="IH30" s="138">
        <v>1004450</v>
      </c>
      <c r="II30" s="150">
        <v>1004450</v>
      </c>
      <c r="IJ30" s="232">
        <v>0</v>
      </c>
      <c r="IK30" s="236">
        <v>0</v>
      </c>
      <c r="IL30" s="237">
        <v>0</v>
      </c>
      <c r="IM30" s="140"/>
      <c r="IN30" s="119">
        <v>0</v>
      </c>
      <c r="IO30" s="119">
        <v>0</v>
      </c>
      <c r="IP30" s="119">
        <v>0</v>
      </c>
      <c r="IQ30" s="119">
        <v>0</v>
      </c>
      <c r="IR30" s="119">
        <v>0</v>
      </c>
      <c r="IS30" s="141">
        <v>0</v>
      </c>
      <c r="IT30" s="321">
        <v>0</v>
      </c>
      <c r="IU30" s="142">
        <v>0</v>
      </c>
      <c r="IV30" s="119">
        <v>0</v>
      </c>
      <c r="IW30" s="120">
        <v>0</v>
      </c>
      <c r="IX30" s="144"/>
      <c r="IY30" s="119">
        <v>0</v>
      </c>
      <c r="IZ30" s="119">
        <v>0</v>
      </c>
      <c r="JA30" s="119">
        <v>0</v>
      </c>
      <c r="JB30" s="119">
        <v>0</v>
      </c>
      <c r="JC30" s="119">
        <v>0</v>
      </c>
      <c r="JD30" s="120">
        <v>0</v>
      </c>
      <c r="JE30" s="121">
        <v>0</v>
      </c>
      <c r="JF30" s="142">
        <v>0</v>
      </c>
      <c r="JG30" s="119">
        <v>0</v>
      </c>
      <c r="JH30" s="141">
        <v>0</v>
      </c>
      <c r="JI30" s="118">
        <v>0</v>
      </c>
      <c r="JJ30" s="119">
        <v>158484</v>
      </c>
      <c r="JK30" s="119">
        <v>0</v>
      </c>
      <c r="JL30" s="119">
        <v>0</v>
      </c>
      <c r="JM30" s="119">
        <v>0</v>
      </c>
      <c r="JN30" s="119">
        <v>0</v>
      </c>
      <c r="JO30" s="120">
        <v>158484</v>
      </c>
      <c r="JP30" s="321">
        <v>158484</v>
      </c>
      <c r="JQ30" s="142">
        <v>0</v>
      </c>
      <c r="JR30" s="119">
        <v>0</v>
      </c>
      <c r="JS30" s="141">
        <v>0</v>
      </c>
      <c r="JT30" s="118">
        <v>0</v>
      </c>
      <c r="JU30" s="119">
        <v>0</v>
      </c>
      <c r="JV30" s="119">
        <v>0</v>
      </c>
      <c r="JW30" s="119">
        <v>0</v>
      </c>
      <c r="JX30" s="119">
        <v>0</v>
      </c>
      <c r="JY30" s="119">
        <v>0</v>
      </c>
      <c r="JZ30" s="120">
        <v>0</v>
      </c>
      <c r="KA30" s="321">
        <v>0</v>
      </c>
      <c r="KB30" s="234">
        <v>0</v>
      </c>
      <c r="KC30" s="230">
        <v>0</v>
      </c>
      <c r="KD30" s="120">
        <v>0</v>
      </c>
      <c r="KE30" s="118">
        <v>0</v>
      </c>
      <c r="KF30" s="119">
        <v>0</v>
      </c>
      <c r="KG30" s="119">
        <v>0</v>
      </c>
      <c r="KH30" s="119">
        <v>0</v>
      </c>
      <c r="KI30" s="119">
        <v>0</v>
      </c>
      <c r="KJ30" s="119">
        <v>228823</v>
      </c>
      <c r="KK30" s="120">
        <v>228823</v>
      </c>
      <c r="KL30" s="143">
        <v>228823</v>
      </c>
      <c r="KM30" s="232">
        <v>0</v>
      </c>
      <c r="KN30" s="236">
        <v>0</v>
      </c>
      <c r="KO30" s="237">
        <v>0</v>
      </c>
      <c r="KP30" s="140"/>
      <c r="KQ30" s="119">
        <v>398564</v>
      </c>
      <c r="KR30" s="119">
        <v>0</v>
      </c>
      <c r="KS30" s="119">
        <v>218579</v>
      </c>
      <c r="KT30" s="119">
        <v>0</v>
      </c>
      <c r="KU30" s="119">
        <v>0</v>
      </c>
      <c r="KV30" s="120">
        <v>617143</v>
      </c>
      <c r="KW30" s="321">
        <v>617143</v>
      </c>
      <c r="KX30" s="142">
        <v>0</v>
      </c>
      <c r="KY30" s="119">
        <v>0</v>
      </c>
      <c r="KZ30" s="120">
        <v>0</v>
      </c>
      <c r="LA30" s="145"/>
      <c r="LB30" s="119">
        <v>0</v>
      </c>
      <c r="LC30" s="119">
        <v>0</v>
      </c>
      <c r="LD30" s="119">
        <v>0</v>
      </c>
      <c r="LE30" s="119">
        <v>0</v>
      </c>
      <c r="LF30" s="119">
        <v>0</v>
      </c>
      <c r="LG30" s="120">
        <v>0</v>
      </c>
      <c r="LH30" s="121">
        <v>0</v>
      </c>
      <c r="LI30" s="142">
        <v>0</v>
      </c>
      <c r="LJ30" s="119">
        <v>0</v>
      </c>
      <c r="LK30" s="120">
        <v>0</v>
      </c>
      <c r="LL30" s="145"/>
      <c r="LM30" s="119">
        <v>0</v>
      </c>
      <c r="LN30" s="119">
        <v>0</v>
      </c>
      <c r="LO30" s="119">
        <v>0</v>
      </c>
      <c r="LP30" s="119">
        <v>0</v>
      </c>
      <c r="LQ30" s="119">
        <v>0</v>
      </c>
      <c r="LR30" s="120">
        <v>0</v>
      </c>
      <c r="LS30" s="321">
        <v>0</v>
      </c>
      <c r="LT30" s="142">
        <v>0</v>
      </c>
      <c r="LU30" s="119">
        <v>0</v>
      </c>
      <c r="LV30" s="120">
        <v>0</v>
      </c>
      <c r="LW30" s="145"/>
      <c r="LX30" s="119">
        <v>0</v>
      </c>
      <c r="LY30" s="119">
        <v>0</v>
      </c>
      <c r="LZ30" s="119">
        <v>0</v>
      </c>
      <c r="MA30" s="119">
        <v>0</v>
      </c>
      <c r="MB30" s="119">
        <v>0</v>
      </c>
      <c r="MC30" s="120">
        <v>0</v>
      </c>
      <c r="MD30" s="121">
        <v>0</v>
      </c>
      <c r="ME30" s="142">
        <v>0</v>
      </c>
      <c r="MF30" s="119">
        <v>0</v>
      </c>
      <c r="MG30" s="120">
        <v>0</v>
      </c>
      <c r="MH30" s="145"/>
      <c r="MI30" s="119">
        <v>0</v>
      </c>
      <c r="MJ30" s="119">
        <v>0</v>
      </c>
      <c r="MK30" s="119">
        <v>153914</v>
      </c>
      <c r="ML30" s="119">
        <v>540989</v>
      </c>
      <c r="MM30" s="119">
        <v>234262</v>
      </c>
      <c r="MN30" s="120">
        <v>929165</v>
      </c>
      <c r="MO30" s="143">
        <v>929165</v>
      </c>
      <c r="MP30" s="142">
        <v>0</v>
      </c>
      <c r="MQ30" s="119">
        <v>0</v>
      </c>
      <c r="MR30" s="120">
        <v>0</v>
      </c>
      <c r="MS30" s="145"/>
      <c r="MT30" s="119">
        <v>0</v>
      </c>
      <c r="MU30" s="119">
        <v>0</v>
      </c>
      <c r="MV30" s="119">
        <v>153914</v>
      </c>
      <c r="MW30" s="119">
        <v>283553</v>
      </c>
      <c r="MX30" s="119">
        <v>234262</v>
      </c>
      <c r="MY30" s="120">
        <v>671729</v>
      </c>
      <c r="MZ30" s="143">
        <v>671729</v>
      </c>
      <c r="NA30" s="142">
        <v>0</v>
      </c>
      <c r="NB30" s="119">
        <v>0</v>
      </c>
      <c r="NC30" s="120">
        <v>0</v>
      </c>
      <c r="ND30" s="145"/>
      <c r="NE30" s="119">
        <v>0</v>
      </c>
      <c r="NF30" s="119">
        <v>0</v>
      </c>
      <c r="NG30" s="119">
        <v>0</v>
      </c>
      <c r="NH30" s="119">
        <v>257436</v>
      </c>
      <c r="NI30" s="119">
        <v>0</v>
      </c>
      <c r="NJ30" s="120">
        <v>257436</v>
      </c>
      <c r="NK30" s="321">
        <v>257436</v>
      </c>
      <c r="NL30" s="142">
        <v>0</v>
      </c>
      <c r="NM30" s="119">
        <v>0</v>
      </c>
      <c r="NN30" s="120">
        <v>0</v>
      </c>
      <c r="NO30" s="145"/>
      <c r="NP30" s="119">
        <v>0</v>
      </c>
      <c r="NQ30" s="119">
        <v>0</v>
      </c>
      <c r="NR30" s="119">
        <v>0</v>
      </c>
      <c r="NS30" s="119">
        <v>0</v>
      </c>
      <c r="NT30" s="119">
        <v>0</v>
      </c>
      <c r="NU30" s="120">
        <v>0</v>
      </c>
      <c r="NV30" s="121">
        <v>0</v>
      </c>
      <c r="NW30" s="142">
        <v>0</v>
      </c>
      <c r="NX30" s="119">
        <v>0</v>
      </c>
      <c r="NY30" s="120">
        <v>0</v>
      </c>
      <c r="NZ30" s="145"/>
      <c r="OA30" s="119">
        <v>0</v>
      </c>
      <c r="OB30" s="119">
        <v>0</v>
      </c>
      <c r="OC30" s="119">
        <v>0</v>
      </c>
      <c r="OD30" s="119">
        <v>0</v>
      </c>
      <c r="OE30" s="119">
        <v>0</v>
      </c>
      <c r="OF30" s="120">
        <v>0</v>
      </c>
      <c r="OG30" s="121">
        <v>0</v>
      </c>
      <c r="OH30" s="142">
        <v>24367</v>
      </c>
      <c r="OI30" s="119">
        <v>261332</v>
      </c>
      <c r="OJ30" s="141">
        <v>285699</v>
      </c>
      <c r="OK30" s="118">
        <v>0</v>
      </c>
      <c r="OL30" s="119">
        <v>1472866</v>
      </c>
      <c r="OM30" s="119">
        <v>948057</v>
      </c>
      <c r="ON30" s="119">
        <v>1155459</v>
      </c>
      <c r="OO30" s="119">
        <v>1314728</v>
      </c>
      <c r="OP30" s="119">
        <v>1168240</v>
      </c>
      <c r="OQ30" s="120">
        <v>6059350</v>
      </c>
      <c r="OR30" s="143">
        <v>6345049</v>
      </c>
    </row>
    <row r="31" spans="1:408" ht="20.25" customHeight="1" x14ac:dyDescent="0.2">
      <c r="A31" s="126" t="s">
        <v>26</v>
      </c>
      <c r="B31" s="110">
        <v>144960</v>
      </c>
      <c r="C31" s="114">
        <v>183812</v>
      </c>
      <c r="D31" s="113">
        <v>328772</v>
      </c>
      <c r="E31" s="109">
        <v>0</v>
      </c>
      <c r="F31" s="114">
        <v>938599</v>
      </c>
      <c r="G31" s="114">
        <v>1673141</v>
      </c>
      <c r="H31" s="114">
        <v>745399</v>
      </c>
      <c r="I31" s="114">
        <v>850800</v>
      </c>
      <c r="J31" s="114">
        <v>668566</v>
      </c>
      <c r="K31" s="173">
        <v>4876505</v>
      </c>
      <c r="L31" s="116">
        <v>5205277</v>
      </c>
      <c r="M31" s="110">
        <v>32340</v>
      </c>
      <c r="N31" s="114">
        <v>40261</v>
      </c>
      <c r="O31" s="113">
        <v>72601</v>
      </c>
      <c r="P31" s="110">
        <v>0</v>
      </c>
      <c r="Q31" s="114">
        <v>263939</v>
      </c>
      <c r="R31" s="114">
        <v>450936</v>
      </c>
      <c r="S31" s="114">
        <v>290159</v>
      </c>
      <c r="T31" s="114">
        <v>409914</v>
      </c>
      <c r="U31" s="114">
        <v>588724</v>
      </c>
      <c r="V31" s="113">
        <v>2003672</v>
      </c>
      <c r="W31" s="116">
        <v>2076273</v>
      </c>
      <c r="X31" s="110">
        <v>0</v>
      </c>
      <c r="Y31" s="114">
        <v>0</v>
      </c>
      <c r="Z31" s="113">
        <v>0</v>
      </c>
      <c r="AA31" s="110">
        <v>0</v>
      </c>
      <c r="AB31" s="114">
        <v>136216</v>
      </c>
      <c r="AC31" s="114">
        <v>247142</v>
      </c>
      <c r="AD31" s="114">
        <v>155709</v>
      </c>
      <c r="AE31" s="114">
        <v>219591</v>
      </c>
      <c r="AF31" s="114">
        <v>293008</v>
      </c>
      <c r="AG31" s="113">
        <v>1051666</v>
      </c>
      <c r="AH31" s="116">
        <v>1051666</v>
      </c>
      <c r="AI31" s="110">
        <v>0</v>
      </c>
      <c r="AJ31" s="114">
        <v>0</v>
      </c>
      <c r="AK31" s="113">
        <v>0</v>
      </c>
      <c r="AL31" s="110">
        <v>0</v>
      </c>
      <c r="AM31" s="114">
        <v>0</v>
      </c>
      <c r="AN31" s="114">
        <v>0</v>
      </c>
      <c r="AO31" s="114">
        <v>0</v>
      </c>
      <c r="AP31" s="114">
        <v>0</v>
      </c>
      <c r="AQ31" s="114">
        <v>40887</v>
      </c>
      <c r="AR31" s="113">
        <v>40887</v>
      </c>
      <c r="AS31" s="116">
        <v>40887</v>
      </c>
      <c r="AT31" s="110">
        <v>0</v>
      </c>
      <c r="AU31" s="114">
        <v>40261</v>
      </c>
      <c r="AV31" s="113">
        <v>40261</v>
      </c>
      <c r="AW31" s="110">
        <v>0</v>
      </c>
      <c r="AX31" s="114">
        <v>112099</v>
      </c>
      <c r="AY31" s="114">
        <v>131981</v>
      </c>
      <c r="AZ31" s="114">
        <v>101403</v>
      </c>
      <c r="BA31" s="114">
        <v>124390</v>
      </c>
      <c r="BB31" s="114">
        <v>204590</v>
      </c>
      <c r="BC31" s="113">
        <v>674463</v>
      </c>
      <c r="BD31" s="116">
        <v>714724</v>
      </c>
      <c r="BE31" s="110">
        <v>0</v>
      </c>
      <c r="BF31" s="114">
        <v>0</v>
      </c>
      <c r="BG31" s="112">
        <v>0</v>
      </c>
      <c r="BH31" s="111">
        <v>0</v>
      </c>
      <c r="BI31" s="114">
        <v>0</v>
      </c>
      <c r="BJ31" s="114">
        <v>0</v>
      </c>
      <c r="BK31" s="114">
        <v>0</v>
      </c>
      <c r="BL31" s="114">
        <v>0</v>
      </c>
      <c r="BM31" s="114">
        <v>0</v>
      </c>
      <c r="BN31" s="113">
        <v>0</v>
      </c>
      <c r="BO31" s="116">
        <v>0</v>
      </c>
      <c r="BP31" s="110">
        <v>32340</v>
      </c>
      <c r="BQ31" s="114">
        <v>0</v>
      </c>
      <c r="BR31" s="113">
        <v>32340</v>
      </c>
      <c r="BS31" s="110">
        <v>0</v>
      </c>
      <c r="BT31" s="114">
        <v>15624</v>
      </c>
      <c r="BU31" s="114">
        <v>71813</v>
      </c>
      <c r="BV31" s="114">
        <v>33047</v>
      </c>
      <c r="BW31" s="114">
        <v>65933</v>
      </c>
      <c r="BX31" s="114">
        <v>50239</v>
      </c>
      <c r="BY31" s="113">
        <v>236656</v>
      </c>
      <c r="BZ31" s="116">
        <v>268996</v>
      </c>
      <c r="CA31" s="110">
        <v>0</v>
      </c>
      <c r="CB31" s="114">
        <v>31967</v>
      </c>
      <c r="CC31" s="113">
        <v>31967</v>
      </c>
      <c r="CD31" s="110">
        <v>0</v>
      </c>
      <c r="CE31" s="114">
        <v>456546</v>
      </c>
      <c r="CF31" s="114">
        <v>360344</v>
      </c>
      <c r="CG31" s="114">
        <v>194389</v>
      </c>
      <c r="CH31" s="114">
        <v>0</v>
      </c>
      <c r="CI31" s="114">
        <v>0</v>
      </c>
      <c r="CJ31" s="113">
        <v>1011279</v>
      </c>
      <c r="CK31" s="116">
        <v>1043246</v>
      </c>
      <c r="CL31" s="110">
        <v>0</v>
      </c>
      <c r="CM31" s="114">
        <v>0</v>
      </c>
      <c r="CN31" s="113">
        <v>0</v>
      </c>
      <c r="CO31" s="111">
        <v>0</v>
      </c>
      <c r="CP31" s="114">
        <v>394592</v>
      </c>
      <c r="CQ31" s="114">
        <v>140097</v>
      </c>
      <c r="CR31" s="114">
        <v>47732</v>
      </c>
      <c r="CS31" s="114">
        <v>0</v>
      </c>
      <c r="CT31" s="114">
        <v>0</v>
      </c>
      <c r="CU31" s="113">
        <v>582421</v>
      </c>
      <c r="CV31" s="116">
        <v>582421</v>
      </c>
      <c r="CW31" s="110">
        <v>0</v>
      </c>
      <c r="CX31" s="114">
        <v>31967</v>
      </c>
      <c r="CY31" s="113">
        <v>31967</v>
      </c>
      <c r="CZ31" s="110">
        <v>0</v>
      </c>
      <c r="DA31" s="114">
        <v>61954</v>
      </c>
      <c r="DB31" s="114">
        <v>220247</v>
      </c>
      <c r="DC31" s="114">
        <v>146657</v>
      </c>
      <c r="DD31" s="114">
        <v>0</v>
      </c>
      <c r="DE31" s="114">
        <v>0</v>
      </c>
      <c r="DF31" s="113">
        <v>428858</v>
      </c>
      <c r="DG31" s="116">
        <v>460825</v>
      </c>
      <c r="DH31" s="110">
        <v>0</v>
      </c>
      <c r="DI31" s="114">
        <v>0</v>
      </c>
      <c r="DJ31" s="112">
        <v>0</v>
      </c>
      <c r="DK31" s="111">
        <v>0</v>
      </c>
      <c r="DL31" s="114">
        <v>0</v>
      </c>
      <c r="DM31" s="114">
        <v>0</v>
      </c>
      <c r="DN31" s="114">
        <v>187337</v>
      </c>
      <c r="DO31" s="114">
        <v>0</v>
      </c>
      <c r="DP31" s="114">
        <v>0</v>
      </c>
      <c r="DQ31" s="113">
        <v>187337</v>
      </c>
      <c r="DR31" s="116">
        <v>187337</v>
      </c>
      <c r="DS31" s="110">
        <v>0</v>
      </c>
      <c r="DT31" s="114">
        <v>0</v>
      </c>
      <c r="DU31" s="113">
        <v>0</v>
      </c>
      <c r="DV31" s="110">
        <v>0</v>
      </c>
      <c r="DW31" s="114">
        <v>0</v>
      </c>
      <c r="DX31" s="114">
        <v>0</v>
      </c>
      <c r="DY31" s="114">
        <v>159502</v>
      </c>
      <c r="DZ31" s="114">
        <v>0</v>
      </c>
      <c r="EA31" s="114">
        <v>0</v>
      </c>
      <c r="EB31" s="113">
        <v>159502</v>
      </c>
      <c r="EC31" s="116">
        <v>159502</v>
      </c>
      <c r="ED31" s="110">
        <v>0</v>
      </c>
      <c r="EE31" s="112">
        <v>0</v>
      </c>
      <c r="EF31" s="113">
        <v>0</v>
      </c>
      <c r="EG31" s="110">
        <v>0</v>
      </c>
      <c r="EH31" s="114">
        <v>0</v>
      </c>
      <c r="EI31" s="114">
        <v>0</v>
      </c>
      <c r="EJ31" s="114">
        <v>27835</v>
      </c>
      <c r="EK31" s="114">
        <v>0</v>
      </c>
      <c r="EL31" s="114">
        <v>0</v>
      </c>
      <c r="EM31" s="112">
        <v>27835</v>
      </c>
      <c r="EN31" s="116">
        <v>27835</v>
      </c>
      <c r="EO31" s="110">
        <v>0</v>
      </c>
      <c r="EP31" s="114">
        <v>0</v>
      </c>
      <c r="EQ31" s="112">
        <v>0</v>
      </c>
      <c r="ER31" s="111">
        <v>0</v>
      </c>
      <c r="ES31" s="114">
        <v>0</v>
      </c>
      <c r="ET31" s="114">
        <v>0</v>
      </c>
      <c r="EU31" s="114">
        <v>0</v>
      </c>
      <c r="EV31" s="114">
        <v>0</v>
      </c>
      <c r="EW31" s="114">
        <v>0</v>
      </c>
      <c r="EX31" s="113">
        <v>0</v>
      </c>
      <c r="EY31" s="116">
        <v>0</v>
      </c>
      <c r="EZ31" s="110">
        <v>0</v>
      </c>
      <c r="FA31" s="114">
        <v>0</v>
      </c>
      <c r="FB31" s="112">
        <v>0</v>
      </c>
      <c r="FC31" s="348"/>
      <c r="FD31" s="114">
        <v>0</v>
      </c>
      <c r="FE31" s="114">
        <v>0</v>
      </c>
      <c r="FF31" s="114">
        <v>0</v>
      </c>
      <c r="FG31" s="114">
        <v>0</v>
      </c>
      <c r="FH31" s="114">
        <v>0</v>
      </c>
      <c r="FI31" s="113">
        <v>0</v>
      </c>
      <c r="FJ31" s="116">
        <v>0</v>
      </c>
      <c r="FK31" s="110">
        <v>14700</v>
      </c>
      <c r="FL31" s="114">
        <v>33670</v>
      </c>
      <c r="FM31" s="113">
        <v>48370</v>
      </c>
      <c r="FN31" s="110">
        <v>0</v>
      </c>
      <c r="FO31" s="114">
        <v>76818</v>
      </c>
      <c r="FP31" s="114">
        <v>103194</v>
      </c>
      <c r="FQ31" s="114">
        <v>73514</v>
      </c>
      <c r="FR31" s="114">
        <v>67130</v>
      </c>
      <c r="FS31" s="114">
        <v>79842</v>
      </c>
      <c r="FT31" s="113">
        <v>400498</v>
      </c>
      <c r="FU31" s="116">
        <v>448868</v>
      </c>
      <c r="FV31" s="115">
        <v>14700</v>
      </c>
      <c r="FW31" s="114">
        <v>33670</v>
      </c>
      <c r="FX31" s="112">
        <v>48370</v>
      </c>
      <c r="FY31" s="111">
        <v>0</v>
      </c>
      <c r="FZ31" s="114">
        <v>41706</v>
      </c>
      <c r="GA31" s="114">
        <v>103194</v>
      </c>
      <c r="GB31" s="114">
        <v>63966</v>
      </c>
      <c r="GC31" s="114">
        <v>67130</v>
      </c>
      <c r="GD31" s="114">
        <v>79842</v>
      </c>
      <c r="GE31" s="113">
        <v>355838</v>
      </c>
      <c r="GF31" s="319">
        <v>404208</v>
      </c>
      <c r="GG31" s="115">
        <v>0</v>
      </c>
      <c r="GH31" s="114">
        <v>0</v>
      </c>
      <c r="GI31" s="112">
        <v>0</v>
      </c>
      <c r="GJ31" s="111">
        <v>0</v>
      </c>
      <c r="GK31" s="114">
        <v>35112</v>
      </c>
      <c r="GL31" s="114">
        <v>0</v>
      </c>
      <c r="GM31" s="114">
        <v>9548</v>
      </c>
      <c r="GN31" s="114">
        <v>0</v>
      </c>
      <c r="GO31" s="114">
        <v>0</v>
      </c>
      <c r="GP31" s="113">
        <v>44660</v>
      </c>
      <c r="GQ31" s="116">
        <v>44660</v>
      </c>
      <c r="GR31" s="110">
        <v>0</v>
      </c>
      <c r="GS31" s="114">
        <v>0</v>
      </c>
      <c r="GT31" s="113">
        <v>0</v>
      </c>
      <c r="GU31" s="110">
        <v>0</v>
      </c>
      <c r="GV31" s="114">
        <v>0</v>
      </c>
      <c r="GW31" s="114">
        <v>0</v>
      </c>
      <c r="GX31" s="114">
        <v>0</v>
      </c>
      <c r="GY31" s="114">
        <v>0</v>
      </c>
      <c r="GZ31" s="114">
        <v>0</v>
      </c>
      <c r="HA31" s="112">
        <v>0</v>
      </c>
      <c r="HB31" s="116">
        <v>0</v>
      </c>
      <c r="HC31" s="110">
        <v>97920</v>
      </c>
      <c r="HD31" s="114">
        <v>77914</v>
      </c>
      <c r="HE31" s="112">
        <v>175834</v>
      </c>
      <c r="HF31" s="111">
        <v>0</v>
      </c>
      <c r="HG31" s="114">
        <v>141296</v>
      </c>
      <c r="HH31" s="114">
        <v>758667</v>
      </c>
      <c r="HI31" s="114">
        <v>0</v>
      </c>
      <c r="HJ31" s="114">
        <v>373756</v>
      </c>
      <c r="HK31" s="114">
        <v>0</v>
      </c>
      <c r="HL31" s="113">
        <v>1273719</v>
      </c>
      <c r="HM31" s="109">
        <v>1449553</v>
      </c>
      <c r="HN31" s="329"/>
      <c r="HO31" s="330"/>
      <c r="HP31" s="331"/>
      <c r="HQ31" s="332"/>
      <c r="HR31" s="330"/>
      <c r="HS31" s="330"/>
      <c r="HT31" s="330"/>
      <c r="HU31" s="330"/>
      <c r="HV31" s="330"/>
      <c r="HW31" s="333"/>
      <c r="HX31" s="334"/>
      <c r="HY31" s="131">
        <v>0</v>
      </c>
      <c r="HZ31" s="132">
        <v>0</v>
      </c>
      <c r="IA31" s="133">
        <v>0</v>
      </c>
      <c r="IB31" s="146">
        <v>0</v>
      </c>
      <c r="IC31" s="132">
        <v>206072</v>
      </c>
      <c r="ID31" s="147">
        <v>65951</v>
      </c>
      <c r="IE31" s="133">
        <v>653945</v>
      </c>
      <c r="IF31" s="132">
        <v>216647</v>
      </c>
      <c r="IG31" s="133">
        <v>615612</v>
      </c>
      <c r="IH31" s="148">
        <v>1758227</v>
      </c>
      <c r="II31" s="139">
        <v>1758227</v>
      </c>
      <c r="IJ31" s="232">
        <v>0</v>
      </c>
      <c r="IK31" s="236">
        <v>0</v>
      </c>
      <c r="IL31" s="237">
        <v>0</v>
      </c>
      <c r="IM31" s="140"/>
      <c r="IN31" s="119">
        <v>0</v>
      </c>
      <c r="IO31" s="119">
        <v>0</v>
      </c>
      <c r="IP31" s="119">
        <v>0</v>
      </c>
      <c r="IQ31" s="119">
        <v>0</v>
      </c>
      <c r="IR31" s="119">
        <v>0</v>
      </c>
      <c r="IS31" s="141">
        <v>0</v>
      </c>
      <c r="IT31" s="321">
        <v>0</v>
      </c>
      <c r="IU31" s="142">
        <v>0</v>
      </c>
      <c r="IV31" s="119">
        <v>0</v>
      </c>
      <c r="IW31" s="120">
        <v>0</v>
      </c>
      <c r="IX31" s="144"/>
      <c r="IY31" s="119">
        <v>0</v>
      </c>
      <c r="IZ31" s="119">
        <v>0</v>
      </c>
      <c r="JA31" s="119">
        <v>0</v>
      </c>
      <c r="JB31" s="119">
        <v>0</v>
      </c>
      <c r="JC31" s="119">
        <v>0</v>
      </c>
      <c r="JD31" s="120">
        <v>0</v>
      </c>
      <c r="JE31" s="121">
        <v>0</v>
      </c>
      <c r="JF31" s="142">
        <v>0</v>
      </c>
      <c r="JG31" s="119">
        <v>0</v>
      </c>
      <c r="JH31" s="141">
        <v>0</v>
      </c>
      <c r="JI31" s="118">
        <v>0</v>
      </c>
      <c r="JJ31" s="119">
        <v>100565</v>
      </c>
      <c r="JK31" s="119">
        <v>65951</v>
      </c>
      <c r="JL31" s="119">
        <v>219853</v>
      </c>
      <c r="JM31" s="119">
        <v>0</v>
      </c>
      <c r="JN31" s="119">
        <v>173908</v>
      </c>
      <c r="JO31" s="120">
        <v>560277</v>
      </c>
      <c r="JP31" s="321">
        <v>560277</v>
      </c>
      <c r="JQ31" s="142">
        <v>0</v>
      </c>
      <c r="JR31" s="119">
        <v>0</v>
      </c>
      <c r="JS31" s="141">
        <v>0</v>
      </c>
      <c r="JT31" s="118">
        <v>0</v>
      </c>
      <c r="JU31" s="119">
        <v>0</v>
      </c>
      <c r="JV31" s="119">
        <v>0</v>
      </c>
      <c r="JW31" s="119">
        <v>218954</v>
      </c>
      <c r="JX31" s="119">
        <v>0</v>
      </c>
      <c r="JY31" s="119">
        <v>0</v>
      </c>
      <c r="JZ31" s="120">
        <v>218954</v>
      </c>
      <c r="KA31" s="321">
        <v>218954</v>
      </c>
      <c r="KB31" s="234">
        <v>0</v>
      </c>
      <c r="KC31" s="230">
        <v>0</v>
      </c>
      <c r="KD31" s="120">
        <v>0</v>
      </c>
      <c r="KE31" s="118">
        <v>0</v>
      </c>
      <c r="KF31" s="119">
        <v>105507</v>
      </c>
      <c r="KG31" s="119">
        <v>0</v>
      </c>
      <c r="KH31" s="119">
        <v>0</v>
      </c>
      <c r="KI31" s="119">
        <v>0</v>
      </c>
      <c r="KJ31" s="119">
        <v>0</v>
      </c>
      <c r="KK31" s="120">
        <v>105507</v>
      </c>
      <c r="KL31" s="143">
        <v>105507</v>
      </c>
      <c r="KM31" s="232">
        <v>0</v>
      </c>
      <c r="KN31" s="236">
        <v>0</v>
      </c>
      <c r="KO31" s="237">
        <v>0</v>
      </c>
      <c r="KP31" s="140"/>
      <c r="KQ31" s="119">
        <v>0</v>
      </c>
      <c r="KR31" s="119">
        <v>0</v>
      </c>
      <c r="KS31" s="119">
        <v>215138</v>
      </c>
      <c r="KT31" s="119">
        <v>216647</v>
      </c>
      <c r="KU31" s="119">
        <v>441704</v>
      </c>
      <c r="KV31" s="120">
        <v>873489</v>
      </c>
      <c r="KW31" s="321">
        <v>873489</v>
      </c>
      <c r="KX31" s="142">
        <v>0</v>
      </c>
      <c r="KY31" s="119">
        <v>0</v>
      </c>
      <c r="KZ31" s="120">
        <v>0</v>
      </c>
      <c r="LA31" s="145"/>
      <c r="LB31" s="119">
        <v>0</v>
      </c>
      <c r="LC31" s="119">
        <v>0</v>
      </c>
      <c r="LD31" s="119">
        <v>0</v>
      </c>
      <c r="LE31" s="119">
        <v>0</v>
      </c>
      <c r="LF31" s="119">
        <v>0</v>
      </c>
      <c r="LG31" s="120">
        <v>0</v>
      </c>
      <c r="LH31" s="121">
        <v>0</v>
      </c>
      <c r="LI31" s="142">
        <v>0</v>
      </c>
      <c r="LJ31" s="119">
        <v>0</v>
      </c>
      <c r="LK31" s="120">
        <v>0</v>
      </c>
      <c r="LL31" s="145"/>
      <c r="LM31" s="119">
        <v>0</v>
      </c>
      <c r="LN31" s="119">
        <v>0</v>
      </c>
      <c r="LO31" s="119">
        <v>0</v>
      </c>
      <c r="LP31" s="119">
        <v>0</v>
      </c>
      <c r="LQ31" s="119">
        <v>0</v>
      </c>
      <c r="LR31" s="120">
        <v>0</v>
      </c>
      <c r="LS31" s="321">
        <v>0</v>
      </c>
      <c r="LT31" s="142">
        <v>0</v>
      </c>
      <c r="LU31" s="119">
        <v>0</v>
      </c>
      <c r="LV31" s="120">
        <v>0</v>
      </c>
      <c r="LW31" s="145"/>
      <c r="LX31" s="119">
        <v>0</v>
      </c>
      <c r="LY31" s="119">
        <v>0</v>
      </c>
      <c r="LZ31" s="119">
        <v>0</v>
      </c>
      <c r="MA31" s="119">
        <v>0</v>
      </c>
      <c r="MB31" s="119">
        <v>0</v>
      </c>
      <c r="MC31" s="120">
        <v>0</v>
      </c>
      <c r="MD31" s="121">
        <v>0</v>
      </c>
      <c r="ME31" s="142">
        <v>0</v>
      </c>
      <c r="MF31" s="119">
        <v>0</v>
      </c>
      <c r="MG31" s="120">
        <v>0</v>
      </c>
      <c r="MH31" s="145"/>
      <c r="MI31" s="119">
        <v>197929</v>
      </c>
      <c r="MJ31" s="119">
        <v>0</v>
      </c>
      <c r="MK31" s="119">
        <v>211895</v>
      </c>
      <c r="ML31" s="119">
        <v>94609</v>
      </c>
      <c r="MM31" s="119">
        <v>-235</v>
      </c>
      <c r="MN31" s="120">
        <v>504198</v>
      </c>
      <c r="MO31" s="143">
        <v>504198</v>
      </c>
      <c r="MP31" s="142">
        <v>0</v>
      </c>
      <c r="MQ31" s="119">
        <v>0</v>
      </c>
      <c r="MR31" s="120">
        <v>0</v>
      </c>
      <c r="MS31" s="145"/>
      <c r="MT31" s="119">
        <v>0</v>
      </c>
      <c r="MU31" s="119">
        <v>0</v>
      </c>
      <c r="MV31" s="119">
        <v>0</v>
      </c>
      <c r="MW31" s="119">
        <v>94609</v>
      </c>
      <c r="MX31" s="119">
        <v>-235</v>
      </c>
      <c r="MY31" s="120">
        <v>94374</v>
      </c>
      <c r="MZ31" s="143">
        <v>94374</v>
      </c>
      <c r="NA31" s="142">
        <v>0</v>
      </c>
      <c r="NB31" s="119">
        <v>0</v>
      </c>
      <c r="NC31" s="120">
        <v>0</v>
      </c>
      <c r="ND31" s="145"/>
      <c r="NE31" s="119">
        <v>197929</v>
      </c>
      <c r="NF31" s="119">
        <v>0</v>
      </c>
      <c r="NG31" s="119">
        <v>211895</v>
      </c>
      <c r="NH31" s="119">
        <v>0</v>
      </c>
      <c r="NI31" s="119">
        <v>0</v>
      </c>
      <c r="NJ31" s="120">
        <v>409824</v>
      </c>
      <c r="NK31" s="321">
        <v>409824</v>
      </c>
      <c r="NL31" s="142">
        <v>0</v>
      </c>
      <c r="NM31" s="119">
        <v>0</v>
      </c>
      <c r="NN31" s="120">
        <v>0</v>
      </c>
      <c r="NO31" s="145"/>
      <c r="NP31" s="119">
        <v>0</v>
      </c>
      <c r="NQ31" s="119">
        <v>0</v>
      </c>
      <c r="NR31" s="119">
        <v>0</v>
      </c>
      <c r="NS31" s="119">
        <v>0</v>
      </c>
      <c r="NT31" s="119">
        <v>0</v>
      </c>
      <c r="NU31" s="120">
        <v>0</v>
      </c>
      <c r="NV31" s="121">
        <v>0</v>
      </c>
      <c r="NW31" s="142">
        <v>0</v>
      </c>
      <c r="NX31" s="119">
        <v>0</v>
      </c>
      <c r="NY31" s="120">
        <v>0</v>
      </c>
      <c r="NZ31" s="145"/>
      <c r="OA31" s="119">
        <v>0</v>
      </c>
      <c r="OB31" s="119">
        <v>0</v>
      </c>
      <c r="OC31" s="119">
        <v>0</v>
      </c>
      <c r="OD31" s="119">
        <v>0</v>
      </c>
      <c r="OE31" s="119">
        <v>0</v>
      </c>
      <c r="OF31" s="120">
        <v>0</v>
      </c>
      <c r="OG31" s="121">
        <v>0</v>
      </c>
      <c r="OH31" s="142">
        <v>144960</v>
      </c>
      <c r="OI31" s="119">
        <v>183812</v>
      </c>
      <c r="OJ31" s="141">
        <v>328772</v>
      </c>
      <c r="OK31" s="118">
        <v>0</v>
      </c>
      <c r="OL31" s="119">
        <v>1342600</v>
      </c>
      <c r="OM31" s="119">
        <v>1739092</v>
      </c>
      <c r="ON31" s="119">
        <v>1611239</v>
      </c>
      <c r="OO31" s="119">
        <v>1162056</v>
      </c>
      <c r="OP31" s="119">
        <v>1283943</v>
      </c>
      <c r="OQ31" s="120">
        <v>7138930</v>
      </c>
      <c r="OR31" s="143">
        <v>7467702</v>
      </c>
    </row>
    <row r="32" spans="1:408" ht="20.25" customHeight="1" x14ac:dyDescent="0.2">
      <c r="A32" s="126" t="s">
        <v>27</v>
      </c>
      <c r="B32" s="110">
        <v>244198</v>
      </c>
      <c r="C32" s="114">
        <v>447282</v>
      </c>
      <c r="D32" s="113">
        <v>691480</v>
      </c>
      <c r="E32" s="109">
        <v>0</v>
      </c>
      <c r="F32" s="114">
        <v>848322</v>
      </c>
      <c r="G32" s="114">
        <v>412616</v>
      </c>
      <c r="H32" s="114">
        <v>1730922</v>
      </c>
      <c r="I32" s="114">
        <v>802356</v>
      </c>
      <c r="J32" s="114">
        <v>514872</v>
      </c>
      <c r="K32" s="173">
        <v>4309088</v>
      </c>
      <c r="L32" s="116">
        <v>5000568</v>
      </c>
      <c r="M32" s="110">
        <v>31591</v>
      </c>
      <c r="N32" s="114">
        <v>101863</v>
      </c>
      <c r="O32" s="113">
        <v>133454</v>
      </c>
      <c r="P32" s="110">
        <v>0</v>
      </c>
      <c r="Q32" s="114">
        <v>211709</v>
      </c>
      <c r="R32" s="114">
        <v>233003</v>
      </c>
      <c r="S32" s="114">
        <v>361744</v>
      </c>
      <c r="T32" s="114">
        <v>98973</v>
      </c>
      <c r="U32" s="114">
        <v>497022</v>
      </c>
      <c r="V32" s="113">
        <v>1402451</v>
      </c>
      <c r="W32" s="116">
        <v>1535905</v>
      </c>
      <c r="X32" s="110">
        <v>0</v>
      </c>
      <c r="Y32" s="114">
        <v>0</v>
      </c>
      <c r="Z32" s="113">
        <v>0</v>
      </c>
      <c r="AA32" s="110">
        <v>0</v>
      </c>
      <c r="AB32" s="114">
        <v>60013</v>
      </c>
      <c r="AC32" s="114">
        <v>169026</v>
      </c>
      <c r="AD32" s="114">
        <v>197740</v>
      </c>
      <c r="AE32" s="114">
        <v>0</v>
      </c>
      <c r="AF32" s="114">
        <v>438051</v>
      </c>
      <c r="AG32" s="113">
        <v>864830</v>
      </c>
      <c r="AH32" s="116">
        <v>864830</v>
      </c>
      <c r="AI32" s="110">
        <v>0</v>
      </c>
      <c r="AJ32" s="114">
        <v>0</v>
      </c>
      <c r="AK32" s="113">
        <v>0</v>
      </c>
      <c r="AL32" s="110">
        <v>0</v>
      </c>
      <c r="AM32" s="114">
        <v>0</v>
      </c>
      <c r="AN32" s="114">
        <v>0</v>
      </c>
      <c r="AO32" s="114">
        <v>0</v>
      </c>
      <c r="AP32" s="114">
        <v>0</v>
      </c>
      <c r="AQ32" s="114">
        <v>0</v>
      </c>
      <c r="AR32" s="113">
        <v>0</v>
      </c>
      <c r="AS32" s="116">
        <v>0</v>
      </c>
      <c r="AT32" s="110">
        <v>27965</v>
      </c>
      <c r="AU32" s="114">
        <v>43258</v>
      </c>
      <c r="AV32" s="113">
        <v>71223</v>
      </c>
      <c r="AW32" s="110">
        <v>0</v>
      </c>
      <c r="AX32" s="114">
        <v>114127</v>
      </c>
      <c r="AY32" s="114">
        <v>55199</v>
      </c>
      <c r="AZ32" s="114">
        <v>69714</v>
      </c>
      <c r="BA32" s="114">
        <v>21385</v>
      </c>
      <c r="BB32" s="114">
        <v>46945</v>
      </c>
      <c r="BC32" s="113">
        <v>307370</v>
      </c>
      <c r="BD32" s="116">
        <v>378593</v>
      </c>
      <c r="BE32" s="110">
        <v>0</v>
      </c>
      <c r="BF32" s="114">
        <v>36212</v>
      </c>
      <c r="BG32" s="112">
        <v>36212</v>
      </c>
      <c r="BH32" s="111">
        <v>0</v>
      </c>
      <c r="BI32" s="114">
        <v>0</v>
      </c>
      <c r="BJ32" s="114">
        <v>0</v>
      </c>
      <c r="BK32" s="114">
        <v>0</v>
      </c>
      <c r="BL32" s="114">
        <v>0</v>
      </c>
      <c r="BM32" s="114">
        <v>0</v>
      </c>
      <c r="BN32" s="113">
        <v>0</v>
      </c>
      <c r="BO32" s="116">
        <v>36212</v>
      </c>
      <c r="BP32" s="110">
        <v>3626</v>
      </c>
      <c r="BQ32" s="114">
        <v>22393</v>
      </c>
      <c r="BR32" s="113">
        <v>26019</v>
      </c>
      <c r="BS32" s="110">
        <v>0</v>
      </c>
      <c r="BT32" s="114">
        <v>37569</v>
      </c>
      <c r="BU32" s="114">
        <v>8778</v>
      </c>
      <c r="BV32" s="114">
        <v>94290</v>
      </c>
      <c r="BW32" s="114">
        <v>77588</v>
      </c>
      <c r="BX32" s="114">
        <v>12026</v>
      </c>
      <c r="BY32" s="113">
        <v>230251</v>
      </c>
      <c r="BZ32" s="116">
        <v>256270</v>
      </c>
      <c r="CA32" s="110">
        <v>19183</v>
      </c>
      <c r="CB32" s="114">
        <v>34867</v>
      </c>
      <c r="CC32" s="113">
        <v>54050</v>
      </c>
      <c r="CD32" s="110">
        <v>0</v>
      </c>
      <c r="CE32" s="114">
        <v>36187</v>
      </c>
      <c r="CF32" s="114">
        <v>0</v>
      </c>
      <c r="CG32" s="114">
        <v>286506</v>
      </c>
      <c r="CH32" s="114">
        <v>82730</v>
      </c>
      <c r="CI32" s="114">
        <v>0</v>
      </c>
      <c r="CJ32" s="113">
        <v>405423</v>
      </c>
      <c r="CK32" s="116">
        <v>459473</v>
      </c>
      <c r="CL32" s="110">
        <v>0</v>
      </c>
      <c r="CM32" s="114">
        <v>0</v>
      </c>
      <c r="CN32" s="113">
        <v>0</v>
      </c>
      <c r="CO32" s="111">
        <v>0</v>
      </c>
      <c r="CP32" s="114">
        <v>13888</v>
      </c>
      <c r="CQ32" s="114">
        <v>0</v>
      </c>
      <c r="CR32" s="114">
        <v>205035</v>
      </c>
      <c r="CS32" s="114">
        <v>82730</v>
      </c>
      <c r="CT32" s="114">
        <v>0</v>
      </c>
      <c r="CU32" s="113">
        <v>301653</v>
      </c>
      <c r="CV32" s="116">
        <v>301653</v>
      </c>
      <c r="CW32" s="110">
        <v>19183</v>
      </c>
      <c r="CX32" s="114">
        <v>34867</v>
      </c>
      <c r="CY32" s="113">
        <v>54050</v>
      </c>
      <c r="CZ32" s="110">
        <v>0</v>
      </c>
      <c r="DA32" s="114">
        <v>22299</v>
      </c>
      <c r="DB32" s="114">
        <v>0</v>
      </c>
      <c r="DC32" s="114">
        <v>81471</v>
      </c>
      <c r="DD32" s="114">
        <v>0</v>
      </c>
      <c r="DE32" s="114">
        <v>0</v>
      </c>
      <c r="DF32" s="113">
        <v>103770</v>
      </c>
      <c r="DG32" s="116">
        <v>157820</v>
      </c>
      <c r="DH32" s="110">
        <v>0</v>
      </c>
      <c r="DI32" s="114">
        <v>0</v>
      </c>
      <c r="DJ32" s="112">
        <v>0</v>
      </c>
      <c r="DK32" s="111">
        <v>0</v>
      </c>
      <c r="DL32" s="114">
        <v>0</v>
      </c>
      <c r="DM32" s="114">
        <v>0</v>
      </c>
      <c r="DN32" s="114">
        <v>96635</v>
      </c>
      <c r="DO32" s="114">
        <v>32966</v>
      </c>
      <c r="DP32" s="114">
        <v>0</v>
      </c>
      <c r="DQ32" s="113">
        <v>129601</v>
      </c>
      <c r="DR32" s="116">
        <v>129601</v>
      </c>
      <c r="DS32" s="110">
        <v>0</v>
      </c>
      <c r="DT32" s="114">
        <v>0</v>
      </c>
      <c r="DU32" s="113">
        <v>0</v>
      </c>
      <c r="DV32" s="110">
        <v>0</v>
      </c>
      <c r="DW32" s="114">
        <v>0</v>
      </c>
      <c r="DX32" s="114">
        <v>0</v>
      </c>
      <c r="DY32" s="114">
        <v>96635</v>
      </c>
      <c r="DZ32" s="114">
        <v>32966</v>
      </c>
      <c r="EA32" s="114">
        <v>0</v>
      </c>
      <c r="EB32" s="113">
        <v>129601</v>
      </c>
      <c r="EC32" s="116">
        <v>129601</v>
      </c>
      <c r="ED32" s="110">
        <v>0</v>
      </c>
      <c r="EE32" s="112">
        <v>0</v>
      </c>
      <c r="EF32" s="113">
        <v>0</v>
      </c>
      <c r="EG32" s="110">
        <v>0</v>
      </c>
      <c r="EH32" s="114">
        <v>0</v>
      </c>
      <c r="EI32" s="114">
        <v>0</v>
      </c>
      <c r="EJ32" s="114">
        <v>0</v>
      </c>
      <c r="EK32" s="114">
        <v>0</v>
      </c>
      <c r="EL32" s="114">
        <v>0</v>
      </c>
      <c r="EM32" s="112">
        <v>0</v>
      </c>
      <c r="EN32" s="116">
        <v>0</v>
      </c>
      <c r="EO32" s="110">
        <v>0</v>
      </c>
      <c r="EP32" s="114">
        <v>0</v>
      </c>
      <c r="EQ32" s="112">
        <v>0</v>
      </c>
      <c r="ER32" s="111">
        <v>0</v>
      </c>
      <c r="ES32" s="114">
        <v>0</v>
      </c>
      <c r="ET32" s="114">
        <v>0</v>
      </c>
      <c r="EU32" s="114">
        <v>0</v>
      </c>
      <c r="EV32" s="114">
        <v>0</v>
      </c>
      <c r="EW32" s="114">
        <v>0</v>
      </c>
      <c r="EX32" s="113">
        <v>0</v>
      </c>
      <c r="EY32" s="116">
        <v>0</v>
      </c>
      <c r="EZ32" s="110">
        <v>0</v>
      </c>
      <c r="FA32" s="114">
        <v>0</v>
      </c>
      <c r="FB32" s="112">
        <v>0</v>
      </c>
      <c r="FC32" s="348"/>
      <c r="FD32" s="114">
        <v>0</v>
      </c>
      <c r="FE32" s="114">
        <v>0</v>
      </c>
      <c r="FF32" s="114">
        <v>0</v>
      </c>
      <c r="FG32" s="114">
        <v>0</v>
      </c>
      <c r="FH32" s="114">
        <v>0</v>
      </c>
      <c r="FI32" s="113">
        <v>0</v>
      </c>
      <c r="FJ32" s="116">
        <v>0</v>
      </c>
      <c r="FK32" s="110">
        <v>147070</v>
      </c>
      <c r="FL32" s="114">
        <v>141456</v>
      </c>
      <c r="FM32" s="113">
        <v>288526</v>
      </c>
      <c r="FN32" s="110">
        <v>0</v>
      </c>
      <c r="FO32" s="114">
        <v>40600</v>
      </c>
      <c r="FP32" s="114">
        <v>27279</v>
      </c>
      <c r="FQ32" s="114">
        <v>122127</v>
      </c>
      <c r="FR32" s="114">
        <v>16450</v>
      </c>
      <c r="FS32" s="114">
        <v>17850</v>
      </c>
      <c r="FT32" s="113">
        <v>224306</v>
      </c>
      <c r="FU32" s="116">
        <v>512832</v>
      </c>
      <c r="FV32" s="115">
        <v>21560</v>
      </c>
      <c r="FW32" s="114">
        <v>62300</v>
      </c>
      <c r="FX32" s="112">
        <v>83860</v>
      </c>
      <c r="FY32" s="111">
        <v>0</v>
      </c>
      <c r="FZ32" s="114">
        <v>2100</v>
      </c>
      <c r="GA32" s="114">
        <v>27279</v>
      </c>
      <c r="GB32" s="114">
        <v>50267</v>
      </c>
      <c r="GC32" s="114">
        <v>16450</v>
      </c>
      <c r="GD32" s="114">
        <v>17850</v>
      </c>
      <c r="GE32" s="113">
        <v>113946</v>
      </c>
      <c r="GF32" s="319">
        <v>197806</v>
      </c>
      <c r="GG32" s="115">
        <v>0</v>
      </c>
      <c r="GH32" s="114">
        <v>28336</v>
      </c>
      <c r="GI32" s="112">
        <v>28336</v>
      </c>
      <c r="GJ32" s="111">
        <v>0</v>
      </c>
      <c r="GK32" s="114">
        <v>0</v>
      </c>
      <c r="GL32" s="114">
        <v>0</v>
      </c>
      <c r="GM32" s="114">
        <v>28740</v>
      </c>
      <c r="GN32" s="114">
        <v>0</v>
      </c>
      <c r="GO32" s="114">
        <v>0</v>
      </c>
      <c r="GP32" s="113">
        <v>28740</v>
      </c>
      <c r="GQ32" s="116">
        <v>57076</v>
      </c>
      <c r="GR32" s="110">
        <v>125510</v>
      </c>
      <c r="GS32" s="114">
        <v>50820</v>
      </c>
      <c r="GT32" s="113">
        <v>176330</v>
      </c>
      <c r="GU32" s="110">
        <v>0</v>
      </c>
      <c r="GV32" s="114">
        <v>38500</v>
      </c>
      <c r="GW32" s="114">
        <v>0</v>
      </c>
      <c r="GX32" s="114">
        <v>43120</v>
      </c>
      <c r="GY32" s="114">
        <v>0</v>
      </c>
      <c r="GZ32" s="114">
        <v>0</v>
      </c>
      <c r="HA32" s="112">
        <v>81620</v>
      </c>
      <c r="HB32" s="116">
        <v>257950</v>
      </c>
      <c r="HC32" s="110">
        <v>46354</v>
      </c>
      <c r="HD32" s="114">
        <v>169096</v>
      </c>
      <c r="HE32" s="112">
        <v>215450</v>
      </c>
      <c r="HF32" s="111">
        <v>0</v>
      </c>
      <c r="HG32" s="114">
        <v>559826</v>
      </c>
      <c r="HH32" s="114">
        <v>152334</v>
      </c>
      <c r="HI32" s="114">
        <v>863910</v>
      </c>
      <c r="HJ32" s="114">
        <v>571237</v>
      </c>
      <c r="HK32" s="114">
        <v>0</v>
      </c>
      <c r="HL32" s="113">
        <v>2147307</v>
      </c>
      <c r="HM32" s="109">
        <v>2362757</v>
      </c>
      <c r="HN32" s="329"/>
      <c r="HO32" s="330"/>
      <c r="HP32" s="331"/>
      <c r="HQ32" s="332"/>
      <c r="HR32" s="330"/>
      <c r="HS32" s="330"/>
      <c r="HT32" s="330"/>
      <c r="HU32" s="330"/>
      <c r="HV32" s="330"/>
      <c r="HW32" s="333"/>
      <c r="HX32" s="334"/>
      <c r="HY32" s="150">
        <v>0</v>
      </c>
      <c r="HZ32" s="135">
        <v>0</v>
      </c>
      <c r="IA32" s="150">
        <v>0</v>
      </c>
      <c r="IB32" s="134">
        <v>0</v>
      </c>
      <c r="IC32" s="135">
        <v>75369</v>
      </c>
      <c r="ID32" s="136">
        <v>17706</v>
      </c>
      <c r="IE32" s="137">
        <v>0</v>
      </c>
      <c r="IF32" s="135">
        <v>0</v>
      </c>
      <c r="IG32" s="137">
        <v>0</v>
      </c>
      <c r="IH32" s="138">
        <v>93075</v>
      </c>
      <c r="II32" s="150">
        <v>93075</v>
      </c>
      <c r="IJ32" s="232">
        <v>0</v>
      </c>
      <c r="IK32" s="236">
        <v>0</v>
      </c>
      <c r="IL32" s="237">
        <v>0</v>
      </c>
      <c r="IM32" s="140"/>
      <c r="IN32" s="119">
        <v>0</v>
      </c>
      <c r="IO32" s="119">
        <v>0</v>
      </c>
      <c r="IP32" s="119">
        <v>0</v>
      </c>
      <c r="IQ32" s="119">
        <v>0</v>
      </c>
      <c r="IR32" s="119">
        <v>0</v>
      </c>
      <c r="IS32" s="141">
        <v>0</v>
      </c>
      <c r="IT32" s="321">
        <v>0</v>
      </c>
      <c r="IU32" s="142">
        <v>0</v>
      </c>
      <c r="IV32" s="119">
        <v>0</v>
      </c>
      <c r="IW32" s="120">
        <v>0</v>
      </c>
      <c r="IX32" s="144"/>
      <c r="IY32" s="119">
        <v>0</v>
      </c>
      <c r="IZ32" s="119">
        <v>0</v>
      </c>
      <c r="JA32" s="119">
        <v>0</v>
      </c>
      <c r="JB32" s="119">
        <v>0</v>
      </c>
      <c r="JC32" s="119">
        <v>0</v>
      </c>
      <c r="JD32" s="120">
        <v>0</v>
      </c>
      <c r="JE32" s="121">
        <v>0</v>
      </c>
      <c r="JF32" s="142">
        <v>0</v>
      </c>
      <c r="JG32" s="119">
        <v>0</v>
      </c>
      <c r="JH32" s="141">
        <v>0</v>
      </c>
      <c r="JI32" s="118">
        <v>0</v>
      </c>
      <c r="JJ32" s="119">
        <v>0</v>
      </c>
      <c r="JK32" s="119">
        <v>17706</v>
      </c>
      <c r="JL32" s="119">
        <v>0</v>
      </c>
      <c r="JM32" s="119">
        <v>0</v>
      </c>
      <c r="JN32" s="119">
        <v>0</v>
      </c>
      <c r="JO32" s="120">
        <v>17706</v>
      </c>
      <c r="JP32" s="321">
        <v>17706</v>
      </c>
      <c r="JQ32" s="142">
        <v>0</v>
      </c>
      <c r="JR32" s="119">
        <v>0</v>
      </c>
      <c r="JS32" s="141">
        <v>0</v>
      </c>
      <c r="JT32" s="118">
        <v>0</v>
      </c>
      <c r="JU32" s="119">
        <v>75369</v>
      </c>
      <c r="JV32" s="119">
        <v>0</v>
      </c>
      <c r="JW32" s="119">
        <v>0</v>
      </c>
      <c r="JX32" s="119">
        <v>0</v>
      </c>
      <c r="JY32" s="119">
        <v>0</v>
      </c>
      <c r="JZ32" s="120">
        <v>75369</v>
      </c>
      <c r="KA32" s="321">
        <v>75369</v>
      </c>
      <c r="KB32" s="234">
        <v>0</v>
      </c>
      <c r="KC32" s="230">
        <v>0</v>
      </c>
      <c r="KD32" s="120">
        <v>0</v>
      </c>
      <c r="KE32" s="118">
        <v>0</v>
      </c>
      <c r="KF32" s="119">
        <v>0</v>
      </c>
      <c r="KG32" s="119">
        <v>0</v>
      </c>
      <c r="KH32" s="119">
        <v>0</v>
      </c>
      <c r="KI32" s="119">
        <v>0</v>
      </c>
      <c r="KJ32" s="119">
        <v>0</v>
      </c>
      <c r="KK32" s="120">
        <v>0</v>
      </c>
      <c r="KL32" s="143">
        <v>0</v>
      </c>
      <c r="KM32" s="232">
        <v>0</v>
      </c>
      <c r="KN32" s="236">
        <v>0</v>
      </c>
      <c r="KO32" s="237">
        <v>0</v>
      </c>
      <c r="KP32" s="140"/>
      <c r="KQ32" s="119">
        <v>0</v>
      </c>
      <c r="KR32" s="119">
        <v>0</v>
      </c>
      <c r="KS32" s="119">
        <v>0</v>
      </c>
      <c r="KT32" s="119">
        <v>0</v>
      </c>
      <c r="KU32" s="119">
        <v>0</v>
      </c>
      <c r="KV32" s="120">
        <v>0</v>
      </c>
      <c r="KW32" s="321">
        <v>0</v>
      </c>
      <c r="KX32" s="142">
        <v>0</v>
      </c>
      <c r="KY32" s="119">
        <v>0</v>
      </c>
      <c r="KZ32" s="120">
        <v>0</v>
      </c>
      <c r="LA32" s="145"/>
      <c r="LB32" s="119">
        <v>0</v>
      </c>
      <c r="LC32" s="119">
        <v>0</v>
      </c>
      <c r="LD32" s="119">
        <v>0</v>
      </c>
      <c r="LE32" s="119">
        <v>0</v>
      </c>
      <c r="LF32" s="119">
        <v>0</v>
      </c>
      <c r="LG32" s="120">
        <v>0</v>
      </c>
      <c r="LH32" s="121">
        <v>0</v>
      </c>
      <c r="LI32" s="142">
        <v>0</v>
      </c>
      <c r="LJ32" s="119">
        <v>0</v>
      </c>
      <c r="LK32" s="120">
        <v>0</v>
      </c>
      <c r="LL32" s="145"/>
      <c r="LM32" s="119">
        <v>0</v>
      </c>
      <c r="LN32" s="119">
        <v>0</v>
      </c>
      <c r="LO32" s="119">
        <v>0</v>
      </c>
      <c r="LP32" s="119">
        <v>0</v>
      </c>
      <c r="LQ32" s="119">
        <v>0</v>
      </c>
      <c r="LR32" s="120">
        <v>0</v>
      </c>
      <c r="LS32" s="321">
        <v>0</v>
      </c>
      <c r="LT32" s="142">
        <v>0</v>
      </c>
      <c r="LU32" s="119">
        <v>0</v>
      </c>
      <c r="LV32" s="120">
        <v>0</v>
      </c>
      <c r="LW32" s="145"/>
      <c r="LX32" s="119">
        <v>0</v>
      </c>
      <c r="LY32" s="119">
        <v>0</v>
      </c>
      <c r="LZ32" s="119">
        <v>0</v>
      </c>
      <c r="MA32" s="119">
        <v>0</v>
      </c>
      <c r="MB32" s="119">
        <v>0</v>
      </c>
      <c r="MC32" s="120">
        <v>0</v>
      </c>
      <c r="MD32" s="121">
        <v>0</v>
      </c>
      <c r="ME32" s="142">
        <v>0</v>
      </c>
      <c r="MF32" s="119">
        <v>0</v>
      </c>
      <c r="MG32" s="120">
        <v>0</v>
      </c>
      <c r="MH32" s="145"/>
      <c r="MI32" s="119">
        <v>32081</v>
      </c>
      <c r="MJ32" s="119">
        <v>0</v>
      </c>
      <c r="MK32" s="119">
        <v>610991</v>
      </c>
      <c r="ML32" s="119">
        <v>480531</v>
      </c>
      <c r="MM32" s="119">
        <v>0</v>
      </c>
      <c r="MN32" s="120">
        <v>1123603</v>
      </c>
      <c r="MO32" s="143">
        <v>1123603</v>
      </c>
      <c r="MP32" s="142">
        <v>0</v>
      </c>
      <c r="MQ32" s="119">
        <v>0</v>
      </c>
      <c r="MR32" s="120">
        <v>0</v>
      </c>
      <c r="MS32" s="145"/>
      <c r="MT32" s="119">
        <v>0</v>
      </c>
      <c r="MU32" s="119">
        <v>0</v>
      </c>
      <c r="MV32" s="119">
        <v>374524</v>
      </c>
      <c r="MW32" s="119">
        <v>237301</v>
      </c>
      <c r="MX32" s="119">
        <v>0</v>
      </c>
      <c r="MY32" s="120">
        <v>611825</v>
      </c>
      <c r="MZ32" s="143">
        <v>611825</v>
      </c>
      <c r="NA32" s="142">
        <v>0</v>
      </c>
      <c r="NB32" s="119">
        <v>0</v>
      </c>
      <c r="NC32" s="120">
        <v>0</v>
      </c>
      <c r="ND32" s="145"/>
      <c r="NE32" s="119">
        <v>32081</v>
      </c>
      <c r="NF32" s="119">
        <v>0</v>
      </c>
      <c r="NG32" s="119">
        <v>236467</v>
      </c>
      <c r="NH32" s="119">
        <v>247802</v>
      </c>
      <c r="NI32" s="119">
        <v>0</v>
      </c>
      <c r="NJ32" s="120">
        <v>516350</v>
      </c>
      <c r="NK32" s="321">
        <v>516350</v>
      </c>
      <c r="NL32" s="142">
        <v>0</v>
      </c>
      <c r="NM32" s="119">
        <v>0</v>
      </c>
      <c r="NN32" s="120">
        <v>0</v>
      </c>
      <c r="NO32" s="145"/>
      <c r="NP32" s="119">
        <v>0</v>
      </c>
      <c r="NQ32" s="119">
        <v>0</v>
      </c>
      <c r="NR32" s="119">
        <v>0</v>
      </c>
      <c r="NS32" s="119">
        <v>0</v>
      </c>
      <c r="NT32" s="119">
        <v>0</v>
      </c>
      <c r="NU32" s="120">
        <v>0</v>
      </c>
      <c r="NV32" s="121">
        <v>0</v>
      </c>
      <c r="NW32" s="142">
        <v>0</v>
      </c>
      <c r="NX32" s="119">
        <v>0</v>
      </c>
      <c r="NY32" s="120">
        <v>0</v>
      </c>
      <c r="NZ32" s="145"/>
      <c r="OA32" s="119">
        <v>0</v>
      </c>
      <c r="OB32" s="119">
        <v>0</v>
      </c>
      <c r="OC32" s="119">
        <v>0</v>
      </c>
      <c r="OD32" s="119">
        <v>-4572</v>
      </c>
      <c r="OE32" s="119">
        <v>0</v>
      </c>
      <c r="OF32" s="120">
        <v>-4572</v>
      </c>
      <c r="OG32" s="121">
        <v>-4572</v>
      </c>
      <c r="OH32" s="142">
        <v>244198</v>
      </c>
      <c r="OI32" s="119">
        <v>447282</v>
      </c>
      <c r="OJ32" s="141">
        <v>691480</v>
      </c>
      <c r="OK32" s="118">
        <v>0</v>
      </c>
      <c r="OL32" s="119">
        <v>955772</v>
      </c>
      <c r="OM32" s="119">
        <v>430322</v>
      </c>
      <c r="ON32" s="119">
        <v>2341913</v>
      </c>
      <c r="OO32" s="119">
        <v>1282887</v>
      </c>
      <c r="OP32" s="119">
        <v>514872</v>
      </c>
      <c r="OQ32" s="120">
        <v>5525766</v>
      </c>
      <c r="OR32" s="143">
        <v>6217246</v>
      </c>
    </row>
    <row r="33" spans="1:408" ht="20.25" customHeight="1" x14ac:dyDescent="0.2">
      <c r="A33" s="126" t="s">
        <v>28</v>
      </c>
      <c r="B33" s="110">
        <v>1610</v>
      </c>
      <c r="C33" s="114">
        <v>47467</v>
      </c>
      <c r="D33" s="113">
        <v>49077</v>
      </c>
      <c r="E33" s="109">
        <v>0</v>
      </c>
      <c r="F33" s="114">
        <v>281784</v>
      </c>
      <c r="G33" s="114">
        <v>280108</v>
      </c>
      <c r="H33" s="114">
        <v>194143</v>
      </c>
      <c r="I33" s="114">
        <v>202611</v>
      </c>
      <c r="J33" s="114">
        <v>294654</v>
      </c>
      <c r="K33" s="173">
        <v>1253300</v>
      </c>
      <c r="L33" s="116">
        <v>1302377</v>
      </c>
      <c r="M33" s="110">
        <v>0</v>
      </c>
      <c r="N33" s="114">
        <v>0</v>
      </c>
      <c r="O33" s="113">
        <v>0</v>
      </c>
      <c r="P33" s="110">
        <v>0</v>
      </c>
      <c r="Q33" s="114">
        <v>92793</v>
      </c>
      <c r="R33" s="114">
        <v>128083</v>
      </c>
      <c r="S33" s="114">
        <v>19082</v>
      </c>
      <c r="T33" s="114">
        <v>4004</v>
      </c>
      <c r="U33" s="114">
        <v>8400</v>
      </c>
      <c r="V33" s="113">
        <v>252362</v>
      </c>
      <c r="W33" s="116">
        <v>252362</v>
      </c>
      <c r="X33" s="110">
        <v>0</v>
      </c>
      <c r="Y33" s="114">
        <v>0</v>
      </c>
      <c r="Z33" s="113">
        <v>0</v>
      </c>
      <c r="AA33" s="110">
        <v>0</v>
      </c>
      <c r="AB33" s="114">
        <v>15266</v>
      </c>
      <c r="AC33" s="114">
        <v>85069</v>
      </c>
      <c r="AD33" s="114">
        <v>0</v>
      </c>
      <c r="AE33" s="114">
        <v>0</v>
      </c>
      <c r="AF33" s="114">
        <v>0</v>
      </c>
      <c r="AG33" s="113">
        <v>100335</v>
      </c>
      <c r="AH33" s="116">
        <v>100335</v>
      </c>
      <c r="AI33" s="110">
        <v>0</v>
      </c>
      <c r="AJ33" s="114">
        <v>0</v>
      </c>
      <c r="AK33" s="113">
        <v>0</v>
      </c>
      <c r="AL33" s="110">
        <v>0</v>
      </c>
      <c r="AM33" s="114">
        <v>0</v>
      </c>
      <c r="AN33" s="114">
        <v>0</v>
      </c>
      <c r="AO33" s="114">
        <v>0</v>
      </c>
      <c r="AP33" s="114">
        <v>0</v>
      </c>
      <c r="AQ33" s="114">
        <v>0</v>
      </c>
      <c r="AR33" s="113">
        <v>0</v>
      </c>
      <c r="AS33" s="116">
        <v>0</v>
      </c>
      <c r="AT33" s="110">
        <v>0</v>
      </c>
      <c r="AU33" s="114">
        <v>0</v>
      </c>
      <c r="AV33" s="113">
        <v>0</v>
      </c>
      <c r="AW33" s="110">
        <v>0</v>
      </c>
      <c r="AX33" s="114">
        <v>0</v>
      </c>
      <c r="AY33" s="114">
        <v>25696</v>
      </c>
      <c r="AZ33" s="114">
        <v>10682</v>
      </c>
      <c r="BA33" s="114">
        <v>0</v>
      </c>
      <c r="BB33" s="114">
        <v>0</v>
      </c>
      <c r="BC33" s="113">
        <v>36378</v>
      </c>
      <c r="BD33" s="116">
        <v>36378</v>
      </c>
      <c r="BE33" s="110">
        <v>0</v>
      </c>
      <c r="BF33" s="114">
        <v>0</v>
      </c>
      <c r="BG33" s="112">
        <v>0</v>
      </c>
      <c r="BH33" s="111">
        <v>0</v>
      </c>
      <c r="BI33" s="114">
        <v>69127</v>
      </c>
      <c r="BJ33" s="114">
        <v>0</v>
      </c>
      <c r="BK33" s="114">
        <v>0</v>
      </c>
      <c r="BL33" s="114">
        <v>0</v>
      </c>
      <c r="BM33" s="114">
        <v>0</v>
      </c>
      <c r="BN33" s="113">
        <v>69127</v>
      </c>
      <c r="BO33" s="116">
        <v>69127</v>
      </c>
      <c r="BP33" s="110">
        <v>0</v>
      </c>
      <c r="BQ33" s="114">
        <v>0</v>
      </c>
      <c r="BR33" s="113">
        <v>0</v>
      </c>
      <c r="BS33" s="110">
        <v>0</v>
      </c>
      <c r="BT33" s="114">
        <v>8400</v>
      </c>
      <c r="BU33" s="114">
        <v>17318</v>
      </c>
      <c r="BV33" s="114">
        <v>8400</v>
      </c>
      <c r="BW33" s="114">
        <v>4004</v>
      </c>
      <c r="BX33" s="114">
        <v>8400</v>
      </c>
      <c r="BY33" s="113">
        <v>46522</v>
      </c>
      <c r="BZ33" s="116">
        <v>46522</v>
      </c>
      <c r="CA33" s="110">
        <v>0</v>
      </c>
      <c r="CB33" s="114">
        <v>34867</v>
      </c>
      <c r="CC33" s="113">
        <v>34867</v>
      </c>
      <c r="CD33" s="110">
        <v>0</v>
      </c>
      <c r="CE33" s="114">
        <v>32830</v>
      </c>
      <c r="CF33" s="114">
        <v>109703</v>
      </c>
      <c r="CG33" s="114">
        <v>0</v>
      </c>
      <c r="CH33" s="114">
        <v>34398</v>
      </c>
      <c r="CI33" s="114">
        <v>30352</v>
      </c>
      <c r="CJ33" s="113">
        <v>207283</v>
      </c>
      <c r="CK33" s="116">
        <v>242150</v>
      </c>
      <c r="CL33" s="110">
        <v>0</v>
      </c>
      <c r="CM33" s="114">
        <v>0</v>
      </c>
      <c r="CN33" s="113">
        <v>0</v>
      </c>
      <c r="CO33" s="111">
        <v>0</v>
      </c>
      <c r="CP33" s="114">
        <v>32830</v>
      </c>
      <c r="CQ33" s="114">
        <v>89725</v>
      </c>
      <c r="CR33" s="114">
        <v>0</v>
      </c>
      <c r="CS33" s="114">
        <v>34398</v>
      </c>
      <c r="CT33" s="114">
        <v>0</v>
      </c>
      <c r="CU33" s="113">
        <v>156953</v>
      </c>
      <c r="CV33" s="116">
        <v>156953</v>
      </c>
      <c r="CW33" s="110">
        <v>0</v>
      </c>
      <c r="CX33" s="114">
        <v>34867</v>
      </c>
      <c r="CY33" s="113">
        <v>34867</v>
      </c>
      <c r="CZ33" s="110">
        <v>0</v>
      </c>
      <c r="DA33" s="114">
        <v>0</v>
      </c>
      <c r="DB33" s="114">
        <v>19978</v>
      </c>
      <c r="DC33" s="114">
        <v>0</v>
      </c>
      <c r="DD33" s="114">
        <v>0</v>
      </c>
      <c r="DE33" s="114">
        <v>30352</v>
      </c>
      <c r="DF33" s="113">
        <v>50330</v>
      </c>
      <c r="DG33" s="116">
        <v>85197</v>
      </c>
      <c r="DH33" s="110">
        <v>0</v>
      </c>
      <c r="DI33" s="114">
        <v>0</v>
      </c>
      <c r="DJ33" s="112">
        <v>0</v>
      </c>
      <c r="DK33" s="111">
        <v>0</v>
      </c>
      <c r="DL33" s="114">
        <v>0</v>
      </c>
      <c r="DM33" s="114">
        <v>0</v>
      </c>
      <c r="DN33" s="114">
        <v>0</v>
      </c>
      <c r="DO33" s="114">
        <v>144959</v>
      </c>
      <c r="DP33" s="114">
        <v>0</v>
      </c>
      <c r="DQ33" s="113">
        <v>144959</v>
      </c>
      <c r="DR33" s="116">
        <v>144959</v>
      </c>
      <c r="DS33" s="110">
        <v>0</v>
      </c>
      <c r="DT33" s="114">
        <v>0</v>
      </c>
      <c r="DU33" s="113">
        <v>0</v>
      </c>
      <c r="DV33" s="110">
        <v>0</v>
      </c>
      <c r="DW33" s="114">
        <v>0</v>
      </c>
      <c r="DX33" s="114">
        <v>0</v>
      </c>
      <c r="DY33" s="114">
        <v>0</v>
      </c>
      <c r="DZ33" s="114">
        <v>144959</v>
      </c>
      <c r="EA33" s="114">
        <v>0</v>
      </c>
      <c r="EB33" s="113">
        <v>144959</v>
      </c>
      <c r="EC33" s="116">
        <v>144959</v>
      </c>
      <c r="ED33" s="110">
        <v>0</v>
      </c>
      <c r="EE33" s="112">
        <v>0</v>
      </c>
      <c r="EF33" s="113">
        <v>0</v>
      </c>
      <c r="EG33" s="110">
        <v>0</v>
      </c>
      <c r="EH33" s="114">
        <v>0</v>
      </c>
      <c r="EI33" s="114">
        <v>0</v>
      </c>
      <c r="EJ33" s="114">
        <v>0</v>
      </c>
      <c r="EK33" s="114">
        <v>0</v>
      </c>
      <c r="EL33" s="114">
        <v>0</v>
      </c>
      <c r="EM33" s="112">
        <v>0</v>
      </c>
      <c r="EN33" s="116">
        <v>0</v>
      </c>
      <c r="EO33" s="110">
        <v>0</v>
      </c>
      <c r="EP33" s="114">
        <v>0</v>
      </c>
      <c r="EQ33" s="112">
        <v>0</v>
      </c>
      <c r="ER33" s="111">
        <v>0</v>
      </c>
      <c r="ES33" s="114">
        <v>0</v>
      </c>
      <c r="ET33" s="114">
        <v>0</v>
      </c>
      <c r="EU33" s="114">
        <v>0</v>
      </c>
      <c r="EV33" s="114">
        <v>0</v>
      </c>
      <c r="EW33" s="114">
        <v>0</v>
      </c>
      <c r="EX33" s="113">
        <v>0</v>
      </c>
      <c r="EY33" s="116">
        <v>0</v>
      </c>
      <c r="EZ33" s="110">
        <v>0</v>
      </c>
      <c r="FA33" s="114">
        <v>0</v>
      </c>
      <c r="FB33" s="112">
        <v>0</v>
      </c>
      <c r="FC33" s="348"/>
      <c r="FD33" s="114">
        <v>0</v>
      </c>
      <c r="FE33" s="114">
        <v>0</v>
      </c>
      <c r="FF33" s="114">
        <v>0</v>
      </c>
      <c r="FG33" s="114">
        <v>0</v>
      </c>
      <c r="FH33" s="114">
        <v>0</v>
      </c>
      <c r="FI33" s="113">
        <v>0</v>
      </c>
      <c r="FJ33" s="116">
        <v>0</v>
      </c>
      <c r="FK33" s="110">
        <v>1610</v>
      </c>
      <c r="FL33" s="114">
        <v>12600</v>
      </c>
      <c r="FM33" s="113">
        <v>14210</v>
      </c>
      <c r="FN33" s="110">
        <v>0</v>
      </c>
      <c r="FO33" s="114">
        <v>17850</v>
      </c>
      <c r="FP33" s="114">
        <v>42322</v>
      </c>
      <c r="FQ33" s="114">
        <v>7350</v>
      </c>
      <c r="FR33" s="114">
        <v>19250</v>
      </c>
      <c r="FS33" s="114">
        <v>45150</v>
      </c>
      <c r="FT33" s="113">
        <v>131922</v>
      </c>
      <c r="FU33" s="116">
        <v>146132</v>
      </c>
      <c r="FV33" s="115">
        <v>1610</v>
      </c>
      <c r="FW33" s="114">
        <v>12600</v>
      </c>
      <c r="FX33" s="112">
        <v>14210</v>
      </c>
      <c r="FY33" s="111">
        <v>0</v>
      </c>
      <c r="FZ33" s="114">
        <v>17850</v>
      </c>
      <c r="GA33" s="114">
        <v>42322</v>
      </c>
      <c r="GB33" s="114">
        <v>7350</v>
      </c>
      <c r="GC33" s="114">
        <v>19250</v>
      </c>
      <c r="GD33" s="114">
        <v>45150</v>
      </c>
      <c r="GE33" s="113">
        <v>131922</v>
      </c>
      <c r="GF33" s="319">
        <v>146132</v>
      </c>
      <c r="GG33" s="115">
        <v>0</v>
      </c>
      <c r="GH33" s="114">
        <v>0</v>
      </c>
      <c r="GI33" s="112">
        <v>0</v>
      </c>
      <c r="GJ33" s="111">
        <v>0</v>
      </c>
      <c r="GK33" s="114">
        <v>0</v>
      </c>
      <c r="GL33" s="114">
        <v>0</v>
      </c>
      <c r="GM33" s="114">
        <v>0</v>
      </c>
      <c r="GN33" s="114">
        <v>0</v>
      </c>
      <c r="GO33" s="114">
        <v>0</v>
      </c>
      <c r="GP33" s="113">
        <v>0</v>
      </c>
      <c r="GQ33" s="116">
        <v>0</v>
      </c>
      <c r="GR33" s="110">
        <v>0</v>
      </c>
      <c r="GS33" s="114">
        <v>0</v>
      </c>
      <c r="GT33" s="113">
        <v>0</v>
      </c>
      <c r="GU33" s="110">
        <v>0</v>
      </c>
      <c r="GV33" s="114">
        <v>0</v>
      </c>
      <c r="GW33" s="114">
        <v>0</v>
      </c>
      <c r="GX33" s="114">
        <v>0</v>
      </c>
      <c r="GY33" s="114">
        <v>0</v>
      </c>
      <c r="GZ33" s="114">
        <v>0</v>
      </c>
      <c r="HA33" s="112">
        <v>0</v>
      </c>
      <c r="HB33" s="116">
        <v>0</v>
      </c>
      <c r="HC33" s="110">
        <v>0</v>
      </c>
      <c r="HD33" s="114">
        <v>0</v>
      </c>
      <c r="HE33" s="112">
        <v>0</v>
      </c>
      <c r="HF33" s="111">
        <v>0</v>
      </c>
      <c r="HG33" s="114">
        <v>138311</v>
      </c>
      <c r="HH33" s="114">
        <v>0</v>
      </c>
      <c r="HI33" s="114">
        <v>167711</v>
      </c>
      <c r="HJ33" s="114">
        <v>0</v>
      </c>
      <c r="HK33" s="114">
        <v>210752</v>
      </c>
      <c r="HL33" s="113">
        <v>516774</v>
      </c>
      <c r="HM33" s="109">
        <v>516774</v>
      </c>
      <c r="HN33" s="329"/>
      <c r="HO33" s="330"/>
      <c r="HP33" s="331"/>
      <c r="HQ33" s="332"/>
      <c r="HR33" s="330"/>
      <c r="HS33" s="330"/>
      <c r="HT33" s="330"/>
      <c r="HU33" s="330"/>
      <c r="HV33" s="330"/>
      <c r="HW33" s="333"/>
      <c r="HX33" s="334"/>
      <c r="HY33" s="131">
        <v>0</v>
      </c>
      <c r="HZ33" s="132">
        <v>0</v>
      </c>
      <c r="IA33" s="133">
        <v>0</v>
      </c>
      <c r="IB33" s="146">
        <v>0</v>
      </c>
      <c r="IC33" s="132">
        <v>122913</v>
      </c>
      <c r="ID33" s="147">
        <v>32354</v>
      </c>
      <c r="IE33" s="133">
        <v>0</v>
      </c>
      <c r="IF33" s="132">
        <v>0</v>
      </c>
      <c r="IG33" s="133">
        <v>0</v>
      </c>
      <c r="IH33" s="148">
        <v>155267</v>
      </c>
      <c r="II33" s="139">
        <v>155267</v>
      </c>
      <c r="IJ33" s="232">
        <v>0</v>
      </c>
      <c r="IK33" s="236">
        <v>0</v>
      </c>
      <c r="IL33" s="237">
        <v>0</v>
      </c>
      <c r="IM33" s="140"/>
      <c r="IN33" s="119">
        <v>0</v>
      </c>
      <c r="IO33" s="119">
        <v>0</v>
      </c>
      <c r="IP33" s="119">
        <v>0</v>
      </c>
      <c r="IQ33" s="119">
        <v>0</v>
      </c>
      <c r="IR33" s="119">
        <v>0</v>
      </c>
      <c r="IS33" s="141">
        <v>0</v>
      </c>
      <c r="IT33" s="321">
        <v>0</v>
      </c>
      <c r="IU33" s="142">
        <v>0</v>
      </c>
      <c r="IV33" s="119">
        <v>0</v>
      </c>
      <c r="IW33" s="120">
        <v>0</v>
      </c>
      <c r="IX33" s="144"/>
      <c r="IY33" s="119">
        <v>0</v>
      </c>
      <c r="IZ33" s="119">
        <v>0</v>
      </c>
      <c r="JA33" s="119">
        <v>0</v>
      </c>
      <c r="JB33" s="119">
        <v>0</v>
      </c>
      <c r="JC33" s="119">
        <v>0</v>
      </c>
      <c r="JD33" s="120">
        <v>0</v>
      </c>
      <c r="JE33" s="121">
        <v>0</v>
      </c>
      <c r="JF33" s="142">
        <v>0</v>
      </c>
      <c r="JG33" s="119">
        <v>0</v>
      </c>
      <c r="JH33" s="141">
        <v>0</v>
      </c>
      <c r="JI33" s="118">
        <v>0</v>
      </c>
      <c r="JJ33" s="119">
        <v>122913</v>
      </c>
      <c r="JK33" s="119">
        <v>32354</v>
      </c>
      <c r="JL33" s="119">
        <v>0</v>
      </c>
      <c r="JM33" s="119">
        <v>0</v>
      </c>
      <c r="JN33" s="119">
        <v>0</v>
      </c>
      <c r="JO33" s="120">
        <v>155267</v>
      </c>
      <c r="JP33" s="321">
        <v>155267</v>
      </c>
      <c r="JQ33" s="142">
        <v>0</v>
      </c>
      <c r="JR33" s="119">
        <v>0</v>
      </c>
      <c r="JS33" s="141">
        <v>0</v>
      </c>
      <c r="JT33" s="118">
        <v>0</v>
      </c>
      <c r="JU33" s="119">
        <v>0</v>
      </c>
      <c r="JV33" s="119">
        <v>0</v>
      </c>
      <c r="JW33" s="119">
        <v>0</v>
      </c>
      <c r="JX33" s="119">
        <v>0</v>
      </c>
      <c r="JY33" s="119">
        <v>0</v>
      </c>
      <c r="JZ33" s="120">
        <v>0</v>
      </c>
      <c r="KA33" s="321">
        <v>0</v>
      </c>
      <c r="KB33" s="234">
        <v>0</v>
      </c>
      <c r="KC33" s="230">
        <v>0</v>
      </c>
      <c r="KD33" s="120">
        <v>0</v>
      </c>
      <c r="KE33" s="118">
        <v>0</v>
      </c>
      <c r="KF33" s="119">
        <v>0</v>
      </c>
      <c r="KG33" s="119">
        <v>0</v>
      </c>
      <c r="KH33" s="119">
        <v>0</v>
      </c>
      <c r="KI33" s="119">
        <v>0</v>
      </c>
      <c r="KJ33" s="119">
        <v>0</v>
      </c>
      <c r="KK33" s="120">
        <v>0</v>
      </c>
      <c r="KL33" s="143">
        <v>0</v>
      </c>
      <c r="KM33" s="232">
        <v>0</v>
      </c>
      <c r="KN33" s="236">
        <v>0</v>
      </c>
      <c r="KO33" s="237">
        <v>0</v>
      </c>
      <c r="KP33" s="140"/>
      <c r="KQ33" s="119">
        <v>0</v>
      </c>
      <c r="KR33" s="119">
        <v>0</v>
      </c>
      <c r="KS33" s="119">
        <v>0</v>
      </c>
      <c r="KT33" s="119">
        <v>0</v>
      </c>
      <c r="KU33" s="119">
        <v>0</v>
      </c>
      <c r="KV33" s="120">
        <v>0</v>
      </c>
      <c r="KW33" s="321">
        <v>0</v>
      </c>
      <c r="KX33" s="142">
        <v>0</v>
      </c>
      <c r="KY33" s="119">
        <v>0</v>
      </c>
      <c r="KZ33" s="120">
        <v>0</v>
      </c>
      <c r="LA33" s="145"/>
      <c r="LB33" s="119">
        <v>0</v>
      </c>
      <c r="LC33" s="119">
        <v>0</v>
      </c>
      <c r="LD33" s="119">
        <v>0</v>
      </c>
      <c r="LE33" s="119">
        <v>0</v>
      </c>
      <c r="LF33" s="119">
        <v>0</v>
      </c>
      <c r="LG33" s="120">
        <v>0</v>
      </c>
      <c r="LH33" s="121">
        <v>0</v>
      </c>
      <c r="LI33" s="142">
        <v>0</v>
      </c>
      <c r="LJ33" s="119">
        <v>0</v>
      </c>
      <c r="LK33" s="120">
        <v>0</v>
      </c>
      <c r="LL33" s="145"/>
      <c r="LM33" s="119">
        <v>0</v>
      </c>
      <c r="LN33" s="119">
        <v>0</v>
      </c>
      <c r="LO33" s="119">
        <v>0</v>
      </c>
      <c r="LP33" s="119">
        <v>0</v>
      </c>
      <c r="LQ33" s="119">
        <v>0</v>
      </c>
      <c r="LR33" s="120">
        <v>0</v>
      </c>
      <c r="LS33" s="321">
        <v>0</v>
      </c>
      <c r="LT33" s="142">
        <v>0</v>
      </c>
      <c r="LU33" s="119">
        <v>0</v>
      </c>
      <c r="LV33" s="120">
        <v>0</v>
      </c>
      <c r="LW33" s="145"/>
      <c r="LX33" s="119">
        <v>0</v>
      </c>
      <c r="LY33" s="119">
        <v>0</v>
      </c>
      <c r="LZ33" s="119">
        <v>0</v>
      </c>
      <c r="MA33" s="119">
        <v>0</v>
      </c>
      <c r="MB33" s="119">
        <v>0</v>
      </c>
      <c r="MC33" s="120">
        <v>0</v>
      </c>
      <c r="MD33" s="121">
        <v>0</v>
      </c>
      <c r="ME33" s="142">
        <v>0</v>
      </c>
      <c r="MF33" s="119">
        <v>0</v>
      </c>
      <c r="MG33" s="120">
        <v>0</v>
      </c>
      <c r="MH33" s="145"/>
      <c r="MI33" s="119">
        <v>0</v>
      </c>
      <c r="MJ33" s="119">
        <v>0</v>
      </c>
      <c r="MK33" s="119">
        <v>273541</v>
      </c>
      <c r="ML33" s="119">
        <v>406592</v>
      </c>
      <c r="MM33" s="119">
        <v>257257</v>
      </c>
      <c r="MN33" s="120">
        <v>937390</v>
      </c>
      <c r="MO33" s="143">
        <v>937390</v>
      </c>
      <c r="MP33" s="142">
        <v>0</v>
      </c>
      <c r="MQ33" s="119">
        <v>0</v>
      </c>
      <c r="MR33" s="120">
        <v>0</v>
      </c>
      <c r="MS33" s="145"/>
      <c r="MT33" s="119">
        <v>0</v>
      </c>
      <c r="MU33" s="119">
        <v>0</v>
      </c>
      <c r="MV33" s="119">
        <v>0</v>
      </c>
      <c r="MW33" s="119">
        <v>216675</v>
      </c>
      <c r="MX33" s="119">
        <v>0</v>
      </c>
      <c r="MY33" s="120">
        <v>216675</v>
      </c>
      <c r="MZ33" s="143">
        <v>216675</v>
      </c>
      <c r="NA33" s="142">
        <v>0</v>
      </c>
      <c r="NB33" s="119">
        <v>0</v>
      </c>
      <c r="NC33" s="120">
        <v>0</v>
      </c>
      <c r="ND33" s="145"/>
      <c r="NE33" s="119">
        <v>0</v>
      </c>
      <c r="NF33" s="119">
        <v>0</v>
      </c>
      <c r="NG33" s="119">
        <v>273541</v>
      </c>
      <c r="NH33" s="119">
        <v>189917</v>
      </c>
      <c r="NI33" s="119">
        <v>257257</v>
      </c>
      <c r="NJ33" s="120">
        <v>720715</v>
      </c>
      <c r="NK33" s="321">
        <v>720715</v>
      </c>
      <c r="NL33" s="142">
        <v>0</v>
      </c>
      <c r="NM33" s="119">
        <v>0</v>
      </c>
      <c r="NN33" s="120">
        <v>0</v>
      </c>
      <c r="NO33" s="145"/>
      <c r="NP33" s="119">
        <v>0</v>
      </c>
      <c r="NQ33" s="119">
        <v>0</v>
      </c>
      <c r="NR33" s="119">
        <v>0</v>
      </c>
      <c r="NS33" s="119">
        <v>0</v>
      </c>
      <c r="NT33" s="119">
        <v>0</v>
      </c>
      <c r="NU33" s="120">
        <v>0</v>
      </c>
      <c r="NV33" s="121">
        <v>0</v>
      </c>
      <c r="NW33" s="142">
        <v>0</v>
      </c>
      <c r="NX33" s="119">
        <v>0</v>
      </c>
      <c r="NY33" s="120">
        <v>0</v>
      </c>
      <c r="NZ33" s="145"/>
      <c r="OA33" s="119">
        <v>0</v>
      </c>
      <c r="OB33" s="119">
        <v>0</v>
      </c>
      <c r="OC33" s="119">
        <v>0</v>
      </c>
      <c r="OD33" s="119">
        <v>0</v>
      </c>
      <c r="OE33" s="119">
        <v>0</v>
      </c>
      <c r="OF33" s="120">
        <v>0</v>
      </c>
      <c r="OG33" s="121">
        <v>0</v>
      </c>
      <c r="OH33" s="142">
        <v>1610</v>
      </c>
      <c r="OI33" s="119">
        <v>47467</v>
      </c>
      <c r="OJ33" s="141">
        <v>49077</v>
      </c>
      <c r="OK33" s="118">
        <v>0</v>
      </c>
      <c r="OL33" s="119">
        <v>404697</v>
      </c>
      <c r="OM33" s="119">
        <v>312462</v>
      </c>
      <c r="ON33" s="119">
        <v>467684</v>
      </c>
      <c r="OO33" s="119">
        <v>609203</v>
      </c>
      <c r="OP33" s="119">
        <v>551911</v>
      </c>
      <c r="OQ33" s="120">
        <v>2345957</v>
      </c>
      <c r="OR33" s="143">
        <v>2395034</v>
      </c>
    </row>
    <row r="34" spans="1:408" ht="20.25" customHeight="1" x14ac:dyDescent="0.2">
      <c r="A34" s="126" t="s">
        <v>29</v>
      </c>
      <c r="B34" s="110">
        <v>16730</v>
      </c>
      <c r="C34" s="114">
        <v>5250</v>
      </c>
      <c r="D34" s="113">
        <v>21980</v>
      </c>
      <c r="E34" s="109">
        <v>0</v>
      </c>
      <c r="F34" s="114">
        <v>213577</v>
      </c>
      <c r="G34" s="114">
        <v>319120</v>
      </c>
      <c r="H34" s="114">
        <v>493642</v>
      </c>
      <c r="I34" s="114">
        <v>192179</v>
      </c>
      <c r="J34" s="114">
        <v>0</v>
      </c>
      <c r="K34" s="173">
        <v>1218518</v>
      </c>
      <c r="L34" s="116">
        <v>1240498</v>
      </c>
      <c r="M34" s="110">
        <v>15330</v>
      </c>
      <c r="N34" s="114">
        <v>0</v>
      </c>
      <c r="O34" s="113">
        <v>15330</v>
      </c>
      <c r="P34" s="110">
        <v>0</v>
      </c>
      <c r="Q34" s="114">
        <v>49308</v>
      </c>
      <c r="R34" s="114">
        <v>131656</v>
      </c>
      <c r="S34" s="114">
        <v>177800</v>
      </c>
      <c r="T34" s="114">
        <v>8778</v>
      </c>
      <c r="U34" s="114">
        <v>0</v>
      </c>
      <c r="V34" s="113">
        <v>367542</v>
      </c>
      <c r="W34" s="116">
        <v>382872</v>
      </c>
      <c r="X34" s="110">
        <v>0</v>
      </c>
      <c r="Y34" s="114">
        <v>0</v>
      </c>
      <c r="Z34" s="113">
        <v>0</v>
      </c>
      <c r="AA34" s="110">
        <v>0</v>
      </c>
      <c r="AB34" s="114">
        <v>12222</v>
      </c>
      <c r="AC34" s="114">
        <v>61383</v>
      </c>
      <c r="AD34" s="114">
        <v>0</v>
      </c>
      <c r="AE34" s="114">
        <v>0</v>
      </c>
      <c r="AF34" s="114">
        <v>0</v>
      </c>
      <c r="AG34" s="113">
        <v>73605</v>
      </c>
      <c r="AH34" s="116">
        <v>73605</v>
      </c>
      <c r="AI34" s="110">
        <v>0</v>
      </c>
      <c r="AJ34" s="114">
        <v>0</v>
      </c>
      <c r="AK34" s="113">
        <v>0</v>
      </c>
      <c r="AL34" s="110">
        <v>0</v>
      </c>
      <c r="AM34" s="114">
        <v>0</v>
      </c>
      <c r="AN34" s="114">
        <v>0</v>
      </c>
      <c r="AO34" s="114">
        <v>47320</v>
      </c>
      <c r="AP34" s="114">
        <v>0</v>
      </c>
      <c r="AQ34" s="114">
        <v>0</v>
      </c>
      <c r="AR34" s="113">
        <v>47320</v>
      </c>
      <c r="AS34" s="116">
        <v>47320</v>
      </c>
      <c r="AT34" s="110">
        <v>15330</v>
      </c>
      <c r="AU34" s="114">
        <v>0</v>
      </c>
      <c r="AV34" s="113">
        <v>15330</v>
      </c>
      <c r="AW34" s="110">
        <v>0</v>
      </c>
      <c r="AX34" s="114">
        <v>28686</v>
      </c>
      <c r="AY34" s="114">
        <v>36918</v>
      </c>
      <c r="AZ34" s="114">
        <v>117306</v>
      </c>
      <c r="BA34" s="114">
        <v>0</v>
      </c>
      <c r="BB34" s="114">
        <v>0</v>
      </c>
      <c r="BC34" s="113">
        <v>182910</v>
      </c>
      <c r="BD34" s="116">
        <v>198240</v>
      </c>
      <c r="BE34" s="110">
        <v>0</v>
      </c>
      <c r="BF34" s="114">
        <v>0</v>
      </c>
      <c r="BG34" s="112">
        <v>0</v>
      </c>
      <c r="BH34" s="111">
        <v>0</v>
      </c>
      <c r="BI34" s="114">
        <v>0</v>
      </c>
      <c r="BJ34" s="114">
        <v>26768</v>
      </c>
      <c r="BK34" s="114">
        <v>0</v>
      </c>
      <c r="BL34" s="114">
        <v>0</v>
      </c>
      <c r="BM34" s="114">
        <v>0</v>
      </c>
      <c r="BN34" s="113">
        <v>26768</v>
      </c>
      <c r="BO34" s="116">
        <v>26768</v>
      </c>
      <c r="BP34" s="110">
        <v>0</v>
      </c>
      <c r="BQ34" s="114">
        <v>0</v>
      </c>
      <c r="BR34" s="113">
        <v>0</v>
      </c>
      <c r="BS34" s="110">
        <v>0</v>
      </c>
      <c r="BT34" s="114">
        <v>8400</v>
      </c>
      <c r="BU34" s="114">
        <v>6587</v>
      </c>
      <c r="BV34" s="114">
        <v>13174</v>
      </c>
      <c r="BW34" s="114">
        <v>8778</v>
      </c>
      <c r="BX34" s="114">
        <v>0</v>
      </c>
      <c r="BY34" s="113">
        <v>36939</v>
      </c>
      <c r="BZ34" s="116">
        <v>36939</v>
      </c>
      <c r="CA34" s="110">
        <v>0</v>
      </c>
      <c r="CB34" s="114">
        <v>0</v>
      </c>
      <c r="CC34" s="113">
        <v>0</v>
      </c>
      <c r="CD34" s="110">
        <v>0</v>
      </c>
      <c r="CE34" s="114">
        <v>0</v>
      </c>
      <c r="CF34" s="114">
        <v>19516</v>
      </c>
      <c r="CG34" s="114">
        <v>101892</v>
      </c>
      <c r="CH34" s="114">
        <v>0</v>
      </c>
      <c r="CI34" s="114">
        <v>0</v>
      </c>
      <c r="CJ34" s="113">
        <v>121408</v>
      </c>
      <c r="CK34" s="116">
        <v>121408</v>
      </c>
      <c r="CL34" s="110">
        <v>0</v>
      </c>
      <c r="CM34" s="114">
        <v>0</v>
      </c>
      <c r="CN34" s="113">
        <v>0</v>
      </c>
      <c r="CO34" s="111">
        <v>0</v>
      </c>
      <c r="CP34" s="114">
        <v>0</v>
      </c>
      <c r="CQ34" s="114">
        <v>0</v>
      </c>
      <c r="CR34" s="114">
        <v>59647</v>
      </c>
      <c r="CS34" s="114">
        <v>0</v>
      </c>
      <c r="CT34" s="114">
        <v>0</v>
      </c>
      <c r="CU34" s="113">
        <v>59647</v>
      </c>
      <c r="CV34" s="116">
        <v>59647</v>
      </c>
      <c r="CW34" s="110">
        <v>0</v>
      </c>
      <c r="CX34" s="114">
        <v>0</v>
      </c>
      <c r="CY34" s="113">
        <v>0</v>
      </c>
      <c r="CZ34" s="110">
        <v>0</v>
      </c>
      <c r="DA34" s="114">
        <v>0</v>
      </c>
      <c r="DB34" s="114">
        <v>19516</v>
      </c>
      <c r="DC34" s="114">
        <v>42245</v>
      </c>
      <c r="DD34" s="114">
        <v>0</v>
      </c>
      <c r="DE34" s="114">
        <v>0</v>
      </c>
      <c r="DF34" s="113">
        <v>61761</v>
      </c>
      <c r="DG34" s="116">
        <v>61761</v>
      </c>
      <c r="DH34" s="110">
        <v>0</v>
      </c>
      <c r="DI34" s="114">
        <v>0</v>
      </c>
      <c r="DJ34" s="112">
        <v>0</v>
      </c>
      <c r="DK34" s="111">
        <v>0</v>
      </c>
      <c r="DL34" s="114">
        <v>0</v>
      </c>
      <c r="DM34" s="114">
        <v>0</v>
      </c>
      <c r="DN34" s="114">
        <v>0</v>
      </c>
      <c r="DO34" s="114">
        <v>0</v>
      </c>
      <c r="DP34" s="114">
        <v>0</v>
      </c>
      <c r="DQ34" s="113">
        <v>0</v>
      </c>
      <c r="DR34" s="116">
        <v>0</v>
      </c>
      <c r="DS34" s="110">
        <v>0</v>
      </c>
      <c r="DT34" s="114">
        <v>0</v>
      </c>
      <c r="DU34" s="113">
        <v>0</v>
      </c>
      <c r="DV34" s="110">
        <v>0</v>
      </c>
      <c r="DW34" s="114">
        <v>0</v>
      </c>
      <c r="DX34" s="114">
        <v>0</v>
      </c>
      <c r="DY34" s="114">
        <v>0</v>
      </c>
      <c r="DZ34" s="114">
        <v>0</v>
      </c>
      <c r="EA34" s="114">
        <v>0</v>
      </c>
      <c r="EB34" s="113">
        <v>0</v>
      </c>
      <c r="EC34" s="116">
        <v>0</v>
      </c>
      <c r="ED34" s="110">
        <v>0</v>
      </c>
      <c r="EE34" s="112">
        <v>0</v>
      </c>
      <c r="EF34" s="113">
        <v>0</v>
      </c>
      <c r="EG34" s="110">
        <v>0</v>
      </c>
      <c r="EH34" s="114">
        <v>0</v>
      </c>
      <c r="EI34" s="114">
        <v>0</v>
      </c>
      <c r="EJ34" s="114">
        <v>0</v>
      </c>
      <c r="EK34" s="114">
        <v>0</v>
      </c>
      <c r="EL34" s="114">
        <v>0</v>
      </c>
      <c r="EM34" s="112">
        <v>0</v>
      </c>
      <c r="EN34" s="116">
        <v>0</v>
      </c>
      <c r="EO34" s="110">
        <v>0</v>
      </c>
      <c r="EP34" s="114">
        <v>0</v>
      </c>
      <c r="EQ34" s="112">
        <v>0</v>
      </c>
      <c r="ER34" s="111">
        <v>0</v>
      </c>
      <c r="ES34" s="114">
        <v>0</v>
      </c>
      <c r="ET34" s="114">
        <v>0</v>
      </c>
      <c r="EU34" s="114">
        <v>0</v>
      </c>
      <c r="EV34" s="114">
        <v>0</v>
      </c>
      <c r="EW34" s="114">
        <v>0</v>
      </c>
      <c r="EX34" s="113">
        <v>0</v>
      </c>
      <c r="EY34" s="116">
        <v>0</v>
      </c>
      <c r="EZ34" s="110">
        <v>0</v>
      </c>
      <c r="FA34" s="114">
        <v>0</v>
      </c>
      <c r="FB34" s="112">
        <v>0</v>
      </c>
      <c r="FC34" s="348"/>
      <c r="FD34" s="114">
        <v>0</v>
      </c>
      <c r="FE34" s="114">
        <v>0</v>
      </c>
      <c r="FF34" s="114">
        <v>0</v>
      </c>
      <c r="FG34" s="114">
        <v>0</v>
      </c>
      <c r="FH34" s="114">
        <v>0</v>
      </c>
      <c r="FI34" s="113">
        <v>0</v>
      </c>
      <c r="FJ34" s="116">
        <v>0</v>
      </c>
      <c r="FK34" s="110">
        <v>1400</v>
      </c>
      <c r="FL34" s="114">
        <v>5250</v>
      </c>
      <c r="FM34" s="113">
        <v>6650</v>
      </c>
      <c r="FN34" s="110">
        <v>0</v>
      </c>
      <c r="FO34" s="114">
        <v>30800</v>
      </c>
      <c r="FP34" s="114">
        <v>17150</v>
      </c>
      <c r="FQ34" s="114">
        <v>41580</v>
      </c>
      <c r="FR34" s="114">
        <v>0</v>
      </c>
      <c r="FS34" s="114">
        <v>0</v>
      </c>
      <c r="FT34" s="113">
        <v>89530</v>
      </c>
      <c r="FU34" s="116">
        <v>96180</v>
      </c>
      <c r="FV34" s="115">
        <v>1400</v>
      </c>
      <c r="FW34" s="114">
        <v>5250</v>
      </c>
      <c r="FX34" s="112">
        <v>6650</v>
      </c>
      <c r="FY34" s="111">
        <v>0</v>
      </c>
      <c r="FZ34" s="114">
        <v>30800</v>
      </c>
      <c r="GA34" s="114">
        <v>17150</v>
      </c>
      <c r="GB34" s="114">
        <v>41580</v>
      </c>
      <c r="GC34" s="114">
        <v>0</v>
      </c>
      <c r="GD34" s="114">
        <v>0</v>
      </c>
      <c r="GE34" s="113">
        <v>89530</v>
      </c>
      <c r="GF34" s="319">
        <v>96180</v>
      </c>
      <c r="GG34" s="115">
        <v>0</v>
      </c>
      <c r="GH34" s="114">
        <v>0</v>
      </c>
      <c r="GI34" s="112">
        <v>0</v>
      </c>
      <c r="GJ34" s="111">
        <v>0</v>
      </c>
      <c r="GK34" s="114">
        <v>0</v>
      </c>
      <c r="GL34" s="114">
        <v>0</v>
      </c>
      <c r="GM34" s="114">
        <v>0</v>
      </c>
      <c r="GN34" s="114">
        <v>0</v>
      </c>
      <c r="GO34" s="114">
        <v>0</v>
      </c>
      <c r="GP34" s="113">
        <v>0</v>
      </c>
      <c r="GQ34" s="116">
        <v>0</v>
      </c>
      <c r="GR34" s="110">
        <v>0</v>
      </c>
      <c r="GS34" s="114">
        <v>0</v>
      </c>
      <c r="GT34" s="113">
        <v>0</v>
      </c>
      <c r="GU34" s="110">
        <v>0</v>
      </c>
      <c r="GV34" s="114">
        <v>0</v>
      </c>
      <c r="GW34" s="114">
        <v>0</v>
      </c>
      <c r="GX34" s="114">
        <v>0</v>
      </c>
      <c r="GY34" s="114">
        <v>0</v>
      </c>
      <c r="GZ34" s="114">
        <v>0</v>
      </c>
      <c r="HA34" s="112">
        <v>0</v>
      </c>
      <c r="HB34" s="116">
        <v>0</v>
      </c>
      <c r="HC34" s="110">
        <v>0</v>
      </c>
      <c r="HD34" s="114">
        <v>0</v>
      </c>
      <c r="HE34" s="112">
        <v>0</v>
      </c>
      <c r="HF34" s="111">
        <v>0</v>
      </c>
      <c r="HG34" s="114">
        <v>133469</v>
      </c>
      <c r="HH34" s="114">
        <v>150798</v>
      </c>
      <c r="HI34" s="114">
        <v>172370</v>
      </c>
      <c r="HJ34" s="114">
        <v>183401</v>
      </c>
      <c r="HK34" s="114">
        <v>0</v>
      </c>
      <c r="HL34" s="113">
        <v>640038</v>
      </c>
      <c r="HM34" s="109">
        <v>640038</v>
      </c>
      <c r="HN34" s="329"/>
      <c r="HO34" s="330"/>
      <c r="HP34" s="331"/>
      <c r="HQ34" s="332"/>
      <c r="HR34" s="330"/>
      <c r="HS34" s="330"/>
      <c r="HT34" s="330"/>
      <c r="HU34" s="330"/>
      <c r="HV34" s="330"/>
      <c r="HW34" s="333"/>
      <c r="HX34" s="334"/>
      <c r="HY34" s="150">
        <v>0</v>
      </c>
      <c r="HZ34" s="135">
        <v>0</v>
      </c>
      <c r="IA34" s="150">
        <v>0</v>
      </c>
      <c r="IB34" s="134">
        <v>0</v>
      </c>
      <c r="IC34" s="135">
        <v>101087</v>
      </c>
      <c r="ID34" s="136">
        <v>20605</v>
      </c>
      <c r="IE34" s="137">
        <v>292215</v>
      </c>
      <c r="IF34" s="135">
        <v>0</v>
      </c>
      <c r="IG34" s="137">
        <v>0</v>
      </c>
      <c r="IH34" s="138">
        <v>413907</v>
      </c>
      <c r="II34" s="150">
        <v>413907</v>
      </c>
      <c r="IJ34" s="232">
        <v>0</v>
      </c>
      <c r="IK34" s="236">
        <v>0</v>
      </c>
      <c r="IL34" s="237">
        <v>0</v>
      </c>
      <c r="IM34" s="140"/>
      <c r="IN34" s="119">
        <v>0</v>
      </c>
      <c r="IO34" s="119">
        <v>0</v>
      </c>
      <c r="IP34" s="119">
        <v>0</v>
      </c>
      <c r="IQ34" s="119">
        <v>0</v>
      </c>
      <c r="IR34" s="119">
        <v>0</v>
      </c>
      <c r="IS34" s="141">
        <v>0</v>
      </c>
      <c r="IT34" s="321">
        <v>0</v>
      </c>
      <c r="IU34" s="142">
        <v>0</v>
      </c>
      <c r="IV34" s="119">
        <v>0</v>
      </c>
      <c r="IW34" s="120">
        <v>0</v>
      </c>
      <c r="IX34" s="144"/>
      <c r="IY34" s="119">
        <v>0</v>
      </c>
      <c r="IZ34" s="119">
        <v>0</v>
      </c>
      <c r="JA34" s="119">
        <v>0</v>
      </c>
      <c r="JB34" s="119">
        <v>0</v>
      </c>
      <c r="JC34" s="119">
        <v>0</v>
      </c>
      <c r="JD34" s="120">
        <v>0</v>
      </c>
      <c r="JE34" s="121">
        <v>0</v>
      </c>
      <c r="JF34" s="142">
        <v>0</v>
      </c>
      <c r="JG34" s="119">
        <v>0</v>
      </c>
      <c r="JH34" s="141">
        <v>0</v>
      </c>
      <c r="JI34" s="118">
        <v>0</v>
      </c>
      <c r="JJ34" s="119">
        <v>0</v>
      </c>
      <c r="JK34" s="119">
        <v>20605</v>
      </c>
      <c r="JL34" s="119">
        <v>0</v>
      </c>
      <c r="JM34" s="119">
        <v>0</v>
      </c>
      <c r="JN34" s="119">
        <v>0</v>
      </c>
      <c r="JO34" s="120">
        <v>20605</v>
      </c>
      <c r="JP34" s="321">
        <v>20605</v>
      </c>
      <c r="JQ34" s="142">
        <v>0</v>
      </c>
      <c r="JR34" s="119">
        <v>0</v>
      </c>
      <c r="JS34" s="141">
        <v>0</v>
      </c>
      <c r="JT34" s="118">
        <v>0</v>
      </c>
      <c r="JU34" s="119">
        <v>0</v>
      </c>
      <c r="JV34" s="119">
        <v>0</v>
      </c>
      <c r="JW34" s="119">
        <v>90811</v>
      </c>
      <c r="JX34" s="119">
        <v>0</v>
      </c>
      <c r="JY34" s="119">
        <v>0</v>
      </c>
      <c r="JZ34" s="120">
        <v>90811</v>
      </c>
      <c r="KA34" s="321">
        <v>90811</v>
      </c>
      <c r="KB34" s="234">
        <v>0</v>
      </c>
      <c r="KC34" s="230">
        <v>0</v>
      </c>
      <c r="KD34" s="120">
        <v>0</v>
      </c>
      <c r="KE34" s="118">
        <v>0</v>
      </c>
      <c r="KF34" s="119">
        <v>101087</v>
      </c>
      <c r="KG34" s="119">
        <v>0</v>
      </c>
      <c r="KH34" s="119">
        <v>0</v>
      </c>
      <c r="KI34" s="119">
        <v>0</v>
      </c>
      <c r="KJ34" s="119">
        <v>0</v>
      </c>
      <c r="KK34" s="120">
        <v>101087</v>
      </c>
      <c r="KL34" s="143">
        <v>101087</v>
      </c>
      <c r="KM34" s="232">
        <v>0</v>
      </c>
      <c r="KN34" s="236">
        <v>0</v>
      </c>
      <c r="KO34" s="237">
        <v>0</v>
      </c>
      <c r="KP34" s="140"/>
      <c r="KQ34" s="119">
        <v>0</v>
      </c>
      <c r="KR34" s="119">
        <v>0</v>
      </c>
      <c r="KS34" s="119">
        <v>0</v>
      </c>
      <c r="KT34" s="119">
        <v>0</v>
      </c>
      <c r="KU34" s="119">
        <v>0</v>
      </c>
      <c r="KV34" s="120">
        <v>0</v>
      </c>
      <c r="KW34" s="321">
        <v>0</v>
      </c>
      <c r="KX34" s="142">
        <v>0</v>
      </c>
      <c r="KY34" s="119">
        <v>0</v>
      </c>
      <c r="KZ34" s="120">
        <v>0</v>
      </c>
      <c r="LA34" s="145"/>
      <c r="LB34" s="119">
        <v>0</v>
      </c>
      <c r="LC34" s="119">
        <v>0</v>
      </c>
      <c r="LD34" s="119">
        <v>0</v>
      </c>
      <c r="LE34" s="119">
        <v>0</v>
      </c>
      <c r="LF34" s="119">
        <v>0</v>
      </c>
      <c r="LG34" s="120">
        <v>0</v>
      </c>
      <c r="LH34" s="121">
        <v>0</v>
      </c>
      <c r="LI34" s="142">
        <v>0</v>
      </c>
      <c r="LJ34" s="119">
        <v>0</v>
      </c>
      <c r="LK34" s="120">
        <v>0</v>
      </c>
      <c r="LL34" s="145"/>
      <c r="LM34" s="119">
        <v>0</v>
      </c>
      <c r="LN34" s="119">
        <v>0</v>
      </c>
      <c r="LO34" s="119">
        <v>201404</v>
      </c>
      <c r="LP34" s="119">
        <v>0</v>
      </c>
      <c r="LQ34" s="119">
        <v>0</v>
      </c>
      <c r="LR34" s="120">
        <v>201404</v>
      </c>
      <c r="LS34" s="321">
        <v>201404</v>
      </c>
      <c r="LT34" s="142">
        <v>0</v>
      </c>
      <c r="LU34" s="119">
        <v>0</v>
      </c>
      <c r="LV34" s="120">
        <v>0</v>
      </c>
      <c r="LW34" s="145"/>
      <c r="LX34" s="119">
        <v>0</v>
      </c>
      <c r="LY34" s="119">
        <v>0</v>
      </c>
      <c r="LZ34" s="119">
        <v>0</v>
      </c>
      <c r="MA34" s="119">
        <v>0</v>
      </c>
      <c r="MB34" s="119">
        <v>0</v>
      </c>
      <c r="MC34" s="120">
        <v>0</v>
      </c>
      <c r="MD34" s="121">
        <v>0</v>
      </c>
      <c r="ME34" s="142">
        <v>0</v>
      </c>
      <c r="MF34" s="119">
        <v>0</v>
      </c>
      <c r="MG34" s="120">
        <v>0</v>
      </c>
      <c r="MH34" s="145"/>
      <c r="MI34" s="119">
        <v>0</v>
      </c>
      <c r="MJ34" s="119">
        <v>0</v>
      </c>
      <c r="MK34" s="119">
        <v>630753</v>
      </c>
      <c r="ML34" s="119">
        <v>274116</v>
      </c>
      <c r="MM34" s="119">
        <v>0</v>
      </c>
      <c r="MN34" s="120">
        <v>904869</v>
      </c>
      <c r="MO34" s="143">
        <v>904869</v>
      </c>
      <c r="MP34" s="142">
        <v>0</v>
      </c>
      <c r="MQ34" s="119">
        <v>0</v>
      </c>
      <c r="MR34" s="120">
        <v>0</v>
      </c>
      <c r="MS34" s="145"/>
      <c r="MT34" s="119">
        <v>0</v>
      </c>
      <c r="MU34" s="119">
        <v>0</v>
      </c>
      <c r="MV34" s="119">
        <v>210525</v>
      </c>
      <c r="MW34" s="119">
        <v>0</v>
      </c>
      <c r="MX34" s="119">
        <v>0</v>
      </c>
      <c r="MY34" s="120">
        <v>210525</v>
      </c>
      <c r="MZ34" s="143">
        <v>210525</v>
      </c>
      <c r="NA34" s="142">
        <v>0</v>
      </c>
      <c r="NB34" s="119">
        <v>0</v>
      </c>
      <c r="NC34" s="120">
        <v>0</v>
      </c>
      <c r="ND34" s="145"/>
      <c r="NE34" s="119">
        <v>0</v>
      </c>
      <c r="NF34" s="119">
        <v>0</v>
      </c>
      <c r="NG34" s="119">
        <v>420228</v>
      </c>
      <c r="NH34" s="119">
        <v>274116</v>
      </c>
      <c r="NI34" s="119">
        <v>0</v>
      </c>
      <c r="NJ34" s="120">
        <v>694344</v>
      </c>
      <c r="NK34" s="321">
        <v>694344</v>
      </c>
      <c r="NL34" s="142">
        <v>0</v>
      </c>
      <c r="NM34" s="119">
        <v>0</v>
      </c>
      <c r="NN34" s="120">
        <v>0</v>
      </c>
      <c r="NO34" s="145"/>
      <c r="NP34" s="119">
        <v>0</v>
      </c>
      <c r="NQ34" s="119">
        <v>0</v>
      </c>
      <c r="NR34" s="119">
        <v>0</v>
      </c>
      <c r="NS34" s="119">
        <v>0</v>
      </c>
      <c r="NT34" s="119">
        <v>0</v>
      </c>
      <c r="NU34" s="120">
        <v>0</v>
      </c>
      <c r="NV34" s="121">
        <v>0</v>
      </c>
      <c r="NW34" s="142">
        <v>0</v>
      </c>
      <c r="NX34" s="119">
        <v>0</v>
      </c>
      <c r="NY34" s="120">
        <v>0</v>
      </c>
      <c r="NZ34" s="145"/>
      <c r="OA34" s="119">
        <v>0</v>
      </c>
      <c r="OB34" s="119">
        <v>0</v>
      </c>
      <c r="OC34" s="119">
        <v>0</v>
      </c>
      <c r="OD34" s="119">
        <v>0</v>
      </c>
      <c r="OE34" s="119">
        <v>0</v>
      </c>
      <c r="OF34" s="120">
        <v>0</v>
      </c>
      <c r="OG34" s="121">
        <v>0</v>
      </c>
      <c r="OH34" s="142">
        <v>16730</v>
      </c>
      <c r="OI34" s="119">
        <v>5250</v>
      </c>
      <c r="OJ34" s="141">
        <v>21980</v>
      </c>
      <c r="OK34" s="118">
        <v>0</v>
      </c>
      <c r="OL34" s="119">
        <v>314664</v>
      </c>
      <c r="OM34" s="119">
        <v>339725</v>
      </c>
      <c r="ON34" s="119">
        <v>1416610</v>
      </c>
      <c r="OO34" s="119">
        <v>466295</v>
      </c>
      <c r="OP34" s="119">
        <v>0</v>
      </c>
      <c r="OQ34" s="120">
        <v>2537294</v>
      </c>
      <c r="OR34" s="143">
        <v>2559274</v>
      </c>
    </row>
    <row r="35" spans="1:408" ht="20.25" customHeight="1" x14ac:dyDescent="0.2">
      <c r="A35" s="126" t="s">
        <v>30</v>
      </c>
      <c r="B35" s="110">
        <v>3850</v>
      </c>
      <c r="C35" s="114">
        <v>65793</v>
      </c>
      <c r="D35" s="174">
        <v>69643</v>
      </c>
      <c r="E35" s="175">
        <v>0</v>
      </c>
      <c r="F35" s="176">
        <v>421008</v>
      </c>
      <c r="G35" s="176">
        <v>230305</v>
      </c>
      <c r="H35" s="176">
        <v>373232</v>
      </c>
      <c r="I35" s="176">
        <v>430716</v>
      </c>
      <c r="J35" s="176">
        <v>0</v>
      </c>
      <c r="K35" s="177">
        <v>1455261</v>
      </c>
      <c r="L35" s="116">
        <v>1524904</v>
      </c>
      <c r="M35" s="110">
        <v>0</v>
      </c>
      <c r="N35" s="114">
        <v>63693</v>
      </c>
      <c r="O35" s="113">
        <v>63693</v>
      </c>
      <c r="P35" s="110">
        <v>0</v>
      </c>
      <c r="Q35" s="114">
        <v>17696</v>
      </c>
      <c r="R35" s="114">
        <v>30821</v>
      </c>
      <c r="S35" s="114">
        <v>193185</v>
      </c>
      <c r="T35" s="114">
        <v>309501</v>
      </c>
      <c r="U35" s="114">
        <v>0</v>
      </c>
      <c r="V35" s="113">
        <v>551203</v>
      </c>
      <c r="W35" s="116">
        <v>614896</v>
      </c>
      <c r="X35" s="110">
        <v>0</v>
      </c>
      <c r="Y35" s="114">
        <v>0</v>
      </c>
      <c r="Z35" s="113">
        <v>0</v>
      </c>
      <c r="AA35" s="110">
        <v>0</v>
      </c>
      <c r="AB35" s="114">
        <v>0</v>
      </c>
      <c r="AC35" s="114">
        <v>0</v>
      </c>
      <c r="AD35" s="114">
        <v>184785</v>
      </c>
      <c r="AE35" s="114">
        <v>195100</v>
      </c>
      <c r="AF35" s="114">
        <v>0</v>
      </c>
      <c r="AG35" s="113">
        <v>379885</v>
      </c>
      <c r="AH35" s="116">
        <v>379885</v>
      </c>
      <c r="AI35" s="110">
        <v>0</v>
      </c>
      <c r="AJ35" s="114">
        <v>0</v>
      </c>
      <c r="AK35" s="113">
        <v>0</v>
      </c>
      <c r="AL35" s="110">
        <v>0</v>
      </c>
      <c r="AM35" s="114">
        <v>0</v>
      </c>
      <c r="AN35" s="114">
        <v>0</v>
      </c>
      <c r="AO35" s="114">
        <v>0</v>
      </c>
      <c r="AP35" s="114">
        <v>37856</v>
      </c>
      <c r="AQ35" s="114">
        <v>0</v>
      </c>
      <c r="AR35" s="113">
        <v>37856</v>
      </c>
      <c r="AS35" s="116">
        <v>37856</v>
      </c>
      <c r="AT35" s="110">
        <v>0</v>
      </c>
      <c r="AU35" s="114">
        <v>63693</v>
      </c>
      <c r="AV35" s="113">
        <v>63693</v>
      </c>
      <c r="AW35" s="110">
        <v>0</v>
      </c>
      <c r="AX35" s="114">
        <v>0</v>
      </c>
      <c r="AY35" s="114">
        <v>28735</v>
      </c>
      <c r="AZ35" s="114">
        <v>0</v>
      </c>
      <c r="BA35" s="114">
        <v>34713</v>
      </c>
      <c r="BB35" s="114">
        <v>0</v>
      </c>
      <c r="BC35" s="113">
        <v>63448</v>
      </c>
      <c r="BD35" s="116">
        <v>127141</v>
      </c>
      <c r="BE35" s="110">
        <v>0</v>
      </c>
      <c r="BF35" s="114">
        <v>0</v>
      </c>
      <c r="BG35" s="112">
        <v>0</v>
      </c>
      <c r="BH35" s="111">
        <v>0</v>
      </c>
      <c r="BI35" s="114">
        <v>0</v>
      </c>
      <c r="BJ35" s="114">
        <v>0</v>
      </c>
      <c r="BK35" s="114">
        <v>0</v>
      </c>
      <c r="BL35" s="114">
        <v>33460</v>
      </c>
      <c r="BM35" s="114">
        <v>0</v>
      </c>
      <c r="BN35" s="113">
        <v>33460</v>
      </c>
      <c r="BO35" s="116">
        <v>33460</v>
      </c>
      <c r="BP35" s="110">
        <v>0</v>
      </c>
      <c r="BQ35" s="114">
        <v>0</v>
      </c>
      <c r="BR35" s="113">
        <v>0</v>
      </c>
      <c r="BS35" s="110">
        <v>0</v>
      </c>
      <c r="BT35" s="114">
        <v>17696</v>
      </c>
      <c r="BU35" s="114">
        <v>2086</v>
      </c>
      <c r="BV35" s="114">
        <v>8400</v>
      </c>
      <c r="BW35" s="114">
        <v>8372</v>
      </c>
      <c r="BX35" s="114">
        <v>0</v>
      </c>
      <c r="BY35" s="113">
        <v>36554</v>
      </c>
      <c r="BZ35" s="116">
        <v>36554</v>
      </c>
      <c r="CA35" s="110">
        <v>0</v>
      </c>
      <c r="CB35" s="114">
        <v>0</v>
      </c>
      <c r="CC35" s="113">
        <v>0</v>
      </c>
      <c r="CD35" s="110">
        <v>0</v>
      </c>
      <c r="CE35" s="114">
        <v>0</v>
      </c>
      <c r="CF35" s="114">
        <v>153172</v>
      </c>
      <c r="CG35" s="114">
        <v>95669</v>
      </c>
      <c r="CH35" s="114">
        <v>33013</v>
      </c>
      <c r="CI35" s="114">
        <v>0</v>
      </c>
      <c r="CJ35" s="113">
        <v>281854</v>
      </c>
      <c r="CK35" s="116">
        <v>281854</v>
      </c>
      <c r="CL35" s="110">
        <v>0</v>
      </c>
      <c r="CM35" s="114">
        <v>0</v>
      </c>
      <c r="CN35" s="113">
        <v>0</v>
      </c>
      <c r="CO35" s="111">
        <v>0</v>
      </c>
      <c r="CP35" s="114">
        <v>0</v>
      </c>
      <c r="CQ35" s="114">
        <v>86010</v>
      </c>
      <c r="CR35" s="114">
        <v>95669</v>
      </c>
      <c r="CS35" s="114">
        <v>33013</v>
      </c>
      <c r="CT35" s="114">
        <v>0</v>
      </c>
      <c r="CU35" s="113">
        <v>214692</v>
      </c>
      <c r="CV35" s="116">
        <v>214692</v>
      </c>
      <c r="CW35" s="110">
        <v>0</v>
      </c>
      <c r="CX35" s="114">
        <v>0</v>
      </c>
      <c r="CY35" s="113">
        <v>0</v>
      </c>
      <c r="CZ35" s="110">
        <v>0</v>
      </c>
      <c r="DA35" s="114">
        <v>0</v>
      </c>
      <c r="DB35" s="114">
        <v>67162</v>
      </c>
      <c r="DC35" s="114">
        <v>0</v>
      </c>
      <c r="DD35" s="114">
        <v>0</v>
      </c>
      <c r="DE35" s="114">
        <v>0</v>
      </c>
      <c r="DF35" s="113">
        <v>67162</v>
      </c>
      <c r="DG35" s="116">
        <v>67162</v>
      </c>
      <c r="DH35" s="110">
        <v>0</v>
      </c>
      <c r="DI35" s="114">
        <v>0</v>
      </c>
      <c r="DJ35" s="112">
        <v>0</v>
      </c>
      <c r="DK35" s="111">
        <v>0</v>
      </c>
      <c r="DL35" s="114">
        <v>0</v>
      </c>
      <c r="DM35" s="114">
        <v>0</v>
      </c>
      <c r="DN35" s="114">
        <v>56588</v>
      </c>
      <c r="DO35" s="114">
        <v>0</v>
      </c>
      <c r="DP35" s="114">
        <v>0</v>
      </c>
      <c r="DQ35" s="113">
        <v>56588</v>
      </c>
      <c r="DR35" s="116">
        <v>56588</v>
      </c>
      <c r="DS35" s="110">
        <v>0</v>
      </c>
      <c r="DT35" s="114">
        <v>0</v>
      </c>
      <c r="DU35" s="113">
        <v>0</v>
      </c>
      <c r="DV35" s="110">
        <v>0</v>
      </c>
      <c r="DW35" s="114">
        <v>0</v>
      </c>
      <c r="DX35" s="114">
        <v>0</v>
      </c>
      <c r="DY35" s="114">
        <v>56588</v>
      </c>
      <c r="DZ35" s="114">
        <v>0</v>
      </c>
      <c r="EA35" s="114">
        <v>0</v>
      </c>
      <c r="EB35" s="113">
        <v>56588</v>
      </c>
      <c r="EC35" s="116">
        <v>56588</v>
      </c>
      <c r="ED35" s="110">
        <v>0</v>
      </c>
      <c r="EE35" s="112">
        <v>0</v>
      </c>
      <c r="EF35" s="113">
        <v>0</v>
      </c>
      <c r="EG35" s="110">
        <v>0</v>
      </c>
      <c r="EH35" s="114">
        <v>0</v>
      </c>
      <c r="EI35" s="114">
        <v>0</v>
      </c>
      <c r="EJ35" s="114">
        <v>0</v>
      </c>
      <c r="EK35" s="114">
        <v>0</v>
      </c>
      <c r="EL35" s="114">
        <v>0</v>
      </c>
      <c r="EM35" s="112">
        <v>0</v>
      </c>
      <c r="EN35" s="116">
        <v>0</v>
      </c>
      <c r="EO35" s="110">
        <v>0</v>
      </c>
      <c r="EP35" s="114">
        <v>0</v>
      </c>
      <c r="EQ35" s="112">
        <v>0</v>
      </c>
      <c r="ER35" s="111">
        <v>0</v>
      </c>
      <c r="ES35" s="114">
        <v>0</v>
      </c>
      <c r="ET35" s="114">
        <v>0</v>
      </c>
      <c r="EU35" s="114">
        <v>0</v>
      </c>
      <c r="EV35" s="114">
        <v>0</v>
      </c>
      <c r="EW35" s="114">
        <v>0</v>
      </c>
      <c r="EX35" s="113">
        <v>0</v>
      </c>
      <c r="EY35" s="116">
        <v>0</v>
      </c>
      <c r="EZ35" s="110">
        <v>0</v>
      </c>
      <c r="FA35" s="114">
        <v>0</v>
      </c>
      <c r="FB35" s="112">
        <v>0</v>
      </c>
      <c r="FC35" s="348"/>
      <c r="FD35" s="114">
        <v>0</v>
      </c>
      <c r="FE35" s="114">
        <v>0</v>
      </c>
      <c r="FF35" s="114">
        <v>0</v>
      </c>
      <c r="FG35" s="114">
        <v>0</v>
      </c>
      <c r="FH35" s="114">
        <v>0</v>
      </c>
      <c r="FI35" s="113">
        <v>0</v>
      </c>
      <c r="FJ35" s="116">
        <v>0</v>
      </c>
      <c r="FK35" s="110">
        <v>3850</v>
      </c>
      <c r="FL35" s="114">
        <v>2100</v>
      </c>
      <c r="FM35" s="113">
        <v>5950</v>
      </c>
      <c r="FN35" s="110">
        <v>0</v>
      </c>
      <c r="FO35" s="114">
        <v>0</v>
      </c>
      <c r="FP35" s="114">
        <v>46312</v>
      </c>
      <c r="FQ35" s="114">
        <v>27790</v>
      </c>
      <c r="FR35" s="114">
        <v>37226</v>
      </c>
      <c r="FS35" s="114">
        <v>0</v>
      </c>
      <c r="FT35" s="113">
        <v>111328</v>
      </c>
      <c r="FU35" s="116">
        <v>117278</v>
      </c>
      <c r="FV35" s="115">
        <v>3850</v>
      </c>
      <c r="FW35" s="114">
        <v>2100</v>
      </c>
      <c r="FX35" s="112">
        <v>5950</v>
      </c>
      <c r="FY35" s="111">
        <v>0</v>
      </c>
      <c r="FZ35" s="114">
        <v>0</v>
      </c>
      <c r="GA35" s="114">
        <v>46312</v>
      </c>
      <c r="GB35" s="114">
        <v>27790</v>
      </c>
      <c r="GC35" s="114">
        <v>37226</v>
      </c>
      <c r="GD35" s="114">
        <v>0</v>
      </c>
      <c r="GE35" s="113">
        <v>111328</v>
      </c>
      <c r="GF35" s="319">
        <v>117278</v>
      </c>
      <c r="GG35" s="115">
        <v>0</v>
      </c>
      <c r="GH35" s="114">
        <v>0</v>
      </c>
      <c r="GI35" s="112">
        <v>0</v>
      </c>
      <c r="GJ35" s="111">
        <v>0</v>
      </c>
      <c r="GK35" s="114">
        <v>0</v>
      </c>
      <c r="GL35" s="114">
        <v>0</v>
      </c>
      <c r="GM35" s="114">
        <v>0</v>
      </c>
      <c r="GN35" s="114">
        <v>0</v>
      </c>
      <c r="GO35" s="114">
        <v>0</v>
      </c>
      <c r="GP35" s="113">
        <v>0</v>
      </c>
      <c r="GQ35" s="116">
        <v>0</v>
      </c>
      <c r="GR35" s="110">
        <v>0</v>
      </c>
      <c r="GS35" s="114">
        <v>0</v>
      </c>
      <c r="GT35" s="113">
        <v>0</v>
      </c>
      <c r="GU35" s="110">
        <v>0</v>
      </c>
      <c r="GV35" s="114">
        <v>0</v>
      </c>
      <c r="GW35" s="114">
        <v>0</v>
      </c>
      <c r="GX35" s="114">
        <v>0</v>
      </c>
      <c r="GY35" s="114">
        <v>0</v>
      </c>
      <c r="GZ35" s="114">
        <v>0</v>
      </c>
      <c r="HA35" s="112">
        <v>0</v>
      </c>
      <c r="HB35" s="116">
        <v>0</v>
      </c>
      <c r="HC35" s="110">
        <v>0</v>
      </c>
      <c r="HD35" s="114">
        <v>0</v>
      </c>
      <c r="HE35" s="112">
        <v>0</v>
      </c>
      <c r="HF35" s="111">
        <v>0</v>
      </c>
      <c r="HG35" s="114">
        <v>403312</v>
      </c>
      <c r="HH35" s="114">
        <v>0</v>
      </c>
      <c r="HI35" s="114">
        <v>0</v>
      </c>
      <c r="HJ35" s="114">
        <v>50976</v>
      </c>
      <c r="HK35" s="114">
        <v>0</v>
      </c>
      <c r="HL35" s="113">
        <v>454288</v>
      </c>
      <c r="HM35" s="109">
        <v>454288</v>
      </c>
      <c r="HN35" s="329"/>
      <c r="HO35" s="330"/>
      <c r="HP35" s="331"/>
      <c r="HQ35" s="332"/>
      <c r="HR35" s="330"/>
      <c r="HS35" s="330"/>
      <c r="HT35" s="330"/>
      <c r="HU35" s="330"/>
      <c r="HV35" s="330"/>
      <c r="HW35" s="333"/>
      <c r="HX35" s="334"/>
      <c r="HY35" s="131">
        <v>0</v>
      </c>
      <c r="HZ35" s="132">
        <v>0</v>
      </c>
      <c r="IA35" s="133">
        <v>0</v>
      </c>
      <c r="IB35" s="146">
        <v>0</v>
      </c>
      <c r="IC35" s="132">
        <v>217154</v>
      </c>
      <c r="ID35" s="147">
        <v>36925</v>
      </c>
      <c r="IE35" s="133">
        <v>0</v>
      </c>
      <c r="IF35" s="132">
        <v>0</v>
      </c>
      <c r="IG35" s="133">
        <v>0</v>
      </c>
      <c r="IH35" s="148">
        <v>254079</v>
      </c>
      <c r="II35" s="139">
        <v>254079</v>
      </c>
      <c r="IJ35" s="232">
        <v>0</v>
      </c>
      <c r="IK35" s="236">
        <v>0</v>
      </c>
      <c r="IL35" s="237">
        <v>0</v>
      </c>
      <c r="IM35" s="140"/>
      <c r="IN35" s="119">
        <v>0</v>
      </c>
      <c r="IO35" s="119">
        <v>0</v>
      </c>
      <c r="IP35" s="119">
        <v>0</v>
      </c>
      <c r="IQ35" s="119">
        <v>0</v>
      </c>
      <c r="IR35" s="119">
        <v>0</v>
      </c>
      <c r="IS35" s="141">
        <v>0</v>
      </c>
      <c r="IT35" s="321">
        <v>0</v>
      </c>
      <c r="IU35" s="142">
        <v>0</v>
      </c>
      <c r="IV35" s="119">
        <v>0</v>
      </c>
      <c r="IW35" s="120">
        <v>0</v>
      </c>
      <c r="IX35" s="144"/>
      <c r="IY35" s="119">
        <v>0</v>
      </c>
      <c r="IZ35" s="119">
        <v>0</v>
      </c>
      <c r="JA35" s="119">
        <v>0</v>
      </c>
      <c r="JB35" s="119">
        <v>0</v>
      </c>
      <c r="JC35" s="119">
        <v>0</v>
      </c>
      <c r="JD35" s="120">
        <v>0</v>
      </c>
      <c r="JE35" s="121">
        <v>0</v>
      </c>
      <c r="JF35" s="142">
        <v>0</v>
      </c>
      <c r="JG35" s="119">
        <v>0</v>
      </c>
      <c r="JH35" s="141">
        <v>0</v>
      </c>
      <c r="JI35" s="118">
        <v>0</v>
      </c>
      <c r="JJ35" s="119">
        <v>51366</v>
      </c>
      <c r="JK35" s="119">
        <v>0</v>
      </c>
      <c r="JL35" s="119">
        <v>0</v>
      </c>
      <c r="JM35" s="119">
        <v>0</v>
      </c>
      <c r="JN35" s="119">
        <v>0</v>
      </c>
      <c r="JO35" s="120">
        <v>51366</v>
      </c>
      <c r="JP35" s="321">
        <v>51366</v>
      </c>
      <c r="JQ35" s="142">
        <v>0</v>
      </c>
      <c r="JR35" s="119">
        <v>0</v>
      </c>
      <c r="JS35" s="141">
        <v>0</v>
      </c>
      <c r="JT35" s="118">
        <v>0</v>
      </c>
      <c r="JU35" s="119">
        <v>0</v>
      </c>
      <c r="JV35" s="119">
        <v>36925</v>
      </c>
      <c r="JW35" s="119">
        <v>0</v>
      </c>
      <c r="JX35" s="119">
        <v>0</v>
      </c>
      <c r="JY35" s="119">
        <v>0</v>
      </c>
      <c r="JZ35" s="120">
        <v>36925</v>
      </c>
      <c r="KA35" s="321">
        <v>36925</v>
      </c>
      <c r="KB35" s="234">
        <v>0</v>
      </c>
      <c r="KC35" s="230">
        <v>0</v>
      </c>
      <c r="KD35" s="120">
        <v>0</v>
      </c>
      <c r="KE35" s="118">
        <v>0</v>
      </c>
      <c r="KF35" s="119">
        <v>0</v>
      </c>
      <c r="KG35" s="119">
        <v>0</v>
      </c>
      <c r="KH35" s="119">
        <v>0</v>
      </c>
      <c r="KI35" s="119">
        <v>0</v>
      </c>
      <c r="KJ35" s="119">
        <v>0</v>
      </c>
      <c r="KK35" s="120">
        <v>0</v>
      </c>
      <c r="KL35" s="143">
        <v>0</v>
      </c>
      <c r="KM35" s="232">
        <v>0</v>
      </c>
      <c r="KN35" s="236">
        <v>0</v>
      </c>
      <c r="KO35" s="237">
        <v>0</v>
      </c>
      <c r="KP35" s="140"/>
      <c r="KQ35" s="119">
        <v>165788</v>
      </c>
      <c r="KR35" s="119">
        <v>0</v>
      </c>
      <c r="KS35" s="119">
        <v>0</v>
      </c>
      <c r="KT35" s="119">
        <v>0</v>
      </c>
      <c r="KU35" s="119">
        <v>0</v>
      </c>
      <c r="KV35" s="120">
        <v>165788</v>
      </c>
      <c r="KW35" s="321">
        <v>165788</v>
      </c>
      <c r="KX35" s="142">
        <v>0</v>
      </c>
      <c r="KY35" s="119">
        <v>0</v>
      </c>
      <c r="KZ35" s="120">
        <v>0</v>
      </c>
      <c r="LA35" s="145"/>
      <c r="LB35" s="119">
        <v>0</v>
      </c>
      <c r="LC35" s="119">
        <v>0</v>
      </c>
      <c r="LD35" s="119">
        <v>0</v>
      </c>
      <c r="LE35" s="119">
        <v>0</v>
      </c>
      <c r="LF35" s="119">
        <v>0</v>
      </c>
      <c r="LG35" s="120">
        <v>0</v>
      </c>
      <c r="LH35" s="121">
        <v>0</v>
      </c>
      <c r="LI35" s="142">
        <v>0</v>
      </c>
      <c r="LJ35" s="119">
        <v>0</v>
      </c>
      <c r="LK35" s="120">
        <v>0</v>
      </c>
      <c r="LL35" s="145"/>
      <c r="LM35" s="119">
        <v>0</v>
      </c>
      <c r="LN35" s="119">
        <v>0</v>
      </c>
      <c r="LO35" s="119">
        <v>0</v>
      </c>
      <c r="LP35" s="119">
        <v>0</v>
      </c>
      <c r="LQ35" s="119">
        <v>0</v>
      </c>
      <c r="LR35" s="120">
        <v>0</v>
      </c>
      <c r="LS35" s="321">
        <v>0</v>
      </c>
      <c r="LT35" s="142">
        <v>0</v>
      </c>
      <c r="LU35" s="119">
        <v>0</v>
      </c>
      <c r="LV35" s="120">
        <v>0</v>
      </c>
      <c r="LW35" s="145"/>
      <c r="LX35" s="119">
        <v>0</v>
      </c>
      <c r="LY35" s="119">
        <v>0</v>
      </c>
      <c r="LZ35" s="119">
        <v>0</v>
      </c>
      <c r="MA35" s="119">
        <v>0</v>
      </c>
      <c r="MB35" s="119">
        <v>0</v>
      </c>
      <c r="MC35" s="120">
        <v>0</v>
      </c>
      <c r="MD35" s="121">
        <v>0</v>
      </c>
      <c r="ME35" s="142">
        <v>0</v>
      </c>
      <c r="MF35" s="119">
        <v>0</v>
      </c>
      <c r="MG35" s="120">
        <v>0</v>
      </c>
      <c r="MH35" s="145"/>
      <c r="MI35" s="119">
        <v>0</v>
      </c>
      <c r="MJ35" s="119">
        <v>0</v>
      </c>
      <c r="MK35" s="119">
        <v>455921</v>
      </c>
      <c r="ML35" s="119">
        <v>295769</v>
      </c>
      <c r="MM35" s="119">
        <v>255512</v>
      </c>
      <c r="MN35" s="120">
        <v>1007202</v>
      </c>
      <c r="MO35" s="143">
        <v>1007202</v>
      </c>
      <c r="MP35" s="142">
        <v>0</v>
      </c>
      <c r="MQ35" s="119">
        <v>0</v>
      </c>
      <c r="MR35" s="120">
        <v>0</v>
      </c>
      <c r="MS35" s="145"/>
      <c r="MT35" s="119">
        <v>0</v>
      </c>
      <c r="MU35" s="119">
        <v>0</v>
      </c>
      <c r="MV35" s="119">
        <v>210525</v>
      </c>
      <c r="MW35" s="119">
        <v>0</v>
      </c>
      <c r="MX35" s="119">
        <v>0</v>
      </c>
      <c r="MY35" s="120">
        <v>210525</v>
      </c>
      <c r="MZ35" s="143">
        <v>210525</v>
      </c>
      <c r="NA35" s="142">
        <v>0</v>
      </c>
      <c r="NB35" s="119">
        <v>0</v>
      </c>
      <c r="NC35" s="120">
        <v>0</v>
      </c>
      <c r="ND35" s="145"/>
      <c r="NE35" s="119">
        <v>0</v>
      </c>
      <c r="NF35" s="119">
        <v>0</v>
      </c>
      <c r="NG35" s="119">
        <v>245396</v>
      </c>
      <c r="NH35" s="119">
        <v>295769</v>
      </c>
      <c r="NI35" s="119">
        <v>255512</v>
      </c>
      <c r="NJ35" s="120">
        <v>796677</v>
      </c>
      <c r="NK35" s="321">
        <v>796677</v>
      </c>
      <c r="NL35" s="142">
        <v>0</v>
      </c>
      <c r="NM35" s="119">
        <v>0</v>
      </c>
      <c r="NN35" s="120">
        <v>0</v>
      </c>
      <c r="NO35" s="145"/>
      <c r="NP35" s="119">
        <v>0</v>
      </c>
      <c r="NQ35" s="119">
        <v>0</v>
      </c>
      <c r="NR35" s="119">
        <v>0</v>
      </c>
      <c r="NS35" s="119">
        <v>0</v>
      </c>
      <c r="NT35" s="119">
        <v>0</v>
      </c>
      <c r="NU35" s="120">
        <v>0</v>
      </c>
      <c r="NV35" s="121">
        <v>0</v>
      </c>
      <c r="NW35" s="142">
        <v>0</v>
      </c>
      <c r="NX35" s="119">
        <v>0</v>
      </c>
      <c r="NY35" s="120">
        <v>0</v>
      </c>
      <c r="NZ35" s="145"/>
      <c r="OA35" s="119">
        <v>0</v>
      </c>
      <c r="OB35" s="119">
        <v>0</v>
      </c>
      <c r="OC35" s="119">
        <v>0</v>
      </c>
      <c r="OD35" s="119">
        <v>0</v>
      </c>
      <c r="OE35" s="119">
        <v>0</v>
      </c>
      <c r="OF35" s="120">
        <v>0</v>
      </c>
      <c r="OG35" s="121">
        <v>0</v>
      </c>
      <c r="OH35" s="142">
        <v>3850</v>
      </c>
      <c r="OI35" s="119">
        <v>65793</v>
      </c>
      <c r="OJ35" s="141">
        <v>69643</v>
      </c>
      <c r="OK35" s="118">
        <v>0</v>
      </c>
      <c r="OL35" s="119">
        <v>638162</v>
      </c>
      <c r="OM35" s="119">
        <v>267230</v>
      </c>
      <c r="ON35" s="119">
        <v>829153</v>
      </c>
      <c r="OO35" s="119">
        <v>726485</v>
      </c>
      <c r="OP35" s="119">
        <v>255512</v>
      </c>
      <c r="OQ35" s="120">
        <v>2716542</v>
      </c>
      <c r="OR35" s="143">
        <v>2786185</v>
      </c>
    </row>
    <row r="36" spans="1:408" ht="20.25" customHeight="1" x14ac:dyDescent="0.2">
      <c r="A36" s="126" t="s">
        <v>31</v>
      </c>
      <c r="B36" s="110">
        <v>6384</v>
      </c>
      <c r="C36" s="114">
        <v>0</v>
      </c>
      <c r="D36" s="113">
        <v>6384</v>
      </c>
      <c r="E36" s="109">
        <v>0</v>
      </c>
      <c r="F36" s="114">
        <v>280074</v>
      </c>
      <c r="G36" s="114">
        <v>59500</v>
      </c>
      <c r="H36" s="114">
        <v>193981</v>
      </c>
      <c r="I36" s="114">
        <v>177063</v>
      </c>
      <c r="J36" s="114">
        <v>433405</v>
      </c>
      <c r="K36" s="173">
        <v>1144023</v>
      </c>
      <c r="L36" s="116">
        <v>1150407</v>
      </c>
      <c r="M36" s="110">
        <v>6384</v>
      </c>
      <c r="N36" s="114">
        <v>0</v>
      </c>
      <c r="O36" s="113">
        <v>6384</v>
      </c>
      <c r="P36" s="110">
        <v>0</v>
      </c>
      <c r="Q36" s="114">
        <v>93660</v>
      </c>
      <c r="R36" s="114">
        <v>31283</v>
      </c>
      <c r="S36" s="114">
        <v>47278</v>
      </c>
      <c r="T36" s="114">
        <v>0</v>
      </c>
      <c r="U36" s="114">
        <v>193291</v>
      </c>
      <c r="V36" s="113">
        <v>365512</v>
      </c>
      <c r="W36" s="116">
        <v>371896</v>
      </c>
      <c r="X36" s="110">
        <v>0</v>
      </c>
      <c r="Y36" s="114">
        <v>0</v>
      </c>
      <c r="Z36" s="113">
        <v>0</v>
      </c>
      <c r="AA36" s="110">
        <v>0</v>
      </c>
      <c r="AB36" s="114">
        <v>27769</v>
      </c>
      <c r="AC36" s="114">
        <v>0</v>
      </c>
      <c r="AD36" s="114">
        <v>0</v>
      </c>
      <c r="AE36" s="114">
        <v>0</v>
      </c>
      <c r="AF36" s="114">
        <v>0</v>
      </c>
      <c r="AG36" s="113">
        <v>27769</v>
      </c>
      <c r="AH36" s="116">
        <v>27769</v>
      </c>
      <c r="AI36" s="110">
        <v>0</v>
      </c>
      <c r="AJ36" s="114">
        <v>0</v>
      </c>
      <c r="AK36" s="113">
        <v>0</v>
      </c>
      <c r="AL36" s="110">
        <v>0</v>
      </c>
      <c r="AM36" s="114">
        <v>0</v>
      </c>
      <c r="AN36" s="114">
        <v>0</v>
      </c>
      <c r="AO36" s="114">
        <v>0</v>
      </c>
      <c r="AP36" s="114">
        <v>0</v>
      </c>
      <c r="AQ36" s="114">
        <v>128198</v>
      </c>
      <c r="AR36" s="113">
        <v>128198</v>
      </c>
      <c r="AS36" s="116">
        <v>128198</v>
      </c>
      <c r="AT36" s="110">
        <v>6384</v>
      </c>
      <c r="AU36" s="114">
        <v>0</v>
      </c>
      <c r="AV36" s="113">
        <v>6384</v>
      </c>
      <c r="AW36" s="110">
        <v>0</v>
      </c>
      <c r="AX36" s="114">
        <v>57491</v>
      </c>
      <c r="AY36" s="114">
        <v>22883</v>
      </c>
      <c r="AZ36" s="114">
        <v>0</v>
      </c>
      <c r="BA36" s="114">
        <v>0</v>
      </c>
      <c r="BB36" s="114">
        <v>55405</v>
      </c>
      <c r="BC36" s="113">
        <v>135779</v>
      </c>
      <c r="BD36" s="116">
        <v>142163</v>
      </c>
      <c r="BE36" s="110">
        <v>0</v>
      </c>
      <c r="BF36" s="114">
        <v>0</v>
      </c>
      <c r="BG36" s="112">
        <v>0</v>
      </c>
      <c r="BH36" s="111">
        <v>0</v>
      </c>
      <c r="BI36" s="114">
        <v>0</v>
      </c>
      <c r="BJ36" s="114">
        <v>0</v>
      </c>
      <c r="BK36" s="114">
        <v>47278</v>
      </c>
      <c r="BL36" s="114">
        <v>0</v>
      </c>
      <c r="BM36" s="114">
        <v>0</v>
      </c>
      <c r="BN36" s="113">
        <v>47278</v>
      </c>
      <c r="BO36" s="116">
        <v>47278</v>
      </c>
      <c r="BP36" s="110">
        <v>0</v>
      </c>
      <c r="BQ36" s="114">
        <v>0</v>
      </c>
      <c r="BR36" s="113">
        <v>0</v>
      </c>
      <c r="BS36" s="110">
        <v>0</v>
      </c>
      <c r="BT36" s="114">
        <v>8400</v>
      </c>
      <c r="BU36" s="114">
        <v>8400</v>
      </c>
      <c r="BV36" s="114">
        <v>0</v>
      </c>
      <c r="BW36" s="114">
        <v>0</v>
      </c>
      <c r="BX36" s="114">
        <v>9688</v>
      </c>
      <c r="BY36" s="113">
        <v>26488</v>
      </c>
      <c r="BZ36" s="116">
        <v>26488</v>
      </c>
      <c r="CA36" s="110">
        <v>0</v>
      </c>
      <c r="CB36" s="114">
        <v>0</v>
      </c>
      <c r="CC36" s="113">
        <v>0</v>
      </c>
      <c r="CD36" s="110">
        <v>0</v>
      </c>
      <c r="CE36" s="114">
        <v>0</v>
      </c>
      <c r="CF36" s="114">
        <v>24717</v>
      </c>
      <c r="CG36" s="114">
        <v>119228</v>
      </c>
      <c r="CH36" s="114">
        <v>121105</v>
      </c>
      <c r="CI36" s="114">
        <v>0</v>
      </c>
      <c r="CJ36" s="113">
        <v>265050</v>
      </c>
      <c r="CK36" s="116">
        <v>265050</v>
      </c>
      <c r="CL36" s="110">
        <v>0</v>
      </c>
      <c r="CM36" s="114">
        <v>0</v>
      </c>
      <c r="CN36" s="113">
        <v>0</v>
      </c>
      <c r="CO36" s="111">
        <v>0</v>
      </c>
      <c r="CP36" s="114">
        <v>0</v>
      </c>
      <c r="CQ36" s="114">
        <v>24717</v>
      </c>
      <c r="CR36" s="114">
        <v>119228</v>
      </c>
      <c r="CS36" s="114">
        <v>121105</v>
      </c>
      <c r="CT36" s="114">
        <v>0</v>
      </c>
      <c r="CU36" s="113">
        <v>265050</v>
      </c>
      <c r="CV36" s="116">
        <v>265050</v>
      </c>
      <c r="CW36" s="110">
        <v>0</v>
      </c>
      <c r="CX36" s="114">
        <v>0</v>
      </c>
      <c r="CY36" s="113">
        <v>0</v>
      </c>
      <c r="CZ36" s="110">
        <v>0</v>
      </c>
      <c r="DA36" s="114">
        <v>0</v>
      </c>
      <c r="DB36" s="114">
        <v>0</v>
      </c>
      <c r="DC36" s="114">
        <v>0</v>
      </c>
      <c r="DD36" s="114">
        <v>0</v>
      </c>
      <c r="DE36" s="114">
        <v>0</v>
      </c>
      <c r="DF36" s="113">
        <v>0</v>
      </c>
      <c r="DG36" s="116">
        <v>0</v>
      </c>
      <c r="DH36" s="110">
        <v>0</v>
      </c>
      <c r="DI36" s="114">
        <v>0</v>
      </c>
      <c r="DJ36" s="112">
        <v>0</v>
      </c>
      <c r="DK36" s="111">
        <v>0</v>
      </c>
      <c r="DL36" s="114">
        <v>0</v>
      </c>
      <c r="DM36" s="114">
        <v>0</v>
      </c>
      <c r="DN36" s="114">
        <v>0</v>
      </c>
      <c r="DO36" s="114">
        <v>43190</v>
      </c>
      <c r="DP36" s="114">
        <v>0</v>
      </c>
      <c r="DQ36" s="113">
        <v>43190</v>
      </c>
      <c r="DR36" s="116">
        <v>43190</v>
      </c>
      <c r="DS36" s="110">
        <v>0</v>
      </c>
      <c r="DT36" s="114">
        <v>0</v>
      </c>
      <c r="DU36" s="113">
        <v>0</v>
      </c>
      <c r="DV36" s="110">
        <v>0</v>
      </c>
      <c r="DW36" s="114">
        <v>0</v>
      </c>
      <c r="DX36" s="114">
        <v>0</v>
      </c>
      <c r="DY36" s="114">
        <v>0</v>
      </c>
      <c r="DZ36" s="114">
        <v>43190</v>
      </c>
      <c r="EA36" s="114">
        <v>0</v>
      </c>
      <c r="EB36" s="113">
        <v>43190</v>
      </c>
      <c r="EC36" s="116">
        <v>43190</v>
      </c>
      <c r="ED36" s="110">
        <v>0</v>
      </c>
      <c r="EE36" s="112">
        <v>0</v>
      </c>
      <c r="EF36" s="113">
        <v>0</v>
      </c>
      <c r="EG36" s="110">
        <v>0</v>
      </c>
      <c r="EH36" s="114">
        <v>0</v>
      </c>
      <c r="EI36" s="114">
        <v>0</v>
      </c>
      <c r="EJ36" s="114">
        <v>0</v>
      </c>
      <c r="EK36" s="114">
        <v>0</v>
      </c>
      <c r="EL36" s="114">
        <v>0</v>
      </c>
      <c r="EM36" s="112">
        <v>0</v>
      </c>
      <c r="EN36" s="116">
        <v>0</v>
      </c>
      <c r="EO36" s="110">
        <v>0</v>
      </c>
      <c r="EP36" s="114">
        <v>0</v>
      </c>
      <c r="EQ36" s="112">
        <v>0</v>
      </c>
      <c r="ER36" s="111">
        <v>0</v>
      </c>
      <c r="ES36" s="114">
        <v>0</v>
      </c>
      <c r="ET36" s="114">
        <v>0</v>
      </c>
      <c r="EU36" s="114">
        <v>0</v>
      </c>
      <c r="EV36" s="114">
        <v>0</v>
      </c>
      <c r="EW36" s="114">
        <v>0</v>
      </c>
      <c r="EX36" s="113">
        <v>0</v>
      </c>
      <c r="EY36" s="116">
        <v>0</v>
      </c>
      <c r="EZ36" s="110">
        <v>0</v>
      </c>
      <c r="FA36" s="114">
        <v>0</v>
      </c>
      <c r="FB36" s="112">
        <v>0</v>
      </c>
      <c r="FC36" s="348"/>
      <c r="FD36" s="114">
        <v>0</v>
      </c>
      <c r="FE36" s="114">
        <v>0</v>
      </c>
      <c r="FF36" s="114">
        <v>0</v>
      </c>
      <c r="FG36" s="114">
        <v>0</v>
      </c>
      <c r="FH36" s="114">
        <v>0</v>
      </c>
      <c r="FI36" s="113">
        <v>0</v>
      </c>
      <c r="FJ36" s="116">
        <v>0</v>
      </c>
      <c r="FK36" s="110">
        <v>0</v>
      </c>
      <c r="FL36" s="114">
        <v>0</v>
      </c>
      <c r="FM36" s="113">
        <v>0</v>
      </c>
      <c r="FN36" s="110">
        <v>0</v>
      </c>
      <c r="FO36" s="114">
        <v>45360</v>
      </c>
      <c r="FP36" s="114">
        <v>3500</v>
      </c>
      <c r="FQ36" s="114">
        <v>27475</v>
      </c>
      <c r="FR36" s="114">
        <v>12768</v>
      </c>
      <c r="FS36" s="114">
        <v>31850</v>
      </c>
      <c r="FT36" s="113">
        <v>120953</v>
      </c>
      <c r="FU36" s="116">
        <v>120953</v>
      </c>
      <c r="FV36" s="115">
        <v>0</v>
      </c>
      <c r="FW36" s="114">
        <v>0</v>
      </c>
      <c r="FX36" s="112">
        <v>0</v>
      </c>
      <c r="FY36" s="111">
        <v>0</v>
      </c>
      <c r="FZ36" s="114">
        <v>45360</v>
      </c>
      <c r="GA36" s="114">
        <v>3500</v>
      </c>
      <c r="GB36" s="114">
        <v>27475</v>
      </c>
      <c r="GC36" s="114">
        <v>12768</v>
      </c>
      <c r="GD36" s="114">
        <v>31850</v>
      </c>
      <c r="GE36" s="113">
        <v>120953</v>
      </c>
      <c r="GF36" s="319">
        <v>120953</v>
      </c>
      <c r="GG36" s="115">
        <v>0</v>
      </c>
      <c r="GH36" s="114">
        <v>0</v>
      </c>
      <c r="GI36" s="112">
        <v>0</v>
      </c>
      <c r="GJ36" s="111">
        <v>0</v>
      </c>
      <c r="GK36" s="114">
        <v>0</v>
      </c>
      <c r="GL36" s="114">
        <v>0</v>
      </c>
      <c r="GM36" s="114">
        <v>0</v>
      </c>
      <c r="GN36" s="114">
        <v>0</v>
      </c>
      <c r="GO36" s="114">
        <v>0</v>
      </c>
      <c r="GP36" s="113">
        <v>0</v>
      </c>
      <c r="GQ36" s="116">
        <v>0</v>
      </c>
      <c r="GR36" s="110">
        <v>0</v>
      </c>
      <c r="GS36" s="114">
        <v>0</v>
      </c>
      <c r="GT36" s="113">
        <v>0</v>
      </c>
      <c r="GU36" s="110">
        <v>0</v>
      </c>
      <c r="GV36" s="114">
        <v>0</v>
      </c>
      <c r="GW36" s="114">
        <v>0</v>
      </c>
      <c r="GX36" s="114">
        <v>0</v>
      </c>
      <c r="GY36" s="114">
        <v>0</v>
      </c>
      <c r="GZ36" s="114">
        <v>0</v>
      </c>
      <c r="HA36" s="112">
        <v>0</v>
      </c>
      <c r="HB36" s="116">
        <v>0</v>
      </c>
      <c r="HC36" s="110">
        <v>0</v>
      </c>
      <c r="HD36" s="114">
        <v>0</v>
      </c>
      <c r="HE36" s="112">
        <v>0</v>
      </c>
      <c r="HF36" s="111">
        <v>0</v>
      </c>
      <c r="HG36" s="114">
        <v>141054</v>
      </c>
      <c r="HH36" s="114">
        <v>0</v>
      </c>
      <c r="HI36" s="114">
        <v>0</v>
      </c>
      <c r="HJ36" s="114">
        <v>0</v>
      </c>
      <c r="HK36" s="114">
        <v>208264</v>
      </c>
      <c r="HL36" s="113">
        <v>349318</v>
      </c>
      <c r="HM36" s="109">
        <v>349318</v>
      </c>
      <c r="HN36" s="329"/>
      <c r="HO36" s="330"/>
      <c r="HP36" s="331"/>
      <c r="HQ36" s="332"/>
      <c r="HR36" s="330"/>
      <c r="HS36" s="330"/>
      <c r="HT36" s="330"/>
      <c r="HU36" s="330"/>
      <c r="HV36" s="330"/>
      <c r="HW36" s="333"/>
      <c r="HX36" s="334"/>
      <c r="HY36" s="150">
        <v>0</v>
      </c>
      <c r="HZ36" s="135">
        <v>0</v>
      </c>
      <c r="IA36" s="150">
        <v>0</v>
      </c>
      <c r="IB36" s="134">
        <v>0</v>
      </c>
      <c r="IC36" s="135">
        <v>149574</v>
      </c>
      <c r="ID36" s="136">
        <v>127458</v>
      </c>
      <c r="IE36" s="137">
        <v>68978</v>
      </c>
      <c r="IF36" s="135">
        <v>0</v>
      </c>
      <c r="IG36" s="137">
        <v>220648</v>
      </c>
      <c r="IH36" s="138">
        <v>566658</v>
      </c>
      <c r="II36" s="150">
        <v>566658</v>
      </c>
      <c r="IJ36" s="232">
        <v>0</v>
      </c>
      <c r="IK36" s="236">
        <v>0</v>
      </c>
      <c r="IL36" s="237">
        <v>0</v>
      </c>
      <c r="IM36" s="140"/>
      <c r="IN36" s="119">
        <v>0</v>
      </c>
      <c r="IO36" s="119">
        <v>85757</v>
      </c>
      <c r="IP36" s="119">
        <v>0</v>
      </c>
      <c r="IQ36" s="119">
        <v>0</v>
      </c>
      <c r="IR36" s="119">
        <v>0</v>
      </c>
      <c r="IS36" s="141">
        <v>85757</v>
      </c>
      <c r="IT36" s="321">
        <v>85757</v>
      </c>
      <c r="IU36" s="142">
        <v>0</v>
      </c>
      <c r="IV36" s="119">
        <v>0</v>
      </c>
      <c r="IW36" s="120">
        <v>0</v>
      </c>
      <c r="IX36" s="144"/>
      <c r="IY36" s="119">
        <v>0</v>
      </c>
      <c r="IZ36" s="119">
        <v>0</v>
      </c>
      <c r="JA36" s="119">
        <v>0</v>
      </c>
      <c r="JB36" s="119">
        <v>0</v>
      </c>
      <c r="JC36" s="119">
        <v>0</v>
      </c>
      <c r="JD36" s="120">
        <v>0</v>
      </c>
      <c r="JE36" s="121">
        <v>0</v>
      </c>
      <c r="JF36" s="142">
        <v>0</v>
      </c>
      <c r="JG36" s="119">
        <v>0</v>
      </c>
      <c r="JH36" s="141">
        <v>0</v>
      </c>
      <c r="JI36" s="118">
        <v>0</v>
      </c>
      <c r="JJ36" s="119">
        <v>31862</v>
      </c>
      <c r="JK36" s="119">
        <v>41701</v>
      </c>
      <c r="JL36" s="119">
        <v>68978</v>
      </c>
      <c r="JM36" s="119">
        <v>0</v>
      </c>
      <c r="JN36" s="119">
        <v>0</v>
      </c>
      <c r="JO36" s="120">
        <v>142541</v>
      </c>
      <c r="JP36" s="321">
        <v>142541</v>
      </c>
      <c r="JQ36" s="142">
        <v>0</v>
      </c>
      <c r="JR36" s="119">
        <v>0</v>
      </c>
      <c r="JS36" s="141">
        <v>0</v>
      </c>
      <c r="JT36" s="118">
        <v>0</v>
      </c>
      <c r="JU36" s="119">
        <v>0</v>
      </c>
      <c r="JV36" s="119">
        <v>0</v>
      </c>
      <c r="JW36" s="119">
        <v>0</v>
      </c>
      <c r="JX36" s="119">
        <v>0</v>
      </c>
      <c r="JY36" s="119">
        <v>0</v>
      </c>
      <c r="JZ36" s="120">
        <v>0</v>
      </c>
      <c r="KA36" s="321">
        <v>0</v>
      </c>
      <c r="KB36" s="234">
        <v>0</v>
      </c>
      <c r="KC36" s="230">
        <v>0</v>
      </c>
      <c r="KD36" s="120">
        <v>0</v>
      </c>
      <c r="KE36" s="118">
        <v>0</v>
      </c>
      <c r="KF36" s="119">
        <v>117712</v>
      </c>
      <c r="KG36" s="119">
        <v>0</v>
      </c>
      <c r="KH36" s="119">
        <v>0</v>
      </c>
      <c r="KI36" s="119">
        <v>0</v>
      </c>
      <c r="KJ36" s="119">
        <v>0</v>
      </c>
      <c r="KK36" s="120">
        <v>117712</v>
      </c>
      <c r="KL36" s="143">
        <v>117712</v>
      </c>
      <c r="KM36" s="232">
        <v>0</v>
      </c>
      <c r="KN36" s="236">
        <v>0</v>
      </c>
      <c r="KO36" s="237">
        <v>0</v>
      </c>
      <c r="KP36" s="140"/>
      <c r="KQ36" s="119">
        <v>0</v>
      </c>
      <c r="KR36" s="119">
        <v>0</v>
      </c>
      <c r="KS36" s="119">
        <v>0</v>
      </c>
      <c r="KT36" s="119">
        <v>0</v>
      </c>
      <c r="KU36" s="119">
        <v>220648</v>
      </c>
      <c r="KV36" s="120">
        <v>220648</v>
      </c>
      <c r="KW36" s="321">
        <v>220648</v>
      </c>
      <c r="KX36" s="142">
        <v>0</v>
      </c>
      <c r="KY36" s="119">
        <v>0</v>
      </c>
      <c r="KZ36" s="120">
        <v>0</v>
      </c>
      <c r="LA36" s="145"/>
      <c r="LB36" s="119">
        <v>0</v>
      </c>
      <c r="LC36" s="119">
        <v>0</v>
      </c>
      <c r="LD36" s="119">
        <v>0</v>
      </c>
      <c r="LE36" s="119">
        <v>0</v>
      </c>
      <c r="LF36" s="119">
        <v>0</v>
      </c>
      <c r="LG36" s="120">
        <v>0</v>
      </c>
      <c r="LH36" s="121">
        <v>0</v>
      </c>
      <c r="LI36" s="142">
        <v>0</v>
      </c>
      <c r="LJ36" s="119">
        <v>0</v>
      </c>
      <c r="LK36" s="120">
        <v>0</v>
      </c>
      <c r="LL36" s="145"/>
      <c r="LM36" s="119">
        <v>0</v>
      </c>
      <c r="LN36" s="119">
        <v>0</v>
      </c>
      <c r="LO36" s="119">
        <v>0</v>
      </c>
      <c r="LP36" s="119">
        <v>0</v>
      </c>
      <c r="LQ36" s="119">
        <v>0</v>
      </c>
      <c r="LR36" s="120">
        <v>0</v>
      </c>
      <c r="LS36" s="321">
        <v>0</v>
      </c>
      <c r="LT36" s="142">
        <v>0</v>
      </c>
      <c r="LU36" s="119">
        <v>0</v>
      </c>
      <c r="LV36" s="120">
        <v>0</v>
      </c>
      <c r="LW36" s="145"/>
      <c r="LX36" s="119">
        <v>0</v>
      </c>
      <c r="LY36" s="119">
        <v>0</v>
      </c>
      <c r="LZ36" s="119">
        <v>0</v>
      </c>
      <c r="MA36" s="119">
        <v>0</v>
      </c>
      <c r="MB36" s="119">
        <v>0</v>
      </c>
      <c r="MC36" s="120">
        <v>0</v>
      </c>
      <c r="MD36" s="121">
        <v>0</v>
      </c>
      <c r="ME36" s="142">
        <v>0</v>
      </c>
      <c r="MF36" s="119">
        <v>0</v>
      </c>
      <c r="MG36" s="120">
        <v>0</v>
      </c>
      <c r="MH36" s="145"/>
      <c r="MI36" s="119">
        <v>0</v>
      </c>
      <c r="MJ36" s="119">
        <v>212310</v>
      </c>
      <c r="MK36" s="119">
        <v>397513</v>
      </c>
      <c r="ML36" s="119">
        <v>236354</v>
      </c>
      <c r="MM36" s="119">
        <v>271425</v>
      </c>
      <c r="MN36" s="120">
        <v>1117602</v>
      </c>
      <c r="MO36" s="143">
        <v>1117602</v>
      </c>
      <c r="MP36" s="142">
        <v>0</v>
      </c>
      <c r="MQ36" s="119">
        <v>0</v>
      </c>
      <c r="MR36" s="120">
        <v>0</v>
      </c>
      <c r="MS36" s="145"/>
      <c r="MT36" s="119">
        <v>0</v>
      </c>
      <c r="MU36" s="119">
        <v>0</v>
      </c>
      <c r="MV36" s="119">
        <v>397513</v>
      </c>
      <c r="MW36" s="119">
        <v>236354</v>
      </c>
      <c r="MX36" s="119">
        <v>0</v>
      </c>
      <c r="MY36" s="120">
        <v>633867</v>
      </c>
      <c r="MZ36" s="143">
        <v>633867</v>
      </c>
      <c r="NA36" s="142">
        <v>0</v>
      </c>
      <c r="NB36" s="119">
        <v>0</v>
      </c>
      <c r="NC36" s="120">
        <v>0</v>
      </c>
      <c r="ND36" s="145"/>
      <c r="NE36" s="119">
        <v>0</v>
      </c>
      <c r="NF36" s="119">
        <v>212310</v>
      </c>
      <c r="NG36" s="119">
        <v>0</v>
      </c>
      <c r="NH36" s="119">
        <v>0</v>
      </c>
      <c r="NI36" s="119">
        <v>271425</v>
      </c>
      <c r="NJ36" s="120">
        <v>483735</v>
      </c>
      <c r="NK36" s="321">
        <v>483735</v>
      </c>
      <c r="NL36" s="142">
        <v>0</v>
      </c>
      <c r="NM36" s="119">
        <v>0</v>
      </c>
      <c r="NN36" s="120">
        <v>0</v>
      </c>
      <c r="NO36" s="145"/>
      <c r="NP36" s="119">
        <v>0</v>
      </c>
      <c r="NQ36" s="119">
        <v>0</v>
      </c>
      <c r="NR36" s="119">
        <v>0</v>
      </c>
      <c r="NS36" s="119">
        <v>0</v>
      </c>
      <c r="NT36" s="119">
        <v>0</v>
      </c>
      <c r="NU36" s="120">
        <v>0</v>
      </c>
      <c r="NV36" s="121">
        <v>0</v>
      </c>
      <c r="NW36" s="142">
        <v>0</v>
      </c>
      <c r="NX36" s="119">
        <v>0</v>
      </c>
      <c r="NY36" s="120">
        <v>0</v>
      </c>
      <c r="NZ36" s="145"/>
      <c r="OA36" s="119">
        <v>0</v>
      </c>
      <c r="OB36" s="119">
        <v>0</v>
      </c>
      <c r="OC36" s="119">
        <v>0</v>
      </c>
      <c r="OD36" s="119">
        <v>0</v>
      </c>
      <c r="OE36" s="119">
        <v>0</v>
      </c>
      <c r="OF36" s="120">
        <v>0</v>
      </c>
      <c r="OG36" s="121">
        <v>0</v>
      </c>
      <c r="OH36" s="142">
        <v>6384</v>
      </c>
      <c r="OI36" s="119">
        <v>0</v>
      </c>
      <c r="OJ36" s="141">
        <v>6384</v>
      </c>
      <c r="OK36" s="118">
        <v>0</v>
      </c>
      <c r="OL36" s="119">
        <v>429648</v>
      </c>
      <c r="OM36" s="119">
        <v>399268</v>
      </c>
      <c r="ON36" s="119">
        <v>660472</v>
      </c>
      <c r="OO36" s="119">
        <v>413417</v>
      </c>
      <c r="OP36" s="119">
        <v>925478</v>
      </c>
      <c r="OQ36" s="120">
        <v>2828283</v>
      </c>
      <c r="OR36" s="143">
        <v>2834667</v>
      </c>
    </row>
    <row r="37" spans="1:408" ht="20.25" customHeight="1" x14ac:dyDescent="0.2">
      <c r="A37" s="126" t="s">
        <v>32</v>
      </c>
      <c r="B37" s="110">
        <v>0</v>
      </c>
      <c r="C37" s="114">
        <v>11760</v>
      </c>
      <c r="D37" s="174">
        <v>11760</v>
      </c>
      <c r="E37" s="175">
        <v>0</v>
      </c>
      <c r="F37" s="176">
        <v>328201</v>
      </c>
      <c r="G37" s="176">
        <v>462814</v>
      </c>
      <c r="H37" s="176">
        <v>169584</v>
      </c>
      <c r="I37" s="176">
        <v>438791</v>
      </c>
      <c r="J37" s="176">
        <v>239724</v>
      </c>
      <c r="K37" s="177">
        <v>1639114</v>
      </c>
      <c r="L37" s="116">
        <v>1650874</v>
      </c>
      <c r="M37" s="110">
        <v>0</v>
      </c>
      <c r="N37" s="114">
        <v>0</v>
      </c>
      <c r="O37" s="113">
        <v>0</v>
      </c>
      <c r="P37" s="110">
        <v>0</v>
      </c>
      <c r="Q37" s="114">
        <v>15687</v>
      </c>
      <c r="R37" s="114">
        <v>123284</v>
      </c>
      <c r="S37" s="114">
        <v>34146</v>
      </c>
      <c r="T37" s="114">
        <v>227300</v>
      </c>
      <c r="U37" s="114">
        <v>43731</v>
      </c>
      <c r="V37" s="113">
        <v>444148</v>
      </c>
      <c r="W37" s="116">
        <v>444148</v>
      </c>
      <c r="X37" s="110">
        <v>0</v>
      </c>
      <c r="Y37" s="114">
        <v>0</v>
      </c>
      <c r="Z37" s="113">
        <v>0</v>
      </c>
      <c r="AA37" s="110">
        <v>0</v>
      </c>
      <c r="AB37" s="114">
        <v>7287</v>
      </c>
      <c r="AC37" s="114">
        <v>72954</v>
      </c>
      <c r="AD37" s="114">
        <v>0</v>
      </c>
      <c r="AE37" s="114">
        <v>167475</v>
      </c>
      <c r="AF37" s="114">
        <v>27652</v>
      </c>
      <c r="AG37" s="113">
        <v>275368</v>
      </c>
      <c r="AH37" s="116">
        <v>275368</v>
      </c>
      <c r="AI37" s="110">
        <v>0</v>
      </c>
      <c r="AJ37" s="114">
        <v>0</v>
      </c>
      <c r="AK37" s="113">
        <v>0</v>
      </c>
      <c r="AL37" s="110">
        <v>0</v>
      </c>
      <c r="AM37" s="114">
        <v>0</v>
      </c>
      <c r="AN37" s="114">
        <v>0</v>
      </c>
      <c r="AO37" s="114">
        <v>0</v>
      </c>
      <c r="AP37" s="114">
        <v>0</v>
      </c>
      <c r="AQ37" s="114">
        <v>0</v>
      </c>
      <c r="AR37" s="113">
        <v>0</v>
      </c>
      <c r="AS37" s="116">
        <v>0</v>
      </c>
      <c r="AT37" s="110">
        <v>0</v>
      </c>
      <c r="AU37" s="114">
        <v>0</v>
      </c>
      <c r="AV37" s="113">
        <v>0</v>
      </c>
      <c r="AW37" s="110">
        <v>0</v>
      </c>
      <c r="AX37" s="114">
        <v>0</v>
      </c>
      <c r="AY37" s="114">
        <v>39543</v>
      </c>
      <c r="AZ37" s="114">
        <v>0</v>
      </c>
      <c r="BA37" s="114">
        <v>17713</v>
      </c>
      <c r="BB37" s="114">
        <v>0</v>
      </c>
      <c r="BC37" s="113">
        <v>57256</v>
      </c>
      <c r="BD37" s="116">
        <v>57256</v>
      </c>
      <c r="BE37" s="110">
        <v>0</v>
      </c>
      <c r="BF37" s="114">
        <v>0</v>
      </c>
      <c r="BG37" s="112">
        <v>0</v>
      </c>
      <c r="BH37" s="111">
        <v>0</v>
      </c>
      <c r="BI37" s="114">
        <v>0</v>
      </c>
      <c r="BJ37" s="114">
        <v>0</v>
      </c>
      <c r="BK37" s="114">
        <v>26768</v>
      </c>
      <c r="BL37" s="114">
        <v>0</v>
      </c>
      <c r="BM37" s="114">
        <v>0</v>
      </c>
      <c r="BN37" s="113">
        <v>26768</v>
      </c>
      <c r="BO37" s="116">
        <v>26768</v>
      </c>
      <c r="BP37" s="110">
        <v>0</v>
      </c>
      <c r="BQ37" s="114">
        <v>0</v>
      </c>
      <c r="BR37" s="113">
        <v>0</v>
      </c>
      <c r="BS37" s="110">
        <v>0</v>
      </c>
      <c r="BT37" s="114">
        <v>8400</v>
      </c>
      <c r="BU37" s="114">
        <v>10787</v>
      </c>
      <c r="BV37" s="114">
        <v>7378</v>
      </c>
      <c r="BW37" s="114">
        <v>42112</v>
      </c>
      <c r="BX37" s="114">
        <v>16079</v>
      </c>
      <c r="BY37" s="113">
        <v>84756</v>
      </c>
      <c r="BZ37" s="116">
        <v>84756</v>
      </c>
      <c r="CA37" s="110">
        <v>0</v>
      </c>
      <c r="CB37" s="114">
        <v>0</v>
      </c>
      <c r="CC37" s="113">
        <v>0</v>
      </c>
      <c r="CD37" s="110">
        <v>0</v>
      </c>
      <c r="CE37" s="114">
        <v>48123</v>
      </c>
      <c r="CF37" s="114">
        <v>133068</v>
      </c>
      <c r="CG37" s="114">
        <v>64530</v>
      </c>
      <c r="CH37" s="114">
        <v>0</v>
      </c>
      <c r="CI37" s="114">
        <v>0</v>
      </c>
      <c r="CJ37" s="113">
        <v>245721</v>
      </c>
      <c r="CK37" s="116">
        <v>245721</v>
      </c>
      <c r="CL37" s="110">
        <v>0</v>
      </c>
      <c r="CM37" s="114">
        <v>0</v>
      </c>
      <c r="CN37" s="113">
        <v>0</v>
      </c>
      <c r="CO37" s="111">
        <v>0</v>
      </c>
      <c r="CP37" s="114">
        <v>48123</v>
      </c>
      <c r="CQ37" s="114">
        <v>34258</v>
      </c>
      <c r="CR37" s="114">
        <v>0</v>
      </c>
      <c r="CS37" s="114">
        <v>0</v>
      </c>
      <c r="CT37" s="114">
        <v>0</v>
      </c>
      <c r="CU37" s="113">
        <v>82381</v>
      </c>
      <c r="CV37" s="116">
        <v>82381</v>
      </c>
      <c r="CW37" s="110">
        <v>0</v>
      </c>
      <c r="CX37" s="114">
        <v>0</v>
      </c>
      <c r="CY37" s="113">
        <v>0</v>
      </c>
      <c r="CZ37" s="110">
        <v>0</v>
      </c>
      <c r="DA37" s="114">
        <v>0</v>
      </c>
      <c r="DB37" s="114">
        <v>98810</v>
      </c>
      <c r="DC37" s="114">
        <v>64530</v>
      </c>
      <c r="DD37" s="114">
        <v>0</v>
      </c>
      <c r="DE37" s="114">
        <v>0</v>
      </c>
      <c r="DF37" s="113">
        <v>163340</v>
      </c>
      <c r="DG37" s="116">
        <v>163340</v>
      </c>
      <c r="DH37" s="110">
        <v>0</v>
      </c>
      <c r="DI37" s="114">
        <v>0</v>
      </c>
      <c r="DJ37" s="112">
        <v>0</v>
      </c>
      <c r="DK37" s="111">
        <v>0</v>
      </c>
      <c r="DL37" s="114">
        <v>107650</v>
      </c>
      <c r="DM37" s="114">
        <v>48332</v>
      </c>
      <c r="DN37" s="114">
        <v>21103</v>
      </c>
      <c r="DO37" s="114">
        <v>0</v>
      </c>
      <c r="DP37" s="114">
        <v>0</v>
      </c>
      <c r="DQ37" s="113">
        <v>177085</v>
      </c>
      <c r="DR37" s="116">
        <v>177085</v>
      </c>
      <c r="DS37" s="110">
        <v>0</v>
      </c>
      <c r="DT37" s="114">
        <v>0</v>
      </c>
      <c r="DU37" s="113">
        <v>0</v>
      </c>
      <c r="DV37" s="110">
        <v>0</v>
      </c>
      <c r="DW37" s="114">
        <v>107650</v>
      </c>
      <c r="DX37" s="114">
        <v>20404</v>
      </c>
      <c r="DY37" s="114">
        <v>0</v>
      </c>
      <c r="DZ37" s="114">
        <v>0</v>
      </c>
      <c r="EA37" s="114">
        <v>0</v>
      </c>
      <c r="EB37" s="113">
        <v>128054</v>
      </c>
      <c r="EC37" s="116">
        <v>128054</v>
      </c>
      <c r="ED37" s="110">
        <v>0</v>
      </c>
      <c r="EE37" s="112">
        <v>0</v>
      </c>
      <c r="EF37" s="113">
        <v>0</v>
      </c>
      <c r="EG37" s="110">
        <v>0</v>
      </c>
      <c r="EH37" s="114">
        <v>0</v>
      </c>
      <c r="EI37" s="114">
        <v>27928</v>
      </c>
      <c r="EJ37" s="114">
        <v>21103</v>
      </c>
      <c r="EK37" s="114">
        <v>0</v>
      </c>
      <c r="EL37" s="114">
        <v>0</v>
      </c>
      <c r="EM37" s="112">
        <v>49031</v>
      </c>
      <c r="EN37" s="116">
        <v>49031</v>
      </c>
      <c r="EO37" s="110">
        <v>0</v>
      </c>
      <c r="EP37" s="114">
        <v>0</v>
      </c>
      <c r="EQ37" s="112">
        <v>0</v>
      </c>
      <c r="ER37" s="111">
        <v>0</v>
      </c>
      <c r="ES37" s="114">
        <v>0</v>
      </c>
      <c r="ET37" s="114">
        <v>0</v>
      </c>
      <c r="EU37" s="114">
        <v>0</v>
      </c>
      <c r="EV37" s="114">
        <v>0</v>
      </c>
      <c r="EW37" s="114">
        <v>0</v>
      </c>
      <c r="EX37" s="113">
        <v>0</v>
      </c>
      <c r="EY37" s="116">
        <v>0</v>
      </c>
      <c r="EZ37" s="110">
        <v>0</v>
      </c>
      <c r="FA37" s="114">
        <v>0</v>
      </c>
      <c r="FB37" s="112">
        <v>0</v>
      </c>
      <c r="FC37" s="348"/>
      <c r="FD37" s="114">
        <v>0</v>
      </c>
      <c r="FE37" s="114">
        <v>0</v>
      </c>
      <c r="FF37" s="114">
        <v>0</v>
      </c>
      <c r="FG37" s="114">
        <v>0</v>
      </c>
      <c r="FH37" s="114">
        <v>0</v>
      </c>
      <c r="FI37" s="113">
        <v>0</v>
      </c>
      <c r="FJ37" s="116">
        <v>0</v>
      </c>
      <c r="FK37" s="110">
        <v>0</v>
      </c>
      <c r="FL37" s="114">
        <v>11760</v>
      </c>
      <c r="FM37" s="113">
        <v>11760</v>
      </c>
      <c r="FN37" s="110">
        <v>0</v>
      </c>
      <c r="FO37" s="114">
        <v>16380</v>
      </c>
      <c r="FP37" s="114">
        <v>9800</v>
      </c>
      <c r="FQ37" s="114">
        <v>49805</v>
      </c>
      <c r="FR37" s="114">
        <v>31885</v>
      </c>
      <c r="FS37" s="114">
        <v>0</v>
      </c>
      <c r="FT37" s="113">
        <v>107870</v>
      </c>
      <c r="FU37" s="116">
        <v>119630</v>
      </c>
      <c r="FV37" s="115">
        <v>0</v>
      </c>
      <c r="FW37" s="114">
        <v>11760</v>
      </c>
      <c r="FX37" s="112">
        <v>11760</v>
      </c>
      <c r="FY37" s="111">
        <v>0</v>
      </c>
      <c r="FZ37" s="114">
        <v>16380</v>
      </c>
      <c r="GA37" s="114">
        <v>9800</v>
      </c>
      <c r="GB37" s="114">
        <v>49805</v>
      </c>
      <c r="GC37" s="114">
        <v>31885</v>
      </c>
      <c r="GD37" s="114">
        <v>0</v>
      </c>
      <c r="GE37" s="113">
        <v>107870</v>
      </c>
      <c r="GF37" s="319">
        <v>119630</v>
      </c>
      <c r="GG37" s="115">
        <v>0</v>
      </c>
      <c r="GH37" s="114">
        <v>0</v>
      </c>
      <c r="GI37" s="112">
        <v>0</v>
      </c>
      <c r="GJ37" s="111">
        <v>0</v>
      </c>
      <c r="GK37" s="114">
        <v>0</v>
      </c>
      <c r="GL37" s="114">
        <v>0</v>
      </c>
      <c r="GM37" s="114">
        <v>0</v>
      </c>
      <c r="GN37" s="114">
        <v>0</v>
      </c>
      <c r="GO37" s="114">
        <v>0</v>
      </c>
      <c r="GP37" s="113">
        <v>0</v>
      </c>
      <c r="GQ37" s="116">
        <v>0</v>
      </c>
      <c r="GR37" s="110">
        <v>0</v>
      </c>
      <c r="GS37" s="114">
        <v>0</v>
      </c>
      <c r="GT37" s="113">
        <v>0</v>
      </c>
      <c r="GU37" s="110">
        <v>0</v>
      </c>
      <c r="GV37" s="114">
        <v>0</v>
      </c>
      <c r="GW37" s="114">
        <v>0</v>
      </c>
      <c r="GX37" s="114">
        <v>0</v>
      </c>
      <c r="GY37" s="114">
        <v>0</v>
      </c>
      <c r="GZ37" s="114">
        <v>0</v>
      </c>
      <c r="HA37" s="112">
        <v>0</v>
      </c>
      <c r="HB37" s="116">
        <v>0</v>
      </c>
      <c r="HC37" s="110">
        <v>0</v>
      </c>
      <c r="HD37" s="114">
        <v>0</v>
      </c>
      <c r="HE37" s="112">
        <v>0</v>
      </c>
      <c r="HF37" s="111">
        <v>0</v>
      </c>
      <c r="HG37" s="114">
        <v>140361</v>
      </c>
      <c r="HH37" s="114">
        <v>148330</v>
      </c>
      <c r="HI37" s="114">
        <v>0</v>
      </c>
      <c r="HJ37" s="114">
        <v>179606</v>
      </c>
      <c r="HK37" s="114">
        <v>195993</v>
      </c>
      <c r="HL37" s="113">
        <v>664290</v>
      </c>
      <c r="HM37" s="109">
        <v>664290</v>
      </c>
      <c r="HN37" s="329"/>
      <c r="HO37" s="330"/>
      <c r="HP37" s="331"/>
      <c r="HQ37" s="332"/>
      <c r="HR37" s="330"/>
      <c r="HS37" s="330"/>
      <c r="HT37" s="330"/>
      <c r="HU37" s="330"/>
      <c r="HV37" s="330"/>
      <c r="HW37" s="333"/>
      <c r="HX37" s="334"/>
      <c r="HY37" s="131">
        <v>0</v>
      </c>
      <c r="HZ37" s="132">
        <v>0</v>
      </c>
      <c r="IA37" s="133">
        <v>0</v>
      </c>
      <c r="IB37" s="146">
        <v>0</v>
      </c>
      <c r="IC37" s="132">
        <v>21213</v>
      </c>
      <c r="ID37" s="147">
        <v>333746</v>
      </c>
      <c r="IE37" s="133">
        <v>250001</v>
      </c>
      <c r="IF37" s="132">
        <v>0</v>
      </c>
      <c r="IG37" s="133">
        <v>224273</v>
      </c>
      <c r="IH37" s="148">
        <v>829233</v>
      </c>
      <c r="II37" s="139">
        <v>829233</v>
      </c>
      <c r="IJ37" s="232">
        <v>0</v>
      </c>
      <c r="IK37" s="236">
        <v>0</v>
      </c>
      <c r="IL37" s="237">
        <v>0</v>
      </c>
      <c r="IM37" s="140"/>
      <c r="IN37" s="119">
        <v>0</v>
      </c>
      <c r="IO37" s="119">
        <v>81095</v>
      </c>
      <c r="IP37" s="119">
        <v>0</v>
      </c>
      <c r="IQ37" s="119">
        <v>0</v>
      </c>
      <c r="IR37" s="119">
        <v>0</v>
      </c>
      <c r="IS37" s="141">
        <v>81095</v>
      </c>
      <c r="IT37" s="321">
        <v>81095</v>
      </c>
      <c r="IU37" s="142">
        <v>0</v>
      </c>
      <c r="IV37" s="119">
        <v>0</v>
      </c>
      <c r="IW37" s="120">
        <v>0</v>
      </c>
      <c r="IX37" s="144"/>
      <c r="IY37" s="119">
        <v>0</v>
      </c>
      <c r="IZ37" s="119">
        <v>0</v>
      </c>
      <c r="JA37" s="119">
        <v>0</v>
      </c>
      <c r="JB37" s="119">
        <v>0</v>
      </c>
      <c r="JC37" s="119">
        <v>0</v>
      </c>
      <c r="JD37" s="120">
        <v>0</v>
      </c>
      <c r="JE37" s="121">
        <v>0</v>
      </c>
      <c r="JF37" s="142">
        <v>0</v>
      </c>
      <c r="JG37" s="119">
        <v>0</v>
      </c>
      <c r="JH37" s="141">
        <v>0</v>
      </c>
      <c r="JI37" s="118">
        <v>0</v>
      </c>
      <c r="JJ37" s="119">
        <v>21213</v>
      </c>
      <c r="JK37" s="119">
        <v>94976</v>
      </c>
      <c r="JL37" s="119">
        <v>33904</v>
      </c>
      <c r="JM37" s="119">
        <v>0</v>
      </c>
      <c r="JN37" s="119">
        <v>0</v>
      </c>
      <c r="JO37" s="120">
        <v>150093</v>
      </c>
      <c r="JP37" s="321">
        <v>150093</v>
      </c>
      <c r="JQ37" s="142">
        <v>0</v>
      </c>
      <c r="JR37" s="119">
        <v>0</v>
      </c>
      <c r="JS37" s="141">
        <v>0</v>
      </c>
      <c r="JT37" s="118">
        <v>0</v>
      </c>
      <c r="JU37" s="119">
        <v>0</v>
      </c>
      <c r="JV37" s="119">
        <v>0</v>
      </c>
      <c r="JW37" s="119">
        <v>0</v>
      </c>
      <c r="JX37" s="119">
        <v>0</v>
      </c>
      <c r="JY37" s="119">
        <v>0</v>
      </c>
      <c r="JZ37" s="120">
        <v>0</v>
      </c>
      <c r="KA37" s="321">
        <v>0</v>
      </c>
      <c r="KB37" s="234">
        <v>0</v>
      </c>
      <c r="KC37" s="230">
        <v>0</v>
      </c>
      <c r="KD37" s="120">
        <v>0</v>
      </c>
      <c r="KE37" s="118">
        <v>0</v>
      </c>
      <c r="KF37" s="119">
        <v>0</v>
      </c>
      <c r="KG37" s="119">
        <v>0</v>
      </c>
      <c r="KH37" s="119">
        <v>0</v>
      </c>
      <c r="KI37" s="119">
        <v>0</v>
      </c>
      <c r="KJ37" s="119">
        <v>0</v>
      </c>
      <c r="KK37" s="120">
        <v>0</v>
      </c>
      <c r="KL37" s="143">
        <v>0</v>
      </c>
      <c r="KM37" s="232">
        <v>0</v>
      </c>
      <c r="KN37" s="236">
        <v>0</v>
      </c>
      <c r="KO37" s="237">
        <v>0</v>
      </c>
      <c r="KP37" s="140"/>
      <c r="KQ37" s="119">
        <v>0</v>
      </c>
      <c r="KR37" s="119">
        <v>0</v>
      </c>
      <c r="KS37" s="119">
        <v>216097</v>
      </c>
      <c r="KT37" s="119">
        <v>0</v>
      </c>
      <c r="KU37" s="119">
        <v>224273</v>
      </c>
      <c r="KV37" s="120">
        <v>440370</v>
      </c>
      <c r="KW37" s="321">
        <v>440370</v>
      </c>
      <c r="KX37" s="142">
        <v>0</v>
      </c>
      <c r="KY37" s="119">
        <v>0</v>
      </c>
      <c r="KZ37" s="120">
        <v>0</v>
      </c>
      <c r="LA37" s="145"/>
      <c r="LB37" s="119">
        <v>0</v>
      </c>
      <c r="LC37" s="119">
        <v>0</v>
      </c>
      <c r="LD37" s="119">
        <v>0</v>
      </c>
      <c r="LE37" s="119">
        <v>0</v>
      </c>
      <c r="LF37" s="119">
        <v>0</v>
      </c>
      <c r="LG37" s="120">
        <v>0</v>
      </c>
      <c r="LH37" s="121">
        <v>0</v>
      </c>
      <c r="LI37" s="142">
        <v>0</v>
      </c>
      <c r="LJ37" s="119">
        <v>0</v>
      </c>
      <c r="LK37" s="120">
        <v>0</v>
      </c>
      <c r="LL37" s="145"/>
      <c r="LM37" s="119">
        <v>0</v>
      </c>
      <c r="LN37" s="119">
        <v>157675</v>
      </c>
      <c r="LO37" s="119">
        <v>0</v>
      </c>
      <c r="LP37" s="119">
        <v>0</v>
      </c>
      <c r="LQ37" s="119">
        <v>0</v>
      </c>
      <c r="LR37" s="120">
        <v>157675</v>
      </c>
      <c r="LS37" s="321">
        <v>157675</v>
      </c>
      <c r="LT37" s="142">
        <v>0</v>
      </c>
      <c r="LU37" s="119">
        <v>0</v>
      </c>
      <c r="LV37" s="120">
        <v>0</v>
      </c>
      <c r="LW37" s="145"/>
      <c r="LX37" s="119">
        <v>0</v>
      </c>
      <c r="LY37" s="119">
        <v>0</v>
      </c>
      <c r="LZ37" s="119">
        <v>0</v>
      </c>
      <c r="MA37" s="119">
        <v>0</v>
      </c>
      <c r="MB37" s="119">
        <v>0</v>
      </c>
      <c r="MC37" s="120">
        <v>0</v>
      </c>
      <c r="MD37" s="121">
        <v>0</v>
      </c>
      <c r="ME37" s="142">
        <v>0</v>
      </c>
      <c r="MF37" s="119">
        <v>0</v>
      </c>
      <c r="MG37" s="120">
        <v>0</v>
      </c>
      <c r="MH37" s="145"/>
      <c r="MI37" s="119">
        <v>0</v>
      </c>
      <c r="MJ37" s="119">
        <v>0</v>
      </c>
      <c r="MK37" s="119">
        <v>0</v>
      </c>
      <c r="ML37" s="119">
        <v>0</v>
      </c>
      <c r="MM37" s="119">
        <v>255234</v>
      </c>
      <c r="MN37" s="120">
        <v>255234</v>
      </c>
      <c r="MO37" s="143">
        <v>255234</v>
      </c>
      <c r="MP37" s="142">
        <v>0</v>
      </c>
      <c r="MQ37" s="119">
        <v>0</v>
      </c>
      <c r="MR37" s="120">
        <v>0</v>
      </c>
      <c r="MS37" s="145"/>
      <c r="MT37" s="119">
        <v>0</v>
      </c>
      <c r="MU37" s="119">
        <v>0</v>
      </c>
      <c r="MV37" s="119">
        <v>0</v>
      </c>
      <c r="MW37" s="119">
        <v>0</v>
      </c>
      <c r="MX37" s="119">
        <v>255234</v>
      </c>
      <c r="MY37" s="120">
        <v>255234</v>
      </c>
      <c r="MZ37" s="143">
        <v>255234</v>
      </c>
      <c r="NA37" s="142">
        <v>0</v>
      </c>
      <c r="NB37" s="119">
        <v>0</v>
      </c>
      <c r="NC37" s="120">
        <v>0</v>
      </c>
      <c r="ND37" s="145"/>
      <c r="NE37" s="119">
        <v>0</v>
      </c>
      <c r="NF37" s="119">
        <v>0</v>
      </c>
      <c r="NG37" s="119">
        <v>0</v>
      </c>
      <c r="NH37" s="119">
        <v>0</v>
      </c>
      <c r="NI37" s="119">
        <v>0</v>
      </c>
      <c r="NJ37" s="120">
        <v>0</v>
      </c>
      <c r="NK37" s="321">
        <v>0</v>
      </c>
      <c r="NL37" s="142">
        <v>0</v>
      </c>
      <c r="NM37" s="119">
        <v>0</v>
      </c>
      <c r="NN37" s="120">
        <v>0</v>
      </c>
      <c r="NO37" s="145"/>
      <c r="NP37" s="119">
        <v>0</v>
      </c>
      <c r="NQ37" s="119">
        <v>0</v>
      </c>
      <c r="NR37" s="119">
        <v>0</v>
      </c>
      <c r="NS37" s="119">
        <v>0</v>
      </c>
      <c r="NT37" s="119">
        <v>0</v>
      </c>
      <c r="NU37" s="120">
        <v>0</v>
      </c>
      <c r="NV37" s="121">
        <v>0</v>
      </c>
      <c r="NW37" s="142">
        <v>0</v>
      </c>
      <c r="NX37" s="119">
        <v>0</v>
      </c>
      <c r="NY37" s="120">
        <v>0</v>
      </c>
      <c r="NZ37" s="145"/>
      <c r="OA37" s="119">
        <v>0</v>
      </c>
      <c r="OB37" s="119">
        <v>0</v>
      </c>
      <c r="OC37" s="119">
        <v>0</v>
      </c>
      <c r="OD37" s="119">
        <v>0</v>
      </c>
      <c r="OE37" s="119">
        <v>0</v>
      </c>
      <c r="OF37" s="120">
        <v>0</v>
      </c>
      <c r="OG37" s="121">
        <v>0</v>
      </c>
      <c r="OH37" s="142">
        <v>0</v>
      </c>
      <c r="OI37" s="119">
        <v>11760</v>
      </c>
      <c r="OJ37" s="141">
        <v>11760</v>
      </c>
      <c r="OK37" s="118">
        <v>0</v>
      </c>
      <c r="OL37" s="119">
        <v>349414</v>
      </c>
      <c r="OM37" s="119">
        <v>796560</v>
      </c>
      <c r="ON37" s="119">
        <v>419585</v>
      </c>
      <c r="OO37" s="119">
        <v>438791</v>
      </c>
      <c r="OP37" s="119">
        <v>719231</v>
      </c>
      <c r="OQ37" s="120">
        <v>2723581</v>
      </c>
      <c r="OR37" s="143">
        <v>2735341</v>
      </c>
    </row>
    <row r="38" spans="1:408" ht="20.25" customHeight="1" x14ac:dyDescent="0.2">
      <c r="A38" s="126" t="s">
        <v>33</v>
      </c>
      <c r="B38" s="110">
        <v>78226</v>
      </c>
      <c r="C38" s="114">
        <v>27208</v>
      </c>
      <c r="D38" s="113">
        <v>105434</v>
      </c>
      <c r="E38" s="109">
        <v>0</v>
      </c>
      <c r="F38" s="114">
        <v>332490</v>
      </c>
      <c r="G38" s="114">
        <v>249911</v>
      </c>
      <c r="H38" s="114">
        <v>617052</v>
      </c>
      <c r="I38" s="114">
        <v>336733</v>
      </c>
      <c r="J38" s="114">
        <v>154729</v>
      </c>
      <c r="K38" s="173">
        <v>1690915</v>
      </c>
      <c r="L38" s="116">
        <v>1796349</v>
      </c>
      <c r="M38" s="110">
        <v>30088</v>
      </c>
      <c r="N38" s="114">
        <v>20908</v>
      </c>
      <c r="O38" s="113">
        <v>50996</v>
      </c>
      <c r="P38" s="110">
        <v>0</v>
      </c>
      <c r="Q38" s="114">
        <v>83422</v>
      </c>
      <c r="R38" s="114">
        <v>81502</v>
      </c>
      <c r="S38" s="114">
        <v>211457</v>
      </c>
      <c r="T38" s="114">
        <v>93585</v>
      </c>
      <c r="U38" s="114">
        <v>131279</v>
      </c>
      <c r="V38" s="113">
        <v>601245</v>
      </c>
      <c r="W38" s="116">
        <v>652241</v>
      </c>
      <c r="X38" s="110">
        <v>0</v>
      </c>
      <c r="Y38" s="114">
        <v>0</v>
      </c>
      <c r="Z38" s="113">
        <v>0</v>
      </c>
      <c r="AA38" s="110">
        <v>0</v>
      </c>
      <c r="AB38" s="114">
        <v>17445</v>
      </c>
      <c r="AC38" s="114">
        <v>0</v>
      </c>
      <c r="AD38" s="114">
        <v>61023</v>
      </c>
      <c r="AE38" s="114">
        <v>0</v>
      </c>
      <c r="AF38" s="114">
        <v>0</v>
      </c>
      <c r="AG38" s="113">
        <v>78468</v>
      </c>
      <c r="AH38" s="116">
        <v>78468</v>
      </c>
      <c r="AI38" s="110">
        <v>0</v>
      </c>
      <c r="AJ38" s="114">
        <v>0</v>
      </c>
      <c r="AK38" s="113">
        <v>0</v>
      </c>
      <c r="AL38" s="110">
        <v>0</v>
      </c>
      <c r="AM38" s="114">
        <v>0</v>
      </c>
      <c r="AN38" s="114">
        <v>0</v>
      </c>
      <c r="AO38" s="114">
        <v>0</v>
      </c>
      <c r="AP38" s="114">
        <v>0</v>
      </c>
      <c r="AQ38" s="114">
        <v>0</v>
      </c>
      <c r="AR38" s="113">
        <v>0</v>
      </c>
      <c r="AS38" s="116">
        <v>0</v>
      </c>
      <c r="AT38" s="110">
        <v>30088</v>
      </c>
      <c r="AU38" s="114">
        <v>0</v>
      </c>
      <c r="AV38" s="113">
        <v>30088</v>
      </c>
      <c r="AW38" s="110">
        <v>0</v>
      </c>
      <c r="AX38" s="114">
        <v>21704</v>
      </c>
      <c r="AY38" s="114">
        <v>49127</v>
      </c>
      <c r="AZ38" s="114">
        <v>104432</v>
      </c>
      <c r="BA38" s="114">
        <v>0</v>
      </c>
      <c r="BB38" s="114">
        <v>63879</v>
      </c>
      <c r="BC38" s="113">
        <v>239142</v>
      </c>
      <c r="BD38" s="116">
        <v>269230</v>
      </c>
      <c r="BE38" s="110">
        <v>0</v>
      </c>
      <c r="BF38" s="114">
        <v>20908</v>
      </c>
      <c r="BG38" s="112">
        <v>20908</v>
      </c>
      <c r="BH38" s="111">
        <v>0</v>
      </c>
      <c r="BI38" s="114">
        <v>33423</v>
      </c>
      <c r="BJ38" s="114">
        <v>0</v>
      </c>
      <c r="BK38" s="114">
        <v>26738</v>
      </c>
      <c r="BL38" s="114">
        <v>93585</v>
      </c>
      <c r="BM38" s="114">
        <v>60162</v>
      </c>
      <c r="BN38" s="113">
        <v>213908</v>
      </c>
      <c r="BO38" s="116">
        <v>234816</v>
      </c>
      <c r="BP38" s="110">
        <v>0</v>
      </c>
      <c r="BQ38" s="114">
        <v>0</v>
      </c>
      <c r="BR38" s="113">
        <v>0</v>
      </c>
      <c r="BS38" s="110">
        <v>0</v>
      </c>
      <c r="BT38" s="114">
        <v>10850</v>
      </c>
      <c r="BU38" s="114">
        <v>32375</v>
      </c>
      <c r="BV38" s="114">
        <v>19264</v>
      </c>
      <c r="BW38" s="114">
        <v>0</v>
      </c>
      <c r="BX38" s="114">
        <v>7238</v>
      </c>
      <c r="BY38" s="113">
        <v>69727</v>
      </c>
      <c r="BZ38" s="116">
        <v>69727</v>
      </c>
      <c r="CA38" s="110">
        <v>0</v>
      </c>
      <c r="CB38" s="114">
        <v>0</v>
      </c>
      <c r="CC38" s="113">
        <v>0</v>
      </c>
      <c r="CD38" s="110">
        <v>0</v>
      </c>
      <c r="CE38" s="114">
        <v>68805</v>
      </c>
      <c r="CF38" s="114">
        <v>0</v>
      </c>
      <c r="CG38" s="114">
        <v>0</v>
      </c>
      <c r="CH38" s="114">
        <v>44664</v>
      </c>
      <c r="CI38" s="114">
        <v>0</v>
      </c>
      <c r="CJ38" s="113">
        <v>113469</v>
      </c>
      <c r="CK38" s="116">
        <v>113469</v>
      </c>
      <c r="CL38" s="110">
        <v>0</v>
      </c>
      <c r="CM38" s="114">
        <v>0</v>
      </c>
      <c r="CN38" s="113">
        <v>0</v>
      </c>
      <c r="CO38" s="111">
        <v>0</v>
      </c>
      <c r="CP38" s="114">
        <v>42074</v>
      </c>
      <c r="CQ38" s="114">
        <v>0</v>
      </c>
      <c r="CR38" s="114">
        <v>0</v>
      </c>
      <c r="CS38" s="114">
        <v>0</v>
      </c>
      <c r="CT38" s="114">
        <v>0</v>
      </c>
      <c r="CU38" s="113">
        <v>42074</v>
      </c>
      <c r="CV38" s="116">
        <v>42074</v>
      </c>
      <c r="CW38" s="110">
        <v>0</v>
      </c>
      <c r="CX38" s="114">
        <v>0</v>
      </c>
      <c r="CY38" s="113">
        <v>0</v>
      </c>
      <c r="CZ38" s="110">
        <v>0</v>
      </c>
      <c r="DA38" s="114">
        <v>26731</v>
      </c>
      <c r="DB38" s="114">
        <v>0</v>
      </c>
      <c r="DC38" s="114">
        <v>0</v>
      </c>
      <c r="DD38" s="114">
        <v>44664</v>
      </c>
      <c r="DE38" s="114">
        <v>0</v>
      </c>
      <c r="DF38" s="113">
        <v>71395</v>
      </c>
      <c r="DG38" s="116">
        <v>71395</v>
      </c>
      <c r="DH38" s="110">
        <v>0</v>
      </c>
      <c r="DI38" s="114">
        <v>0</v>
      </c>
      <c r="DJ38" s="112">
        <v>0</v>
      </c>
      <c r="DK38" s="111">
        <v>0</v>
      </c>
      <c r="DL38" s="114">
        <v>39353</v>
      </c>
      <c r="DM38" s="114">
        <v>0</v>
      </c>
      <c r="DN38" s="114">
        <v>21114</v>
      </c>
      <c r="DO38" s="114">
        <v>0</v>
      </c>
      <c r="DP38" s="114">
        <v>0</v>
      </c>
      <c r="DQ38" s="113">
        <v>60467</v>
      </c>
      <c r="DR38" s="116">
        <v>60467</v>
      </c>
      <c r="DS38" s="110">
        <v>0</v>
      </c>
      <c r="DT38" s="114">
        <v>0</v>
      </c>
      <c r="DU38" s="113">
        <v>0</v>
      </c>
      <c r="DV38" s="110">
        <v>0</v>
      </c>
      <c r="DW38" s="114">
        <v>39353</v>
      </c>
      <c r="DX38" s="114">
        <v>0</v>
      </c>
      <c r="DY38" s="114">
        <v>21114</v>
      </c>
      <c r="DZ38" s="114">
        <v>0</v>
      </c>
      <c r="EA38" s="114">
        <v>0</v>
      </c>
      <c r="EB38" s="113">
        <v>60467</v>
      </c>
      <c r="EC38" s="116">
        <v>60467</v>
      </c>
      <c r="ED38" s="110">
        <v>0</v>
      </c>
      <c r="EE38" s="112">
        <v>0</v>
      </c>
      <c r="EF38" s="113">
        <v>0</v>
      </c>
      <c r="EG38" s="110">
        <v>0</v>
      </c>
      <c r="EH38" s="114">
        <v>0</v>
      </c>
      <c r="EI38" s="114">
        <v>0</v>
      </c>
      <c r="EJ38" s="114">
        <v>0</v>
      </c>
      <c r="EK38" s="114">
        <v>0</v>
      </c>
      <c r="EL38" s="114">
        <v>0</v>
      </c>
      <c r="EM38" s="112">
        <v>0</v>
      </c>
      <c r="EN38" s="116">
        <v>0</v>
      </c>
      <c r="EO38" s="110">
        <v>0</v>
      </c>
      <c r="EP38" s="114">
        <v>0</v>
      </c>
      <c r="EQ38" s="112">
        <v>0</v>
      </c>
      <c r="ER38" s="111">
        <v>0</v>
      </c>
      <c r="ES38" s="114">
        <v>0</v>
      </c>
      <c r="ET38" s="114">
        <v>0</v>
      </c>
      <c r="EU38" s="114">
        <v>0</v>
      </c>
      <c r="EV38" s="114">
        <v>0</v>
      </c>
      <c r="EW38" s="114">
        <v>0</v>
      </c>
      <c r="EX38" s="113">
        <v>0</v>
      </c>
      <c r="EY38" s="116">
        <v>0</v>
      </c>
      <c r="EZ38" s="110">
        <v>0</v>
      </c>
      <c r="FA38" s="114">
        <v>0</v>
      </c>
      <c r="FB38" s="112">
        <v>0</v>
      </c>
      <c r="FC38" s="348"/>
      <c r="FD38" s="114">
        <v>0</v>
      </c>
      <c r="FE38" s="114">
        <v>0</v>
      </c>
      <c r="FF38" s="114">
        <v>0</v>
      </c>
      <c r="FG38" s="114">
        <v>0</v>
      </c>
      <c r="FH38" s="114">
        <v>0</v>
      </c>
      <c r="FI38" s="113">
        <v>0</v>
      </c>
      <c r="FJ38" s="116">
        <v>0</v>
      </c>
      <c r="FK38" s="110">
        <v>0</v>
      </c>
      <c r="FL38" s="114">
        <v>6300</v>
      </c>
      <c r="FM38" s="113">
        <v>6300</v>
      </c>
      <c r="FN38" s="110">
        <v>0</v>
      </c>
      <c r="FO38" s="114">
        <v>3500</v>
      </c>
      <c r="FP38" s="114">
        <v>13405</v>
      </c>
      <c r="FQ38" s="114">
        <v>32046</v>
      </c>
      <c r="FR38" s="114">
        <v>2450</v>
      </c>
      <c r="FS38" s="114">
        <v>23450</v>
      </c>
      <c r="FT38" s="113">
        <v>74851</v>
      </c>
      <c r="FU38" s="116">
        <v>81151</v>
      </c>
      <c r="FV38" s="115">
        <v>0</v>
      </c>
      <c r="FW38" s="114">
        <v>6300</v>
      </c>
      <c r="FX38" s="112">
        <v>6300</v>
      </c>
      <c r="FY38" s="111">
        <v>0</v>
      </c>
      <c r="FZ38" s="114">
        <v>3500</v>
      </c>
      <c r="GA38" s="114">
        <v>13405</v>
      </c>
      <c r="GB38" s="114">
        <v>32046</v>
      </c>
      <c r="GC38" s="114">
        <v>2450</v>
      </c>
      <c r="GD38" s="114">
        <v>23450</v>
      </c>
      <c r="GE38" s="113">
        <v>74851</v>
      </c>
      <c r="GF38" s="319">
        <v>81151</v>
      </c>
      <c r="GG38" s="115">
        <v>0</v>
      </c>
      <c r="GH38" s="114">
        <v>0</v>
      </c>
      <c r="GI38" s="112">
        <v>0</v>
      </c>
      <c r="GJ38" s="111">
        <v>0</v>
      </c>
      <c r="GK38" s="114">
        <v>0</v>
      </c>
      <c r="GL38" s="114">
        <v>0</v>
      </c>
      <c r="GM38" s="114">
        <v>0</v>
      </c>
      <c r="GN38" s="114">
        <v>0</v>
      </c>
      <c r="GO38" s="114">
        <v>0</v>
      </c>
      <c r="GP38" s="113">
        <v>0</v>
      </c>
      <c r="GQ38" s="116">
        <v>0</v>
      </c>
      <c r="GR38" s="110">
        <v>0</v>
      </c>
      <c r="GS38" s="114">
        <v>0</v>
      </c>
      <c r="GT38" s="113">
        <v>0</v>
      </c>
      <c r="GU38" s="110">
        <v>0</v>
      </c>
      <c r="GV38" s="114">
        <v>0</v>
      </c>
      <c r="GW38" s="114">
        <v>0</v>
      </c>
      <c r="GX38" s="114">
        <v>0</v>
      </c>
      <c r="GY38" s="114">
        <v>0</v>
      </c>
      <c r="GZ38" s="114">
        <v>0</v>
      </c>
      <c r="HA38" s="112">
        <v>0</v>
      </c>
      <c r="HB38" s="116">
        <v>0</v>
      </c>
      <c r="HC38" s="110">
        <v>48138</v>
      </c>
      <c r="HD38" s="114">
        <v>0</v>
      </c>
      <c r="HE38" s="112">
        <v>48138</v>
      </c>
      <c r="HF38" s="111">
        <v>0</v>
      </c>
      <c r="HG38" s="114">
        <v>137410</v>
      </c>
      <c r="HH38" s="114">
        <v>155004</v>
      </c>
      <c r="HI38" s="114">
        <v>352435</v>
      </c>
      <c r="HJ38" s="114">
        <v>196034</v>
      </c>
      <c r="HK38" s="114">
        <v>0</v>
      </c>
      <c r="HL38" s="113">
        <v>840883</v>
      </c>
      <c r="HM38" s="109">
        <v>889021</v>
      </c>
      <c r="HN38" s="329"/>
      <c r="HO38" s="330"/>
      <c r="HP38" s="331"/>
      <c r="HQ38" s="332"/>
      <c r="HR38" s="330"/>
      <c r="HS38" s="330"/>
      <c r="HT38" s="330"/>
      <c r="HU38" s="330"/>
      <c r="HV38" s="330"/>
      <c r="HW38" s="333"/>
      <c r="HX38" s="334"/>
      <c r="HY38" s="150">
        <v>0</v>
      </c>
      <c r="HZ38" s="135">
        <v>0</v>
      </c>
      <c r="IA38" s="150">
        <v>0</v>
      </c>
      <c r="IB38" s="146">
        <v>0</v>
      </c>
      <c r="IC38" s="132">
        <v>60495</v>
      </c>
      <c r="ID38" s="147">
        <v>0</v>
      </c>
      <c r="IE38" s="133">
        <v>75457</v>
      </c>
      <c r="IF38" s="132">
        <v>0</v>
      </c>
      <c r="IG38" s="133">
        <v>0</v>
      </c>
      <c r="IH38" s="148">
        <v>135952</v>
      </c>
      <c r="II38" s="150">
        <v>135952</v>
      </c>
      <c r="IJ38" s="232">
        <v>0</v>
      </c>
      <c r="IK38" s="236">
        <v>0</v>
      </c>
      <c r="IL38" s="237">
        <v>0</v>
      </c>
      <c r="IM38" s="140"/>
      <c r="IN38" s="119">
        <v>0</v>
      </c>
      <c r="IO38" s="119">
        <v>0</v>
      </c>
      <c r="IP38" s="119">
        <v>0</v>
      </c>
      <c r="IQ38" s="119">
        <v>0</v>
      </c>
      <c r="IR38" s="119">
        <v>0</v>
      </c>
      <c r="IS38" s="141">
        <v>0</v>
      </c>
      <c r="IT38" s="321">
        <v>0</v>
      </c>
      <c r="IU38" s="142">
        <v>0</v>
      </c>
      <c r="IV38" s="119">
        <v>0</v>
      </c>
      <c r="IW38" s="120">
        <v>0</v>
      </c>
      <c r="IX38" s="144"/>
      <c r="IY38" s="119">
        <v>0</v>
      </c>
      <c r="IZ38" s="119">
        <v>0</v>
      </c>
      <c r="JA38" s="119">
        <v>0</v>
      </c>
      <c r="JB38" s="119">
        <v>0</v>
      </c>
      <c r="JC38" s="119">
        <v>0</v>
      </c>
      <c r="JD38" s="120">
        <v>0</v>
      </c>
      <c r="JE38" s="121">
        <v>0</v>
      </c>
      <c r="JF38" s="142">
        <v>0</v>
      </c>
      <c r="JG38" s="119">
        <v>0</v>
      </c>
      <c r="JH38" s="141">
        <v>0</v>
      </c>
      <c r="JI38" s="118">
        <v>0</v>
      </c>
      <c r="JJ38" s="119">
        <v>60495</v>
      </c>
      <c r="JK38" s="119">
        <v>0</v>
      </c>
      <c r="JL38" s="119">
        <v>75457</v>
      </c>
      <c r="JM38" s="119">
        <v>0</v>
      </c>
      <c r="JN38" s="119">
        <v>0</v>
      </c>
      <c r="JO38" s="120">
        <v>135952</v>
      </c>
      <c r="JP38" s="321">
        <v>135952</v>
      </c>
      <c r="JQ38" s="142">
        <v>0</v>
      </c>
      <c r="JR38" s="119">
        <v>0</v>
      </c>
      <c r="JS38" s="141">
        <v>0</v>
      </c>
      <c r="JT38" s="118">
        <v>0</v>
      </c>
      <c r="JU38" s="119">
        <v>0</v>
      </c>
      <c r="JV38" s="119">
        <v>0</v>
      </c>
      <c r="JW38" s="119">
        <v>0</v>
      </c>
      <c r="JX38" s="119">
        <v>0</v>
      </c>
      <c r="JY38" s="119">
        <v>0</v>
      </c>
      <c r="JZ38" s="120">
        <v>0</v>
      </c>
      <c r="KA38" s="321">
        <v>0</v>
      </c>
      <c r="KB38" s="234">
        <v>0</v>
      </c>
      <c r="KC38" s="230">
        <v>0</v>
      </c>
      <c r="KD38" s="120">
        <v>0</v>
      </c>
      <c r="KE38" s="118">
        <v>0</v>
      </c>
      <c r="KF38" s="119">
        <v>0</v>
      </c>
      <c r="KG38" s="119">
        <v>0</v>
      </c>
      <c r="KH38" s="119">
        <v>0</v>
      </c>
      <c r="KI38" s="119">
        <v>0</v>
      </c>
      <c r="KJ38" s="119">
        <v>0</v>
      </c>
      <c r="KK38" s="120">
        <v>0</v>
      </c>
      <c r="KL38" s="143">
        <v>0</v>
      </c>
      <c r="KM38" s="232">
        <v>0</v>
      </c>
      <c r="KN38" s="236">
        <v>0</v>
      </c>
      <c r="KO38" s="237">
        <v>0</v>
      </c>
      <c r="KP38" s="140"/>
      <c r="KQ38" s="119">
        <v>0</v>
      </c>
      <c r="KR38" s="119">
        <v>0</v>
      </c>
      <c r="KS38" s="119">
        <v>0</v>
      </c>
      <c r="KT38" s="119">
        <v>0</v>
      </c>
      <c r="KU38" s="119">
        <v>0</v>
      </c>
      <c r="KV38" s="120">
        <v>0</v>
      </c>
      <c r="KW38" s="321">
        <v>0</v>
      </c>
      <c r="KX38" s="142">
        <v>0</v>
      </c>
      <c r="KY38" s="119">
        <v>0</v>
      </c>
      <c r="KZ38" s="120">
        <v>0</v>
      </c>
      <c r="LA38" s="145"/>
      <c r="LB38" s="119">
        <v>0</v>
      </c>
      <c r="LC38" s="119">
        <v>0</v>
      </c>
      <c r="LD38" s="119">
        <v>0</v>
      </c>
      <c r="LE38" s="119">
        <v>0</v>
      </c>
      <c r="LF38" s="119">
        <v>0</v>
      </c>
      <c r="LG38" s="120">
        <v>0</v>
      </c>
      <c r="LH38" s="121">
        <v>0</v>
      </c>
      <c r="LI38" s="142">
        <v>0</v>
      </c>
      <c r="LJ38" s="119">
        <v>0</v>
      </c>
      <c r="LK38" s="120">
        <v>0</v>
      </c>
      <c r="LL38" s="145"/>
      <c r="LM38" s="119">
        <v>0</v>
      </c>
      <c r="LN38" s="119">
        <v>0</v>
      </c>
      <c r="LO38" s="119">
        <v>0</v>
      </c>
      <c r="LP38" s="119">
        <v>0</v>
      </c>
      <c r="LQ38" s="119">
        <v>0</v>
      </c>
      <c r="LR38" s="120">
        <v>0</v>
      </c>
      <c r="LS38" s="321">
        <v>0</v>
      </c>
      <c r="LT38" s="142">
        <v>0</v>
      </c>
      <c r="LU38" s="119">
        <v>0</v>
      </c>
      <c r="LV38" s="120">
        <v>0</v>
      </c>
      <c r="LW38" s="145"/>
      <c r="LX38" s="119">
        <v>0</v>
      </c>
      <c r="LY38" s="119">
        <v>0</v>
      </c>
      <c r="LZ38" s="119">
        <v>0</v>
      </c>
      <c r="MA38" s="119">
        <v>0</v>
      </c>
      <c r="MB38" s="119">
        <v>0</v>
      </c>
      <c r="MC38" s="120">
        <v>0</v>
      </c>
      <c r="MD38" s="121">
        <v>0</v>
      </c>
      <c r="ME38" s="142">
        <v>0</v>
      </c>
      <c r="MF38" s="119">
        <v>0</v>
      </c>
      <c r="MG38" s="120">
        <v>0</v>
      </c>
      <c r="MH38" s="145"/>
      <c r="MI38" s="119">
        <v>0</v>
      </c>
      <c r="MJ38" s="119">
        <v>201702</v>
      </c>
      <c r="MK38" s="119">
        <v>0</v>
      </c>
      <c r="ML38" s="119">
        <v>238373</v>
      </c>
      <c r="MM38" s="119">
        <v>292970</v>
      </c>
      <c r="MN38" s="120">
        <v>733045</v>
      </c>
      <c r="MO38" s="143">
        <v>733045</v>
      </c>
      <c r="MP38" s="142">
        <v>0</v>
      </c>
      <c r="MQ38" s="119">
        <v>0</v>
      </c>
      <c r="MR38" s="120">
        <v>0</v>
      </c>
      <c r="MS38" s="145"/>
      <c r="MT38" s="119">
        <v>0</v>
      </c>
      <c r="MU38" s="119">
        <v>0</v>
      </c>
      <c r="MV38" s="119">
        <v>0</v>
      </c>
      <c r="MW38" s="119">
        <v>238373</v>
      </c>
      <c r="MX38" s="119">
        <v>0</v>
      </c>
      <c r="MY38" s="120">
        <v>238373</v>
      </c>
      <c r="MZ38" s="143">
        <v>238373</v>
      </c>
      <c r="NA38" s="142">
        <v>0</v>
      </c>
      <c r="NB38" s="119">
        <v>0</v>
      </c>
      <c r="NC38" s="120">
        <v>0</v>
      </c>
      <c r="ND38" s="145"/>
      <c r="NE38" s="119">
        <v>0</v>
      </c>
      <c r="NF38" s="119">
        <v>0</v>
      </c>
      <c r="NG38" s="119">
        <v>0</v>
      </c>
      <c r="NH38" s="119">
        <v>0</v>
      </c>
      <c r="NI38" s="119">
        <v>0</v>
      </c>
      <c r="NJ38" s="120">
        <v>0</v>
      </c>
      <c r="NK38" s="321">
        <v>0</v>
      </c>
      <c r="NL38" s="142">
        <v>0</v>
      </c>
      <c r="NM38" s="119">
        <v>0</v>
      </c>
      <c r="NN38" s="120">
        <v>0</v>
      </c>
      <c r="NO38" s="145"/>
      <c r="NP38" s="119">
        <v>0</v>
      </c>
      <c r="NQ38" s="119">
        <v>0</v>
      </c>
      <c r="NR38" s="119">
        <v>0</v>
      </c>
      <c r="NS38" s="119">
        <v>0</v>
      </c>
      <c r="NT38" s="119">
        <v>0</v>
      </c>
      <c r="NU38" s="120">
        <v>0</v>
      </c>
      <c r="NV38" s="121">
        <v>0</v>
      </c>
      <c r="NW38" s="142">
        <v>0</v>
      </c>
      <c r="NX38" s="119">
        <v>0</v>
      </c>
      <c r="NY38" s="120">
        <v>0</v>
      </c>
      <c r="NZ38" s="145"/>
      <c r="OA38" s="119">
        <v>0</v>
      </c>
      <c r="OB38" s="119">
        <v>201702</v>
      </c>
      <c r="OC38" s="119">
        <v>0</v>
      </c>
      <c r="OD38" s="119">
        <v>0</v>
      </c>
      <c r="OE38" s="119">
        <v>292970</v>
      </c>
      <c r="OF38" s="120">
        <v>494672</v>
      </c>
      <c r="OG38" s="121">
        <v>494672</v>
      </c>
      <c r="OH38" s="142">
        <v>78226</v>
      </c>
      <c r="OI38" s="119">
        <v>27208</v>
      </c>
      <c r="OJ38" s="141">
        <v>105434</v>
      </c>
      <c r="OK38" s="118">
        <v>0</v>
      </c>
      <c r="OL38" s="119">
        <v>392985</v>
      </c>
      <c r="OM38" s="119">
        <v>451613</v>
      </c>
      <c r="ON38" s="119">
        <v>692509</v>
      </c>
      <c r="OO38" s="119">
        <v>575106</v>
      </c>
      <c r="OP38" s="119">
        <v>447699</v>
      </c>
      <c r="OQ38" s="120">
        <v>2559912</v>
      </c>
      <c r="OR38" s="143">
        <v>2665346</v>
      </c>
    </row>
    <row r="39" spans="1:408" ht="20.25" customHeight="1" x14ac:dyDescent="0.2">
      <c r="A39" s="126" t="s">
        <v>34</v>
      </c>
      <c r="B39" s="110">
        <v>0</v>
      </c>
      <c r="C39" s="114">
        <v>4200</v>
      </c>
      <c r="D39" s="174">
        <v>4200</v>
      </c>
      <c r="E39" s="175">
        <v>0</v>
      </c>
      <c r="F39" s="176">
        <v>70147</v>
      </c>
      <c r="G39" s="176">
        <v>212184</v>
      </c>
      <c r="H39" s="176">
        <v>314825</v>
      </c>
      <c r="I39" s="176">
        <v>400155</v>
      </c>
      <c r="J39" s="176">
        <v>0</v>
      </c>
      <c r="K39" s="177">
        <v>997311</v>
      </c>
      <c r="L39" s="116">
        <v>1001511</v>
      </c>
      <c r="M39" s="110">
        <v>0</v>
      </c>
      <c r="N39" s="114">
        <v>0</v>
      </c>
      <c r="O39" s="113">
        <v>0</v>
      </c>
      <c r="P39" s="110">
        <v>0</v>
      </c>
      <c r="Q39" s="114">
        <v>15526</v>
      </c>
      <c r="R39" s="114">
        <v>17346</v>
      </c>
      <c r="S39" s="114">
        <v>91553</v>
      </c>
      <c r="T39" s="114">
        <v>249438</v>
      </c>
      <c r="U39" s="114">
        <v>0</v>
      </c>
      <c r="V39" s="113">
        <v>373863</v>
      </c>
      <c r="W39" s="116">
        <v>373863</v>
      </c>
      <c r="X39" s="110">
        <v>0</v>
      </c>
      <c r="Y39" s="114">
        <v>0</v>
      </c>
      <c r="Z39" s="113">
        <v>0</v>
      </c>
      <c r="AA39" s="110">
        <v>0</v>
      </c>
      <c r="AB39" s="114">
        <v>0</v>
      </c>
      <c r="AC39" s="114">
        <v>0</v>
      </c>
      <c r="AD39" s="114">
        <v>32963</v>
      </c>
      <c r="AE39" s="114">
        <v>238952</v>
      </c>
      <c r="AF39" s="114">
        <v>0</v>
      </c>
      <c r="AG39" s="113">
        <v>271915</v>
      </c>
      <c r="AH39" s="116">
        <v>271915</v>
      </c>
      <c r="AI39" s="110">
        <v>0</v>
      </c>
      <c r="AJ39" s="114">
        <v>0</v>
      </c>
      <c r="AK39" s="113">
        <v>0</v>
      </c>
      <c r="AL39" s="110">
        <v>0</v>
      </c>
      <c r="AM39" s="114">
        <v>0</v>
      </c>
      <c r="AN39" s="114">
        <v>0</v>
      </c>
      <c r="AO39" s="114">
        <v>0</v>
      </c>
      <c r="AP39" s="114">
        <v>0</v>
      </c>
      <c r="AQ39" s="114">
        <v>0</v>
      </c>
      <c r="AR39" s="113">
        <v>0</v>
      </c>
      <c r="AS39" s="116">
        <v>0</v>
      </c>
      <c r="AT39" s="110">
        <v>0</v>
      </c>
      <c r="AU39" s="114">
        <v>0</v>
      </c>
      <c r="AV39" s="113">
        <v>0</v>
      </c>
      <c r="AW39" s="110">
        <v>0</v>
      </c>
      <c r="AX39" s="114">
        <v>0</v>
      </c>
      <c r="AY39" s="114">
        <v>0</v>
      </c>
      <c r="AZ39" s="114">
        <v>0</v>
      </c>
      <c r="BA39" s="114">
        <v>0</v>
      </c>
      <c r="BB39" s="114">
        <v>0</v>
      </c>
      <c r="BC39" s="113">
        <v>0</v>
      </c>
      <c r="BD39" s="116">
        <v>0</v>
      </c>
      <c r="BE39" s="110">
        <v>0</v>
      </c>
      <c r="BF39" s="114">
        <v>0</v>
      </c>
      <c r="BG39" s="112">
        <v>0</v>
      </c>
      <c r="BH39" s="111">
        <v>0</v>
      </c>
      <c r="BI39" s="114">
        <v>0</v>
      </c>
      <c r="BJ39" s="114">
        <v>0</v>
      </c>
      <c r="BK39" s="114">
        <v>58590</v>
      </c>
      <c r="BL39" s="114">
        <v>0</v>
      </c>
      <c r="BM39" s="114">
        <v>0</v>
      </c>
      <c r="BN39" s="113">
        <v>58590</v>
      </c>
      <c r="BO39" s="116">
        <v>58590</v>
      </c>
      <c r="BP39" s="110">
        <v>0</v>
      </c>
      <c r="BQ39" s="114">
        <v>0</v>
      </c>
      <c r="BR39" s="113">
        <v>0</v>
      </c>
      <c r="BS39" s="110">
        <v>0</v>
      </c>
      <c r="BT39" s="114">
        <v>15526</v>
      </c>
      <c r="BU39" s="114">
        <v>17346</v>
      </c>
      <c r="BV39" s="114">
        <v>0</v>
      </c>
      <c r="BW39" s="114">
        <v>10486</v>
      </c>
      <c r="BX39" s="114">
        <v>0</v>
      </c>
      <c r="BY39" s="113">
        <v>43358</v>
      </c>
      <c r="BZ39" s="116">
        <v>43358</v>
      </c>
      <c r="CA39" s="110">
        <v>0</v>
      </c>
      <c r="CB39" s="114">
        <v>0</v>
      </c>
      <c r="CC39" s="113">
        <v>0</v>
      </c>
      <c r="CD39" s="110">
        <v>0</v>
      </c>
      <c r="CE39" s="114">
        <v>42371</v>
      </c>
      <c r="CF39" s="114">
        <v>47929</v>
      </c>
      <c r="CG39" s="114">
        <v>195356</v>
      </c>
      <c r="CH39" s="114">
        <v>91952</v>
      </c>
      <c r="CI39" s="114">
        <v>0</v>
      </c>
      <c r="CJ39" s="113">
        <v>377608</v>
      </c>
      <c r="CK39" s="116">
        <v>377608</v>
      </c>
      <c r="CL39" s="110">
        <v>0</v>
      </c>
      <c r="CM39" s="114">
        <v>0</v>
      </c>
      <c r="CN39" s="113">
        <v>0</v>
      </c>
      <c r="CO39" s="111">
        <v>0</v>
      </c>
      <c r="CP39" s="114">
        <v>0</v>
      </c>
      <c r="CQ39" s="114">
        <v>47929</v>
      </c>
      <c r="CR39" s="114">
        <v>195356</v>
      </c>
      <c r="CS39" s="114">
        <v>91952</v>
      </c>
      <c r="CT39" s="114">
        <v>0</v>
      </c>
      <c r="CU39" s="113">
        <v>335237</v>
      </c>
      <c r="CV39" s="116">
        <v>335237</v>
      </c>
      <c r="CW39" s="110">
        <v>0</v>
      </c>
      <c r="CX39" s="114">
        <v>0</v>
      </c>
      <c r="CY39" s="113">
        <v>0</v>
      </c>
      <c r="CZ39" s="110">
        <v>0</v>
      </c>
      <c r="DA39" s="114">
        <v>42371</v>
      </c>
      <c r="DB39" s="114">
        <v>0</v>
      </c>
      <c r="DC39" s="114">
        <v>0</v>
      </c>
      <c r="DD39" s="114">
        <v>0</v>
      </c>
      <c r="DE39" s="114">
        <v>0</v>
      </c>
      <c r="DF39" s="113">
        <v>42371</v>
      </c>
      <c r="DG39" s="116">
        <v>42371</v>
      </c>
      <c r="DH39" s="110">
        <v>0</v>
      </c>
      <c r="DI39" s="114">
        <v>0</v>
      </c>
      <c r="DJ39" s="112">
        <v>0</v>
      </c>
      <c r="DK39" s="111">
        <v>0</v>
      </c>
      <c r="DL39" s="114">
        <v>0</v>
      </c>
      <c r="DM39" s="114">
        <v>0</v>
      </c>
      <c r="DN39" s="114">
        <v>0</v>
      </c>
      <c r="DO39" s="114">
        <v>35427</v>
      </c>
      <c r="DP39" s="114">
        <v>0</v>
      </c>
      <c r="DQ39" s="113">
        <v>35427</v>
      </c>
      <c r="DR39" s="116">
        <v>35427</v>
      </c>
      <c r="DS39" s="110">
        <v>0</v>
      </c>
      <c r="DT39" s="114">
        <v>0</v>
      </c>
      <c r="DU39" s="113">
        <v>0</v>
      </c>
      <c r="DV39" s="110">
        <v>0</v>
      </c>
      <c r="DW39" s="114">
        <v>0</v>
      </c>
      <c r="DX39" s="114">
        <v>0</v>
      </c>
      <c r="DY39" s="114">
        <v>0</v>
      </c>
      <c r="DZ39" s="114">
        <v>35427</v>
      </c>
      <c r="EA39" s="114">
        <v>0</v>
      </c>
      <c r="EB39" s="113">
        <v>35427</v>
      </c>
      <c r="EC39" s="116">
        <v>35427</v>
      </c>
      <c r="ED39" s="110">
        <v>0</v>
      </c>
      <c r="EE39" s="112">
        <v>0</v>
      </c>
      <c r="EF39" s="113">
        <v>0</v>
      </c>
      <c r="EG39" s="110">
        <v>0</v>
      </c>
      <c r="EH39" s="114">
        <v>0</v>
      </c>
      <c r="EI39" s="114">
        <v>0</v>
      </c>
      <c r="EJ39" s="114">
        <v>0</v>
      </c>
      <c r="EK39" s="114">
        <v>0</v>
      </c>
      <c r="EL39" s="114">
        <v>0</v>
      </c>
      <c r="EM39" s="112">
        <v>0</v>
      </c>
      <c r="EN39" s="116">
        <v>0</v>
      </c>
      <c r="EO39" s="110">
        <v>0</v>
      </c>
      <c r="EP39" s="114">
        <v>0</v>
      </c>
      <c r="EQ39" s="112">
        <v>0</v>
      </c>
      <c r="ER39" s="111">
        <v>0</v>
      </c>
      <c r="ES39" s="114">
        <v>0</v>
      </c>
      <c r="ET39" s="114">
        <v>0</v>
      </c>
      <c r="EU39" s="114">
        <v>0</v>
      </c>
      <c r="EV39" s="114">
        <v>0</v>
      </c>
      <c r="EW39" s="114">
        <v>0</v>
      </c>
      <c r="EX39" s="113">
        <v>0</v>
      </c>
      <c r="EY39" s="116">
        <v>0</v>
      </c>
      <c r="EZ39" s="110">
        <v>0</v>
      </c>
      <c r="FA39" s="114">
        <v>0</v>
      </c>
      <c r="FB39" s="112">
        <v>0</v>
      </c>
      <c r="FC39" s="348"/>
      <c r="FD39" s="114">
        <v>0</v>
      </c>
      <c r="FE39" s="114">
        <v>0</v>
      </c>
      <c r="FF39" s="114">
        <v>0</v>
      </c>
      <c r="FG39" s="114">
        <v>0</v>
      </c>
      <c r="FH39" s="114">
        <v>0</v>
      </c>
      <c r="FI39" s="113">
        <v>0</v>
      </c>
      <c r="FJ39" s="116">
        <v>0</v>
      </c>
      <c r="FK39" s="110">
        <v>0</v>
      </c>
      <c r="FL39" s="114">
        <v>4200</v>
      </c>
      <c r="FM39" s="113">
        <v>4200</v>
      </c>
      <c r="FN39" s="110">
        <v>0</v>
      </c>
      <c r="FO39" s="114">
        <v>12250</v>
      </c>
      <c r="FP39" s="114">
        <v>0</v>
      </c>
      <c r="FQ39" s="114">
        <v>27916</v>
      </c>
      <c r="FR39" s="114">
        <v>23338</v>
      </c>
      <c r="FS39" s="114">
        <v>0</v>
      </c>
      <c r="FT39" s="113">
        <v>63504</v>
      </c>
      <c r="FU39" s="116">
        <v>67704</v>
      </c>
      <c r="FV39" s="115">
        <v>0</v>
      </c>
      <c r="FW39" s="114">
        <v>4200</v>
      </c>
      <c r="FX39" s="112">
        <v>4200</v>
      </c>
      <c r="FY39" s="111">
        <v>0</v>
      </c>
      <c r="FZ39" s="114">
        <v>12250</v>
      </c>
      <c r="GA39" s="114">
        <v>0</v>
      </c>
      <c r="GB39" s="114">
        <v>27916</v>
      </c>
      <c r="GC39" s="114">
        <v>23338</v>
      </c>
      <c r="GD39" s="114">
        <v>0</v>
      </c>
      <c r="GE39" s="113">
        <v>63504</v>
      </c>
      <c r="GF39" s="319">
        <v>67704</v>
      </c>
      <c r="GG39" s="115">
        <v>0</v>
      </c>
      <c r="GH39" s="114">
        <v>0</v>
      </c>
      <c r="GI39" s="112">
        <v>0</v>
      </c>
      <c r="GJ39" s="111">
        <v>0</v>
      </c>
      <c r="GK39" s="114">
        <v>0</v>
      </c>
      <c r="GL39" s="114">
        <v>0</v>
      </c>
      <c r="GM39" s="114">
        <v>0</v>
      </c>
      <c r="GN39" s="114">
        <v>0</v>
      </c>
      <c r="GO39" s="114">
        <v>0</v>
      </c>
      <c r="GP39" s="113">
        <v>0</v>
      </c>
      <c r="GQ39" s="116">
        <v>0</v>
      </c>
      <c r="GR39" s="110">
        <v>0</v>
      </c>
      <c r="GS39" s="114">
        <v>0</v>
      </c>
      <c r="GT39" s="113">
        <v>0</v>
      </c>
      <c r="GU39" s="110">
        <v>0</v>
      </c>
      <c r="GV39" s="114">
        <v>0</v>
      </c>
      <c r="GW39" s="114">
        <v>0</v>
      </c>
      <c r="GX39" s="114">
        <v>0</v>
      </c>
      <c r="GY39" s="114">
        <v>0</v>
      </c>
      <c r="GZ39" s="114">
        <v>0</v>
      </c>
      <c r="HA39" s="112">
        <v>0</v>
      </c>
      <c r="HB39" s="116">
        <v>0</v>
      </c>
      <c r="HC39" s="110">
        <v>0</v>
      </c>
      <c r="HD39" s="114">
        <v>0</v>
      </c>
      <c r="HE39" s="112">
        <v>0</v>
      </c>
      <c r="HF39" s="111">
        <v>0</v>
      </c>
      <c r="HG39" s="114">
        <v>0</v>
      </c>
      <c r="HH39" s="114">
        <v>146909</v>
      </c>
      <c r="HI39" s="114">
        <v>0</v>
      </c>
      <c r="HJ39" s="114">
        <v>0</v>
      </c>
      <c r="HK39" s="114">
        <v>0</v>
      </c>
      <c r="HL39" s="113">
        <v>146909</v>
      </c>
      <c r="HM39" s="109">
        <v>146909</v>
      </c>
      <c r="HN39" s="329"/>
      <c r="HO39" s="330"/>
      <c r="HP39" s="331"/>
      <c r="HQ39" s="332"/>
      <c r="HR39" s="330"/>
      <c r="HS39" s="330"/>
      <c r="HT39" s="330"/>
      <c r="HU39" s="330"/>
      <c r="HV39" s="330"/>
      <c r="HW39" s="333"/>
      <c r="HX39" s="334"/>
      <c r="HY39" s="131">
        <v>0</v>
      </c>
      <c r="HZ39" s="132">
        <v>0</v>
      </c>
      <c r="IA39" s="133">
        <v>0</v>
      </c>
      <c r="IB39" s="146">
        <v>0</v>
      </c>
      <c r="IC39" s="132">
        <v>96873</v>
      </c>
      <c r="ID39" s="147">
        <v>156296</v>
      </c>
      <c r="IE39" s="133">
        <v>0</v>
      </c>
      <c r="IF39" s="132">
        <v>78897</v>
      </c>
      <c r="IG39" s="133">
        <v>0</v>
      </c>
      <c r="IH39" s="148">
        <v>332066</v>
      </c>
      <c r="II39" s="139">
        <v>332066</v>
      </c>
      <c r="IJ39" s="232">
        <v>0</v>
      </c>
      <c r="IK39" s="236">
        <v>0</v>
      </c>
      <c r="IL39" s="237">
        <v>0</v>
      </c>
      <c r="IM39" s="140"/>
      <c r="IN39" s="119">
        <v>0</v>
      </c>
      <c r="IO39" s="119">
        <v>0</v>
      </c>
      <c r="IP39" s="119">
        <v>0</v>
      </c>
      <c r="IQ39" s="119">
        <v>0</v>
      </c>
      <c r="IR39" s="119">
        <v>0</v>
      </c>
      <c r="IS39" s="141">
        <v>0</v>
      </c>
      <c r="IT39" s="321">
        <v>0</v>
      </c>
      <c r="IU39" s="142">
        <v>0</v>
      </c>
      <c r="IV39" s="119">
        <v>0</v>
      </c>
      <c r="IW39" s="120">
        <v>0</v>
      </c>
      <c r="IX39" s="144"/>
      <c r="IY39" s="119">
        <v>0</v>
      </c>
      <c r="IZ39" s="119">
        <v>0</v>
      </c>
      <c r="JA39" s="119">
        <v>0</v>
      </c>
      <c r="JB39" s="119">
        <v>0</v>
      </c>
      <c r="JC39" s="119">
        <v>0</v>
      </c>
      <c r="JD39" s="120">
        <v>0</v>
      </c>
      <c r="JE39" s="121">
        <v>0</v>
      </c>
      <c r="JF39" s="142">
        <v>0</v>
      </c>
      <c r="JG39" s="119">
        <v>0</v>
      </c>
      <c r="JH39" s="141">
        <v>0</v>
      </c>
      <c r="JI39" s="118">
        <v>0</v>
      </c>
      <c r="JJ39" s="119">
        <v>0</v>
      </c>
      <c r="JK39" s="119">
        <v>0</v>
      </c>
      <c r="JL39" s="119">
        <v>0</v>
      </c>
      <c r="JM39" s="119">
        <v>0</v>
      </c>
      <c r="JN39" s="119">
        <v>0</v>
      </c>
      <c r="JO39" s="120">
        <v>0</v>
      </c>
      <c r="JP39" s="321">
        <v>0</v>
      </c>
      <c r="JQ39" s="142">
        <v>0</v>
      </c>
      <c r="JR39" s="119">
        <v>0</v>
      </c>
      <c r="JS39" s="141">
        <v>0</v>
      </c>
      <c r="JT39" s="118">
        <v>0</v>
      </c>
      <c r="JU39" s="119">
        <v>0</v>
      </c>
      <c r="JV39" s="119">
        <v>0</v>
      </c>
      <c r="JW39" s="119">
        <v>0</v>
      </c>
      <c r="JX39" s="119">
        <v>0</v>
      </c>
      <c r="JY39" s="119">
        <v>0</v>
      </c>
      <c r="JZ39" s="120">
        <v>0</v>
      </c>
      <c r="KA39" s="321">
        <v>0</v>
      </c>
      <c r="KB39" s="234">
        <v>0</v>
      </c>
      <c r="KC39" s="230">
        <v>0</v>
      </c>
      <c r="KD39" s="120">
        <v>0</v>
      </c>
      <c r="KE39" s="118">
        <v>0</v>
      </c>
      <c r="KF39" s="119">
        <v>96873</v>
      </c>
      <c r="KG39" s="119">
        <v>0</v>
      </c>
      <c r="KH39" s="119">
        <v>0</v>
      </c>
      <c r="KI39" s="119">
        <v>0</v>
      </c>
      <c r="KJ39" s="119">
        <v>0</v>
      </c>
      <c r="KK39" s="120">
        <v>96873</v>
      </c>
      <c r="KL39" s="143">
        <v>96873</v>
      </c>
      <c r="KM39" s="232">
        <v>0</v>
      </c>
      <c r="KN39" s="236">
        <v>0</v>
      </c>
      <c r="KO39" s="237">
        <v>0</v>
      </c>
      <c r="KP39" s="140"/>
      <c r="KQ39" s="119">
        <v>0</v>
      </c>
      <c r="KR39" s="119">
        <v>0</v>
      </c>
      <c r="KS39" s="119">
        <v>0</v>
      </c>
      <c r="KT39" s="119">
        <v>0</v>
      </c>
      <c r="KU39" s="119">
        <v>0</v>
      </c>
      <c r="KV39" s="120">
        <v>0</v>
      </c>
      <c r="KW39" s="321">
        <v>0</v>
      </c>
      <c r="KX39" s="142">
        <v>0</v>
      </c>
      <c r="KY39" s="119">
        <v>0</v>
      </c>
      <c r="KZ39" s="120">
        <v>0</v>
      </c>
      <c r="LA39" s="145"/>
      <c r="LB39" s="119">
        <v>0</v>
      </c>
      <c r="LC39" s="119">
        <v>0</v>
      </c>
      <c r="LD39" s="119">
        <v>0</v>
      </c>
      <c r="LE39" s="119">
        <v>0</v>
      </c>
      <c r="LF39" s="119">
        <v>0</v>
      </c>
      <c r="LG39" s="120">
        <v>0</v>
      </c>
      <c r="LH39" s="121">
        <v>0</v>
      </c>
      <c r="LI39" s="142">
        <v>0</v>
      </c>
      <c r="LJ39" s="119">
        <v>0</v>
      </c>
      <c r="LK39" s="120">
        <v>0</v>
      </c>
      <c r="LL39" s="145"/>
      <c r="LM39" s="119">
        <v>0</v>
      </c>
      <c r="LN39" s="119">
        <v>0</v>
      </c>
      <c r="LO39" s="119">
        <v>0</v>
      </c>
      <c r="LP39" s="119">
        <v>0</v>
      </c>
      <c r="LQ39" s="119">
        <v>0</v>
      </c>
      <c r="LR39" s="120">
        <v>0</v>
      </c>
      <c r="LS39" s="321">
        <v>0</v>
      </c>
      <c r="LT39" s="142">
        <v>0</v>
      </c>
      <c r="LU39" s="119">
        <v>0</v>
      </c>
      <c r="LV39" s="120">
        <v>0</v>
      </c>
      <c r="LW39" s="145"/>
      <c r="LX39" s="119">
        <v>0</v>
      </c>
      <c r="LY39" s="119">
        <v>156296</v>
      </c>
      <c r="LZ39" s="119">
        <v>0</v>
      </c>
      <c r="MA39" s="119">
        <v>78897</v>
      </c>
      <c r="MB39" s="119">
        <v>0</v>
      </c>
      <c r="MC39" s="120">
        <v>235193</v>
      </c>
      <c r="MD39" s="121">
        <v>235193</v>
      </c>
      <c r="ME39" s="142">
        <v>0</v>
      </c>
      <c r="MF39" s="119">
        <v>0</v>
      </c>
      <c r="MG39" s="120">
        <v>0</v>
      </c>
      <c r="MH39" s="145"/>
      <c r="MI39" s="119">
        <v>0</v>
      </c>
      <c r="MJ39" s="119">
        <v>0</v>
      </c>
      <c r="MK39" s="119">
        <v>235550</v>
      </c>
      <c r="ML39" s="119">
        <v>0</v>
      </c>
      <c r="MM39" s="119">
        <v>0</v>
      </c>
      <c r="MN39" s="120">
        <v>235550</v>
      </c>
      <c r="MO39" s="143">
        <v>235550</v>
      </c>
      <c r="MP39" s="142">
        <v>0</v>
      </c>
      <c r="MQ39" s="119">
        <v>0</v>
      </c>
      <c r="MR39" s="120">
        <v>0</v>
      </c>
      <c r="MS39" s="145"/>
      <c r="MT39" s="119">
        <v>0</v>
      </c>
      <c r="MU39" s="119">
        <v>0</v>
      </c>
      <c r="MV39" s="119">
        <v>0</v>
      </c>
      <c r="MW39" s="119">
        <v>0</v>
      </c>
      <c r="MX39" s="119">
        <v>0</v>
      </c>
      <c r="MY39" s="120">
        <v>0</v>
      </c>
      <c r="MZ39" s="143">
        <v>0</v>
      </c>
      <c r="NA39" s="142">
        <v>0</v>
      </c>
      <c r="NB39" s="119">
        <v>0</v>
      </c>
      <c r="NC39" s="120">
        <v>0</v>
      </c>
      <c r="ND39" s="145"/>
      <c r="NE39" s="119">
        <v>0</v>
      </c>
      <c r="NF39" s="119">
        <v>0</v>
      </c>
      <c r="NG39" s="119">
        <v>235550</v>
      </c>
      <c r="NH39" s="119">
        <v>0</v>
      </c>
      <c r="NI39" s="119">
        <v>0</v>
      </c>
      <c r="NJ39" s="120">
        <v>235550</v>
      </c>
      <c r="NK39" s="321">
        <v>235550</v>
      </c>
      <c r="NL39" s="142">
        <v>0</v>
      </c>
      <c r="NM39" s="119">
        <v>0</v>
      </c>
      <c r="NN39" s="120">
        <v>0</v>
      </c>
      <c r="NO39" s="145"/>
      <c r="NP39" s="119">
        <v>0</v>
      </c>
      <c r="NQ39" s="119">
        <v>0</v>
      </c>
      <c r="NR39" s="119">
        <v>0</v>
      </c>
      <c r="NS39" s="119">
        <v>0</v>
      </c>
      <c r="NT39" s="119">
        <v>0</v>
      </c>
      <c r="NU39" s="120">
        <v>0</v>
      </c>
      <c r="NV39" s="121">
        <v>0</v>
      </c>
      <c r="NW39" s="142">
        <v>0</v>
      </c>
      <c r="NX39" s="119">
        <v>0</v>
      </c>
      <c r="NY39" s="120">
        <v>0</v>
      </c>
      <c r="NZ39" s="145"/>
      <c r="OA39" s="119">
        <v>0</v>
      </c>
      <c r="OB39" s="119">
        <v>0</v>
      </c>
      <c r="OC39" s="119">
        <v>0</v>
      </c>
      <c r="OD39" s="119">
        <v>0</v>
      </c>
      <c r="OE39" s="119">
        <v>0</v>
      </c>
      <c r="OF39" s="120">
        <v>0</v>
      </c>
      <c r="OG39" s="121">
        <v>0</v>
      </c>
      <c r="OH39" s="142">
        <v>0</v>
      </c>
      <c r="OI39" s="119">
        <v>4200</v>
      </c>
      <c r="OJ39" s="141">
        <v>4200</v>
      </c>
      <c r="OK39" s="118">
        <v>0</v>
      </c>
      <c r="OL39" s="119">
        <v>167020</v>
      </c>
      <c r="OM39" s="119">
        <v>368480</v>
      </c>
      <c r="ON39" s="119">
        <v>550375</v>
      </c>
      <c r="OO39" s="119">
        <v>479052</v>
      </c>
      <c r="OP39" s="119">
        <v>0</v>
      </c>
      <c r="OQ39" s="120">
        <v>1564927</v>
      </c>
      <c r="OR39" s="143">
        <v>1569127</v>
      </c>
    </row>
    <row r="40" spans="1:408" ht="20.25" customHeight="1" x14ac:dyDescent="0.2">
      <c r="A40" s="126" t="s">
        <v>35</v>
      </c>
      <c r="B40" s="110">
        <v>212774</v>
      </c>
      <c r="C40" s="114">
        <v>273268</v>
      </c>
      <c r="D40" s="113">
        <v>486042</v>
      </c>
      <c r="E40" s="109">
        <v>0</v>
      </c>
      <c r="F40" s="114">
        <v>677304</v>
      </c>
      <c r="G40" s="114">
        <v>800493</v>
      </c>
      <c r="H40" s="114">
        <v>757341</v>
      </c>
      <c r="I40" s="114">
        <v>1026294</v>
      </c>
      <c r="J40" s="114">
        <v>208033</v>
      </c>
      <c r="K40" s="173">
        <v>3469465</v>
      </c>
      <c r="L40" s="116">
        <v>3955507</v>
      </c>
      <c r="M40" s="110">
        <v>41398</v>
      </c>
      <c r="N40" s="114">
        <v>24899</v>
      </c>
      <c r="O40" s="113">
        <v>66297</v>
      </c>
      <c r="P40" s="110">
        <v>0</v>
      </c>
      <c r="Q40" s="114">
        <v>274351</v>
      </c>
      <c r="R40" s="114">
        <v>289832</v>
      </c>
      <c r="S40" s="114">
        <v>196329</v>
      </c>
      <c r="T40" s="114">
        <v>346330</v>
      </c>
      <c r="U40" s="114">
        <v>161973</v>
      </c>
      <c r="V40" s="113">
        <v>1268815</v>
      </c>
      <c r="W40" s="116">
        <v>1335112</v>
      </c>
      <c r="X40" s="110">
        <v>0</v>
      </c>
      <c r="Y40" s="114">
        <v>0</v>
      </c>
      <c r="Z40" s="113">
        <v>0</v>
      </c>
      <c r="AA40" s="110">
        <v>0</v>
      </c>
      <c r="AB40" s="114">
        <v>239400</v>
      </c>
      <c r="AC40" s="114">
        <v>224431</v>
      </c>
      <c r="AD40" s="114">
        <v>114592</v>
      </c>
      <c r="AE40" s="114">
        <v>204244</v>
      </c>
      <c r="AF40" s="114">
        <v>0</v>
      </c>
      <c r="AG40" s="113">
        <v>782667</v>
      </c>
      <c r="AH40" s="116">
        <v>782667</v>
      </c>
      <c r="AI40" s="110">
        <v>0</v>
      </c>
      <c r="AJ40" s="114">
        <v>0</v>
      </c>
      <c r="AK40" s="113">
        <v>0</v>
      </c>
      <c r="AL40" s="110">
        <v>0</v>
      </c>
      <c r="AM40" s="114">
        <v>0</v>
      </c>
      <c r="AN40" s="114">
        <v>0</v>
      </c>
      <c r="AO40" s="114">
        <v>0</v>
      </c>
      <c r="AP40" s="114">
        <v>0</v>
      </c>
      <c r="AQ40" s="114">
        <v>0</v>
      </c>
      <c r="AR40" s="113">
        <v>0</v>
      </c>
      <c r="AS40" s="116">
        <v>0</v>
      </c>
      <c r="AT40" s="110">
        <v>0</v>
      </c>
      <c r="AU40" s="114">
        <v>0</v>
      </c>
      <c r="AV40" s="113">
        <v>0</v>
      </c>
      <c r="AW40" s="110">
        <v>0</v>
      </c>
      <c r="AX40" s="114">
        <v>11865</v>
      </c>
      <c r="AY40" s="114">
        <v>42217</v>
      </c>
      <c r="AZ40" s="114">
        <v>54479</v>
      </c>
      <c r="BA40" s="114">
        <v>87493</v>
      </c>
      <c r="BB40" s="114">
        <v>143990</v>
      </c>
      <c r="BC40" s="113">
        <v>340044</v>
      </c>
      <c r="BD40" s="116">
        <v>340044</v>
      </c>
      <c r="BE40" s="110">
        <v>0</v>
      </c>
      <c r="BF40" s="114">
        <v>0</v>
      </c>
      <c r="BG40" s="112">
        <v>0</v>
      </c>
      <c r="BH40" s="111">
        <v>0</v>
      </c>
      <c r="BI40" s="114">
        <v>0</v>
      </c>
      <c r="BJ40" s="114">
        <v>0</v>
      </c>
      <c r="BK40" s="114">
        <v>0</v>
      </c>
      <c r="BL40" s="114">
        <v>0</v>
      </c>
      <c r="BM40" s="114">
        <v>0</v>
      </c>
      <c r="BN40" s="113">
        <v>0</v>
      </c>
      <c r="BO40" s="116">
        <v>0</v>
      </c>
      <c r="BP40" s="110">
        <v>41398</v>
      </c>
      <c r="BQ40" s="114">
        <v>24899</v>
      </c>
      <c r="BR40" s="113">
        <v>66297</v>
      </c>
      <c r="BS40" s="110">
        <v>0</v>
      </c>
      <c r="BT40" s="114">
        <v>23086</v>
      </c>
      <c r="BU40" s="114">
        <v>23184</v>
      </c>
      <c r="BV40" s="114">
        <v>27258</v>
      </c>
      <c r="BW40" s="114">
        <v>54593</v>
      </c>
      <c r="BX40" s="114">
        <v>17983</v>
      </c>
      <c r="BY40" s="113">
        <v>146104</v>
      </c>
      <c r="BZ40" s="116">
        <v>212401</v>
      </c>
      <c r="CA40" s="110">
        <v>18872</v>
      </c>
      <c r="CB40" s="114">
        <v>63644</v>
      </c>
      <c r="CC40" s="113">
        <v>82516</v>
      </c>
      <c r="CD40" s="110">
        <v>0</v>
      </c>
      <c r="CE40" s="114">
        <v>108367</v>
      </c>
      <c r="CF40" s="114">
        <v>254041</v>
      </c>
      <c r="CG40" s="114">
        <v>99729</v>
      </c>
      <c r="CH40" s="114">
        <v>88268</v>
      </c>
      <c r="CI40" s="114">
        <v>0</v>
      </c>
      <c r="CJ40" s="113">
        <v>550405</v>
      </c>
      <c r="CK40" s="116">
        <v>632921</v>
      </c>
      <c r="CL40" s="110">
        <v>0</v>
      </c>
      <c r="CM40" s="114">
        <v>0</v>
      </c>
      <c r="CN40" s="113">
        <v>0</v>
      </c>
      <c r="CO40" s="111">
        <v>0</v>
      </c>
      <c r="CP40" s="114">
        <v>82229</v>
      </c>
      <c r="CQ40" s="114">
        <v>168319</v>
      </c>
      <c r="CR40" s="114">
        <v>99729</v>
      </c>
      <c r="CS40" s="114">
        <v>0</v>
      </c>
      <c r="CT40" s="114">
        <v>0</v>
      </c>
      <c r="CU40" s="113">
        <v>350277</v>
      </c>
      <c r="CV40" s="116">
        <v>350277</v>
      </c>
      <c r="CW40" s="110">
        <v>18872</v>
      </c>
      <c r="CX40" s="114">
        <v>63644</v>
      </c>
      <c r="CY40" s="113">
        <v>82516</v>
      </c>
      <c r="CZ40" s="110">
        <v>0</v>
      </c>
      <c r="DA40" s="114">
        <v>26138</v>
      </c>
      <c r="DB40" s="114">
        <v>85722</v>
      </c>
      <c r="DC40" s="114">
        <v>0</v>
      </c>
      <c r="DD40" s="114">
        <v>88268</v>
      </c>
      <c r="DE40" s="114">
        <v>0</v>
      </c>
      <c r="DF40" s="113">
        <v>200128</v>
      </c>
      <c r="DG40" s="116">
        <v>282644</v>
      </c>
      <c r="DH40" s="110">
        <v>0</v>
      </c>
      <c r="DI40" s="114">
        <v>0</v>
      </c>
      <c r="DJ40" s="112">
        <v>0</v>
      </c>
      <c r="DK40" s="111">
        <v>0</v>
      </c>
      <c r="DL40" s="114">
        <v>0</v>
      </c>
      <c r="DM40" s="114">
        <v>0</v>
      </c>
      <c r="DN40" s="114">
        <v>0</v>
      </c>
      <c r="DO40" s="114">
        <v>0</v>
      </c>
      <c r="DP40" s="114">
        <v>0</v>
      </c>
      <c r="DQ40" s="113">
        <v>0</v>
      </c>
      <c r="DR40" s="116">
        <v>0</v>
      </c>
      <c r="DS40" s="110">
        <v>0</v>
      </c>
      <c r="DT40" s="114">
        <v>0</v>
      </c>
      <c r="DU40" s="113">
        <v>0</v>
      </c>
      <c r="DV40" s="110">
        <v>0</v>
      </c>
      <c r="DW40" s="114">
        <v>0</v>
      </c>
      <c r="DX40" s="114">
        <v>0</v>
      </c>
      <c r="DY40" s="114">
        <v>0</v>
      </c>
      <c r="DZ40" s="114">
        <v>0</v>
      </c>
      <c r="EA40" s="114">
        <v>0</v>
      </c>
      <c r="EB40" s="113">
        <v>0</v>
      </c>
      <c r="EC40" s="116">
        <v>0</v>
      </c>
      <c r="ED40" s="110">
        <v>0</v>
      </c>
      <c r="EE40" s="112">
        <v>0</v>
      </c>
      <c r="EF40" s="113">
        <v>0</v>
      </c>
      <c r="EG40" s="110">
        <v>0</v>
      </c>
      <c r="EH40" s="114">
        <v>0</v>
      </c>
      <c r="EI40" s="114">
        <v>0</v>
      </c>
      <c r="EJ40" s="114">
        <v>0</v>
      </c>
      <c r="EK40" s="114">
        <v>0</v>
      </c>
      <c r="EL40" s="114">
        <v>0</v>
      </c>
      <c r="EM40" s="112">
        <v>0</v>
      </c>
      <c r="EN40" s="116">
        <v>0</v>
      </c>
      <c r="EO40" s="110">
        <v>0</v>
      </c>
      <c r="EP40" s="114">
        <v>0</v>
      </c>
      <c r="EQ40" s="112">
        <v>0</v>
      </c>
      <c r="ER40" s="111">
        <v>0</v>
      </c>
      <c r="ES40" s="114">
        <v>0</v>
      </c>
      <c r="ET40" s="114">
        <v>0</v>
      </c>
      <c r="EU40" s="114">
        <v>0</v>
      </c>
      <c r="EV40" s="114">
        <v>0</v>
      </c>
      <c r="EW40" s="114">
        <v>0</v>
      </c>
      <c r="EX40" s="113">
        <v>0</v>
      </c>
      <c r="EY40" s="116">
        <v>0</v>
      </c>
      <c r="EZ40" s="110">
        <v>0</v>
      </c>
      <c r="FA40" s="114">
        <v>0</v>
      </c>
      <c r="FB40" s="112">
        <v>0</v>
      </c>
      <c r="FC40" s="348"/>
      <c r="FD40" s="114">
        <v>0</v>
      </c>
      <c r="FE40" s="114">
        <v>0</v>
      </c>
      <c r="FF40" s="114">
        <v>0</v>
      </c>
      <c r="FG40" s="114">
        <v>0</v>
      </c>
      <c r="FH40" s="114">
        <v>0</v>
      </c>
      <c r="FI40" s="113">
        <v>0</v>
      </c>
      <c r="FJ40" s="116">
        <v>0</v>
      </c>
      <c r="FK40" s="110">
        <v>11900</v>
      </c>
      <c r="FL40" s="114">
        <v>19600</v>
      </c>
      <c r="FM40" s="113">
        <v>31500</v>
      </c>
      <c r="FN40" s="110">
        <v>0</v>
      </c>
      <c r="FO40" s="114">
        <v>22722</v>
      </c>
      <c r="FP40" s="114">
        <v>110320</v>
      </c>
      <c r="FQ40" s="114">
        <v>120540</v>
      </c>
      <c r="FR40" s="114">
        <v>47110</v>
      </c>
      <c r="FS40" s="114">
        <v>46060</v>
      </c>
      <c r="FT40" s="113">
        <v>346752</v>
      </c>
      <c r="FU40" s="116">
        <v>378252</v>
      </c>
      <c r="FV40" s="115">
        <v>11900</v>
      </c>
      <c r="FW40" s="114">
        <v>19600</v>
      </c>
      <c r="FX40" s="112">
        <v>31500</v>
      </c>
      <c r="FY40" s="111">
        <v>0</v>
      </c>
      <c r="FZ40" s="114">
        <v>22722</v>
      </c>
      <c r="GA40" s="114">
        <v>110320</v>
      </c>
      <c r="GB40" s="114">
        <v>120540</v>
      </c>
      <c r="GC40" s="114">
        <v>47110</v>
      </c>
      <c r="GD40" s="114">
        <v>46060</v>
      </c>
      <c r="GE40" s="113">
        <v>346752</v>
      </c>
      <c r="GF40" s="319">
        <v>378252</v>
      </c>
      <c r="GG40" s="115">
        <v>0</v>
      </c>
      <c r="GH40" s="114">
        <v>0</v>
      </c>
      <c r="GI40" s="112">
        <v>0</v>
      </c>
      <c r="GJ40" s="111">
        <v>0</v>
      </c>
      <c r="GK40" s="114">
        <v>0</v>
      </c>
      <c r="GL40" s="114">
        <v>0</v>
      </c>
      <c r="GM40" s="114">
        <v>0</v>
      </c>
      <c r="GN40" s="114">
        <v>0</v>
      </c>
      <c r="GO40" s="114">
        <v>0</v>
      </c>
      <c r="GP40" s="113">
        <v>0</v>
      </c>
      <c r="GQ40" s="116">
        <v>0</v>
      </c>
      <c r="GR40" s="110">
        <v>0</v>
      </c>
      <c r="GS40" s="114">
        <v>0</v>
      </c>
      <c r="GT40" s="113">
        <v>0</v>
      </c>
      <c r="GU40" s="110">
        <v>0</v>
      </c>
      <c r="GV40" s="114">
        <v>0</v>
      </c>
      <c r="GW40" s="114">
        <v>0</v>
      </c>
      <c r="GX40" s="114">
        <v>0</v>
      </c>
      <c r="GY40" s="114">
        <v>0</v>
      </c>
      <c r="GZ40" s="114">
        <v>0</v>
      </c>
      <c r="HA40" s="112">
        <v>0</v>
      </c>
      <c r="HB40" s="116">
        <v>0</v>
      </c>
      <c r="HC40" s="110">
        <v>140604</v>
      </c>
      <c r="HD40" s="114">
        <v>165125</v>
      </c>
      <c r="HE40" s="112">
        <v>305729</v>
      </c>
      <c r="HF40" s="111">
        <v>0</v>
      </c>
      <c r="HG40" s="114">
        <v>271864</v>
      </c>
      <c r="HH40" s="114">
        <v>146300</v>
      </c>
      <c r="HI40" s="114">
        <v>340743</v>
      </c>
      <c r="HJ40" s="114">
        <v>544586</v>
      </c>
      <c r="HK40" s="114">
        <v>0</v>
      </c>
      <c r="HL40" s="113">
        <v>1303493</v>
      </c>
      <c r="HM40" s="109">
        <v>1609222</v>
      </c>
      <c r="HN40" s="329"/>
      <c r="HO40" s="330"/>
      <c r="HP40" s="331"/>
      <c r="HQ40" s="332"/>
      <c r="HR40" s="330"/>
      <c r="HS40" s="330"/>
      <c r="HT40" s="330"/>
      <c r="HU40" s="330"/>
      <c r="HV40" s="330"/>
      <c r="HW40" s="333"/>
      <c r="HX40" s="334"/>
      <c r="HY40" s="150">
        <v>0</v>
      </c>
      <c r="HZ40" s="135">
        <v>0</v>
      </c>
      <c r="IA40" s="150">
        <v>0</v>
      </c>
      <c r="IB40" s="146">
        <v>0</v>
      </c>
      <c r="IC40" s="132">
        <v>47208</v>
      </c>
      <c r="ID40" s="147">
        <v>118326</v>
      </c>
      <c r="IE40" s="133">
        <v>249074</v>
      </c>
      <c r="IF40" s="132">
        <v>0</v>
      </c>
      <c r="IG40" s="133">
        <v>0</v>
      </c>
      <c r="IH40" s="148">
        <v>414608</v>
      </c>
      <c r="II40" s="150">
        <v>414608</v>
      </c>
      <c r="IJ40" s="232">
        <v>0</v>
      </c>
      <c r="IK40" s="236">
        <v>0</v>
      </c>
      <c r="IL40" s="237">
        <v>0</v>
      </c>
      <c r="IM40" s="140"/>
      <c r="IN40" s="119">
        <v>0</v>
      </c>
      <c r="IO40" s="119">
        <v>0</v>
      </c>
      <c r="IP40" s="119">
        <v>0</v>
      </c>
      <c r="IQ40" s="119">
        <v>0</v>
      </c>
      <c r="IR40" s="119">
        <v>0</v>
      </c>
      <c r="IS40" s="141">
        <v>0</v>
      </c>
      <c r="IT40" s="321">
        <v>0</v>
      </c>
      <c r="IU40" s="142">
        <v>0</v>
      </c>
      <c r="IV40" s="119">
        <v>0</v>
      </c>
      <c r="IW40" s="120">
        <v>0</v>
      </c>
      <c r="IX40" s="144"/>
      <c r="IY40" s="119">
        <v>0</v>
      </c>
      <c r="IZ40" s="119">
        <v>0</v>
      </c>
      <c r="JA40" s="119">
        <v>0</v>
      </c>
      <c r="JB40" s="119">
        <v>0</v>
      </c>
      <c r="JC40" s="119">
        <v>0</v>
      </c>
      <c r="JD40" s="120">
        <v>0</v>
      </c>
      <c r="JE40" s="121">
        <v>0</v>
      </c>
      <c r="JF40" s="142">
        <v>0</v>
      </c>
      <c r="JG40" s="119">
        <v>0</v>
      </c>
      <c r="JH40" s="141">
        <v>0</v>
      </c>
      <c r="JI40" s="118">
        <v>0</v>
      </c>
      <c r="JJ40" s="119">
        <v>47208</v>
      </c>
      <c r="JK40" s="119">
        <v>118326</v>
      </c>
      <c r="JL40" s="119">
        <v>0</v>
      </c>
      <c r="JM40" s="119">
        <v>0</v>
      </c>
      <c r="JN40" s="119">
        <v>0</v>
      </c>
      <c r="JO40" s="120">
        <v>165534</v>
      </c>
      <c r="JP40" s="321">
        <v>165534</v>
      </c>
      <c r="JQ40" s="142">
        <v>0</v>
      </c>
      <c r="JR40" s="119">
        <v>0</v>
      </c>
      <c r="JS40" s="141">
        <v>0</v>
      </c>
      <c r="JT40" s="118">
        <v>0</v>
      </c>
      <c r="JU40" s="119">
        <v>0</v>
      </c>
      <c r="JV40" s="119">
        <v>0</v>
      </c>
      <c r="JW40" s="119">
        <v>0</v>
      </c>
      <c r="JX40" s="119">
        <v>0</v>
      </c>
      <c r="JY40" s="119">
        <v>0</v>
      </c>
      <c r="JZ40" s="120">
        <v>0</v>
      </c>
      <c r="KA40" s="321">
        <v>0</v>
      </c>
      <c r="KB40" s="234">
        <v>0</v>
      </c>
      <c r="KC40" s="230">
        <v>0</v>
      </c>
      <c r="KD40" s="120">
        <v>0</v>
      </c>
      <c r="KE40" s="118">
        <v>0</v>
      </c>
      <c r="KF40" s="119">
        <v>0</v>
      </c>
      <c r="KG40" s="119">
        <v>0</v>
      </c>
      <c r="KH40" s="119">
        <v>39592</v>
      </c>
      <c r="KI40" s="119">
        <v>0</v>
      </c>
      <c r="KJ40" s="119">
        <v>0</v>
      </c>
      <c r="KK40" s="120">
        <v>39592</v>
      </c>
      <c r="KL40" s="143">
        <v>39592</v>
      </c>
      <c r="KM40" s="232">
        <v>0</v>
      </c>
      <c r="KN40" s="236">
        <v>0</v>
      </c>
      <c r="KO40" s="237">
        <v>0</v>
      </c>
      <c r="KP40" s="140"/>
      <c r="KQ40" s="119">
        <v>0</v>
      </c>
      <c r="KR40" s="119">
        <v>0</v>
      </c>
      <c r="KS40" s="119">
        <v>209482</v>
      </c>
      <c r="KT40" s="119">
        <v>0</v>
      </c>
      <c r="KU40" s="119">
        <v>0</v>
      </c>
      <c r="KV40" s="120">
        <v>209482</v>
      </c>
      <c r="KW40" s="321">
        <v>209482</v>
      </c>
      <c r="KX40" s="142">
        <v>0</v>
      </c>
      <c r="KY40" s="119">
        <v>0</v>
      </c>
      <c r="KZ40" s="120">
        <v>0</v>
      </c>
      <c r="LA40" s="145"/>
      <c r="LB40" s="119">
        <v>0</v>
      </c>
      <c r="LC40" s="119">
        <v>0</v>
      </c>
      <c r="LD40" s="119">
        <v>0</v>
      </c>
      <c r="LE40" s="119">
        <v>0</v>
      </c>
      <c r="LF40" s="119">
        <v>0</v>
      </c>
      <c r="LG40" s="120">
        <v>0</v>
      </c>
      <c r="LH40" s="121">
        <v>0</v>
      </c>
      <c r="LI40" s="142">
        <v>0</v>
      </c>
      <c r="LJ40" s="119">
        <v>0</v>
      </c>
      <c r="LK40" s="120">
        <v>0</v>
      </c>
      <c r="LL40" s="145"/>
      <c r="LM40" s="119">
        <v>0</v>
      </c>
      <c r="LN40" s="119">
        <v>0</v>
      </c>
      <c r="LO40" s="119">
        <v>0</v>
      </c>
      <c r="LP40" s="119">
        <v>0</v>
      </c>
      <c r="LQ40" s="119">
        <v>0</v>
      </c>
      <c r="LR40" s="120">
        <v>0</v>
      </c>
      <c r="LS40" s="321">
        <v>0</v>
      </c>
      <c r="LT40" s="142">
        <v>0</v>
      </c>
      <c r="LU40" s="119">
        <v>0</v>
      </c>
      <c r="LV40" s="120">
        <v>0</v>
      </c>
      <c r="LW40" s="145"/>
      <c r="LX40" s="119">
        <v>0</v>
      </c>
      <c r="LY40" s="119">
        <v>0</v>
      </c>
      <c r="LZ40" s="119">
        <v>0</v>
      </c>
      <c r="MA40" s="119">
        <v>0</v>
      </c>
      <c r="MB40" s="119">
        <v>0</v>
      </c>
      <c r="MC40" s="120">
        <v>0</v>
      </c>
      <c r="MD40" s="121">
        <v>0</v>
      </c>
      <c r="ME40" s="142">
        <v>0</v>
      </c>
      <c r="MF40" s="119">
        <v>0</v>
      </c>
      <c r="MG40" s="120">
        <v>0</v>
      </c>
      <c r="MH40" s="145"/>
      <c r="MI40" s="119">
        <v>0</v>
      </c>
      <c r="MJ40" s="119">
        <v>0</v>
      </c>
      <c r="MK40" s="119">
        <v>450555</v>
      </c>
      <c r="ML40" s="119">
        <v>432845</v>
      </c>
      <c r="MM40" s="119">
        <v>0</v>
      </c>
      <c r="MN40" s="120">
        <v>883400</v>
      </c>
      <c r="MO40" s="143">
        <v>883400</v>
      </c>
      <c r="MP40" s="142">
        <v>0</v>
      </c>
      <c r="MQ40" s="119">
        <v>0</v>
      </c>
      <c r="MR40" s="120">
        <v>0</v>
      </c>
      <c r="MS40" s="145"/>
      <c r="MT40" s="119">
        <v>0</v>
      </c>
      <c r="MU40" s="119">
        <v>0</v>
      </c>
      <c r="MV40" s="119">
        <v>188363</v>
      </c>
      <c r="MW40" s="119">
        <v>432845</v>
      </c>
      <c r="MX40" s="119">
        <v>0</v>
      </c>
      <c r="MY40" s="120">
        <v>621208</v>
      </c>
      <c r="MZ40" s="143">
        <v>621208</v>
      </c>
      <c r="NA40" s="142">
        <v>0</v>
      </c>
      <c r="NB40" s="119">
        <v>0</v>
      </c>
      <c r="NC40" s="120">
        <v>0</v>
      </c>
      <c r="ND40" s="145"/>
      <c r="NE40" s="119">
        <v>0</v>
      </c>
      <c r="NF40" s="119">
        <v>0</v>
      </c>
      <c r="NG40" s="119">
        <v>262192</v>
      </c>
      <c r="NH40" s="119">
        <v>0</v>
      </c>
      <c r="NI40" s="119">
        <v>0</v>
      </c>
      <c r="NJ40" s="120">
        <v>262192</v>
      </c>
      <c r="NK40" s="321">
        <v>262192</v>
      </c>
      <c r="NL40" s="142">
        <v>0</v>
      </c>
      <c r="NM40" s="119">
        <v>0</v>
      </c>
      <c r="NN40" s="120">
        <v>0</v>
      </c>
      <c r="NO40" s="145"/>
      <c r="NP40" s="119">
        <v>0</v>
      </c>
      <c r="NQ40" s="119">
        <v>0</v>
      </c>
      <c r="NR40" s="119">
        <v>0</v>
      </c>
      <c r="NS40" s="119">
        <v>0</v>
      </c>
      <c r="NT40" s="119">
        <v>0</v>
      </c>
      <c r="NU40" s="120">
        <v>0</v>
      </c>
      <c r="NV40" s="121">
        <v>0</v>
      </c>
      <c r="NW40" s="142">
        <v>0</v>
      </c>
      <c r="NX40" s="119">
        <v>0</v>
      </c>
      <c r="NY40" s="120">
        <v>0</v>
      </c>
      <c r="NZ40" s="145"/>
      <c r="OA40" s="119">
        <v>0</v>
      </c>
      <c r="OB40" s="119">
        <v>0</v>
      </c>
      <c r="OC40" s="119">
        <v>0</v>
      </c>
      <c r="OD40" s="119">
        <v>0</v>
      </c>
      <c r="OE40" s="119">
        <v>0</v>
      </c>
      <c r="OF40" s="120">
        <v>0</v>
      </c>
      <c r="OG40" s="121">
        <v>0</v>
      </c>
      <c r="OH40" s="142">
        <v>212774</v>
      </c>
      <c r="OI40" s="119">
        <v>273268</v>
      </c>
      <c r="OJ40" s="141">
        <v>486042</v>
      </c>
      <c r="OK40" s="118">
        <v>0</v>
      </c>
      <c r="OL40" s="119">
        <v>724512</v>
      </c>
      <c r="OM40" s="119">
        <v>918819</v>
      </c>
      <c r="ON40" s="119">
        <v>1456970</v>
      </c>
      <c r="OO40" s="119">
        <v>1459139</v>
      </c>
      <c r="OP40" s="119">
        <v>208033</v>
      </c>
      <c r="OQ40" s="120">
        <v>4767473</v>
      </c>
      <c r="OR40" s="143">
        <v>5253515</v>
      </c>
    </row>
    <row r="41" spans="1:408" ht="20.25" customHeight="1" x14ac:dyDescent="0.2">
      <c r="A41" s="126" t="s">
        <v>36</v>
      </c>
      <c r="B41" s="110">
        <v>0</v>
      </c>
      <c r="C41" s="114">
        <v>87845</v>
      </c>
      <c r="D41" s="113">
        <v>87845</v>
      </c>
      <c r="E41" s="109">
        <v>0</v>
      </c>
      <c r="F41" s="114">
        <v>485332</v>
      </c>
      <c r="G41" s="114">
        <v>731182</v>
      </c>
      <c r="H41" s="114">
        <v>660562</v>
      </c>
      <c r="I41" s="114">
        <v>876421</v>
      </c>
      <c r="J41" s="114">
        <v>230057</v>
      </c>
      <c r="K41" s="173">
        <v>2983554</v>
      </c>
      <c r="L41" s="116">
        <v>3071399</v>
      </c>
      <c r="M41" s="110">
        <v>0</v>
      </c>
      <c r="N41" s="114">
        <v>41407</v>
      </c>
      <c r="O41" s="113">
        <v>41407</v>
      </c>
      <c r="P41" s="110">
        <v>0</v>
      </c>
      <c r="Q41" s="114">
        <v>300048</v>
      </c>
      <c r="R41" s="114">
        <v>116289</v>
      </c>
      <c r="S41" s="114">
        <v>60788</v>
      </c>
      <c r="T41" s="114">
        <v>181783</v>
      </c>
      <c r="U41" s="114">
        <v>92670</v>
      </c>
      <c r="V41" s="113">
        <v>751578</v>
      </c>
      <c r="W41" s="116">
        <v>792985</v>
      </c>
      <c r="X41" s="110">
        <v>0</v>
      </c>
      <c r="Y41" s="114">
        <v>0</v>
      </c>
      <c r="Z41" s="113">
        <v>0</v>
      </c>
      <c r="AA41" s="110">
        <v>0</v>
      </c>
      <c r="AB41" s="114">
        <v>174248</v>
      </c>
      <c r="AC41" s="114">
        <v>11144</v>
      </c>
      <c r="AD41" s="114">
        <v>0</v>
      </c>
      <c r="AE41" s="114">
        <v>123277</v>
      </c>
      <c r="AF41" s="114">
        <v>0</v>
      </c>
      <c r="AG41" s="113">
        <v>308669</v>
      </c>
      <c r="AH41" s="116">
        <v>308669</v>
      </c>
      <c r="AI41" s="110">
        <v>0</v>
      </c>
      <c r="AJ41" s="114">
        <v>0</v>
      </c>
      <c r="AK41" s="113">
        <v>0</v>
      </c>
      <c r="AL41" s="110">
        <v>0</v>
      </c>
      <c r="AM41" s="114">
        <v>0</v>
      </c>
      <c r="AN41" s="114">
        <v>0</v>
      </c>
      <c r="AO41" s="114">
        <v>0</v>
      </c>
      <c r="AP41" s="114">
        <v>0</v>
      </c>
      <c r="AQ41" s="114">
        <v>0</v>
      </c>
      <c r="AR41" s="113">
        <v>0</v>
      </c>
      <c r="AS41" s="116">
        <v>0</v>
      </c>
      <c r="AT41" s="110">
        <v>0</v>
      </c>
      <c r="AU41" s="114">
        <v>37795</v>
      </c>
      <c r="AV41" s="113">
        <v>37795</v>
      </c>
      <c r="AW41" s="110">
        <v>0</v>
      </c>
      <c r="AX41" s="114">
        <v>100997</v>
      </c>
      <c r="AY41" s="114">
        <v>69830</v>
      </c>
      <c r="AZ41" s="114">
        <v>0</v>
      </c>
      <c r="BA41" s="114">
        <v>0</v>
      </c>
      <c r="BB41" s="114">
        <v>36057</v>
      </c>
      <c r="BC41" s="113">
        <v>206884</v>
      </c>
      <c r="BD41" s="116">
        <v>244679</v>
      </c>
      <c r="BE41" s="110">
        <v>0</v>
      </c>
      <c r="BF41" s="114">
        <v>0</v>
      </c>
      <c r="BG41" s="112">
        <v>0</v>
      </c>
      <c r="BH41" s="111">
        <v>0</v>
      </c>
      <c r="BI41" s="114">
        <v>22416</v>
      </c>
      <c r="BJ41" s="114">
        <v>0</v>
      </c>
      <c r="BK41" s="114">
        <v>0</v>
      </c>
      <c r="BL41" s="114">
        <v>0</v>
      </c>
      <c r="BM41" s="114">
        <v>56613</v>
      </c>
      <c r="BN41" s="113">
        <v>79029</v>
      </c>
      <c r="BO41" s="116">
        <v>79029</v>
      </c>
      <c r="BP41" s="110">
        <v>0</v>
      </c>
      <c r="BQ41" s="114">
        <v>3612</v>
      </c>
      <c r="BR41" s="113">
        <v>3612</v>
      </c>
      <c r="BS41" s="110">
        <v>0</v>
      </c>
      <c r="BT41" s="114">
        <v>2387</v>
      </c>
      <c r="BU41" s="114">
        <v>35315</v>
      </c>
      <c r="BV41" s="114">
        <v>60788</v>
      </c>
      <c r="BW41" s="114">
        <v>58506</v>
      </c>
      <c r="BX41" s="114">
        <v>0</v>
      </c>
      <c r="BY41" s="113">
        <v>156996</v>
      </c>
      <c r="BZ41" s="116">
        <v>160608</v>
      </c>
      <c r="CA41" s="110">
        <v>0</v>
      </c>
      <c r="CB41" s="114">
        <v>32648</v>
      </c>
      <c r="CC41" s="113">
        <v>32648</v>
      </c>
      <c r="CD41" s="110">
        <v>0</v>
      </c>
      <c r="CE41" s="114">
        <v>163234</v>
      </c>
      <c r="CF41" s="114">
        <v>150701</v>
      </c>
      <c r="CG41" s="114">
        <v>107113</v>
      </c>
      <c r="CH41" s="114">
        <v>0</v>
      </c>
      <c r="CI41" s="114">
        <v>11125</v>
      </c>
      <c r="CJ41" s="113">
        <v>432173</v>
      </c>
      <c r="CK41" s="116">
        <v>464821</v>
      </c>
      <c r="CL41" s="110">
        <v>0</v>
      </c>
      <c r="CM41" s="114">
        <v>0</v>
      </c>
      <c r="CN41" s="113">
        <v>0</v>
      </c>
      <c r="CO41" s="111">
        <v>0</v>
      </c>
      <c r="CP41" s="114">
        <v>139034</v>
      </c>
      <c r="CQ41" s="114">
        <v>150701</v>
      </c>
      <c r="CR41" s="114">
        <v>107113</v>
      </c>
      <c r="CS41" s="114">
        <v>0</v>
      </c>
      <c r="CT41" s="114">
        <v>11125</v>
      </c>
      <c r="CU41" s="113">
        <v>407973</v>
      </c>
      <c r="CV41" s="116">
        <v>407973</v>
      </c>
      <c r="CW41" s="110">
        <v>0</v>
      </c>
      <c r="CX41" s="114">
        <v>32648</v>
      </c>
      <c r="CY41" s="113">
        <v>32648</v>
      </c>
      <c r="CZ41" s="110">
        <v>0</v>
      </c>
      <c r="DA41" s="114">
        <v>24200</v>
      </c>
      <c r="DB41" s="114">
        <v>0</v>
      </c>
      <c r="DC41" s="114">
        <v>0</v>
      </c>
      <c r="DD41" s="114">
        <v>0</v>
      </c>
      <c r="DE41" s="114">
        <v>0</v>
      </c>
      <c r="DF41" s="113">
        <v>24200</v>
      </c>
      <c r="DG41" s="116">
        <v>56848</v>
      </c>
      <c r="DH41" s="110">
        <v>0</v>
      </c>
      <c r="DI41" s="114">
        <v>0</v>
      </c>
      <c r="DJ41" s="112">
        <v>0</v>
      </c>
      <c r="DK41" s="111">
        <v>0</v>
      </c>
      <c r="DL41" s="114">
        <v>0</v>
      </c>
      <c r="DM41" s="114">
        <v>134081</v>
      </c>
      <c r="DN41" s="114">
        <v>182282</v>
      </c>
      <c r="DO41" s="114">
        <v>158378</v>
      </c>
      <c r="DP41" s="114">
        <v>66433</v>
      </c>
      <c r="DQ41" s="113">
        <v>541174</v>
      </c>
      <c r="DR41" s="116">
        <v>541174</v>
      </c>
      <c r="DS41" s="110">
        <v>0</v>
      </c>
      <c r="DT41" s="114">
        <v>0</v>
      </c>
      <c r="DU41" s="113">
        <v>0</v>
      </c>
      <c r="DV41" s="110">
        <v>0</v>
      </c>
      <c r="DW41" s="114">
        <v>0</v>
      </c>
      <c r="DX41" s="114">
        <v>134081</v>
      </c>
      <c r="DY41" s="114">
        <v>182282</v>
      </c>
      <c r="DZ41" s="114">
        <v>158378</v>
      </c>
      <c r="EA41" s="114">
        <v>66433</v>
      </c>
      <c r="EB41" s="113">
        <v>541174</v>
      </c>
      <c r="EC41" s="116">
        <v>541174</v>
      </c>
      <c r="ED41" s="110">
        <v>0</v>
      </c>
      <c r="EE41" s="112">
        <v>0</v>
      </c>
      <c r="EF41" s="113">
        <v>0</v>
      </c>
      <c r="EG41" s="110">
        <v>0</v>
      </c>
      <c r="EH41" s="114">
        <v>0</v>
      </c>
      <c r="EI41" s="114">
        <v>0</v>
      </c>
      <c r="EJ41" s="114">
        <v>0</v>
      </c>
      <c r="EK41" s="114">
        <v>0</v>
      </c>
      <c r="EL41" s="114">
        <v>0</v>
      </c>
      <c r="EM41" s="112">
        <v>0</v>
      </c>
      <c r="EN41" s="116">
        <v>0</v>
      </c>
      <c r="EO41" s="110">
        <v>0</v>
      </c>
      <c r="EP41" s="114">
        <v>0</v>
      </c>
      <c r="EQ41" s="112">
        <v>0</v>
      </c>
      <c r="ER41" s="111">
        <v>0</v>
      </c>
      <c r="ES41" s="114">
        <v>0</v>
      </c>
      <c r="ET41" s="114">
        <v>0</v>
      </c>
      <c r="EU41" s="114">
        <v>0</v>
      </c>
      <c r="EV41" s="114">
        <v>0</v>
      </c>
      <c r="EW41" s="114">
        <v>0</v>
      </c>
      <c r="EX41" s="113">
        <v>0</v>
      </c>
      <c r="EY41" s="116">
        <v>0</v>
      </c>
      <c r="EZ41" s="110">
        <v>0</v>
      </c>
      <c r="FA41" s="114">
        <v>0</v>
      </c>
      <c r="FB41" s="112">
        <v>0</v>
      </c>
      <c r="FC41" s="348"/>
      <c r="FD41" s="114">
        <v>0</v>
      </c>
      <c r="FE41" s="114">
        <v>0</v>
      </c>
      <c r="FF41" s="114">
        <v>0</v>
      </c>
      <c r="FG41" s="114">
        <v>0</v>
      </c>
      <c r="FH41" s="114">
        <v>0</v>
      </c>
      <c r="FI41" s="113">
        <v>0</v>
      </c>
      <c r="FJ41" s="116">
        <v>0</v>
      </c>
      <c r="FK41" s="110">
        <v>0</v>
      </c>
      <c r="FL41" s="114">
        <v>13790</v>
      </c>
      <c r="FM41" s="113">
        <v>13790</v>
      </c>
      <c r="FN41" s="110">
        <v>0</v>
      </c>
      <c r="FO41" s="114">
        <v>22050</v>
      </c>
      <c r="FP41" s="114">
        <v>27685</v>
      </c>
      <c r="FQ41" s="114">
        <v>33180</v>
      </c>
      <c r="FR41" s="114">
        <v>42000</v>
      </c>
      <c r="FS41" s="114">
        <v>59829</v>
      </c>
      <c r="FT41" s="113">
        <v>184744</v>
      </c>
      <c r="FU41" s="116">
        <v>198534</v>
      </c>
      <c r="FV41" s="115">
        <v>0</v>
      </c>
      <c r="FW41" s="114">
        <v>13790</v>
      </c>
      <c r="FX41" s="112">
        <v>13790</v>
      </c>
      <c r="FY41" s="111">
        <v>0</v>
      </c>
      <c r="FZ41" s="114">
        <v>22050</v>
      </c>
      <c r="GA41" s="114">
        <v>27685</v>
      </c>
      <c r="GB41" s="114">
        <v>33180</v>
      </c>
      <c r="GC41" s="114">
        <v>42000</v>
      </c>
      <c r="GD41" s="114">
        <v>29414</v>
      </c>
      <c r="GE41" s="113">
        <v>154329</v>
      </c>
      <c r="GF41" s="319">
        <v>168119</v>
      </c>
      <c r="GG41" s="115">
        <v>0</v>
      </c>
      <c r="GH41" s="114">
        <v>0</v>
      </c>
      <c r="GI41" s="112">
        <v>0</v>
      </c>
      <c r="GJ41" s="111">
        <v>0</v>
      </c>
      <c r="GK41" s="114">
        <v>0</v>
      </c>
      <c r="GL41" s="114">
        <v>0</v>
      </c>
      <c r="GM41" s="114">
        <v>0</v>
      </c>
      <c r="GN41" s="114">
        <v>0</v>
      </c>
      <c r="GO41" s="114">
        <v>30415</v>
      </c>
      <c r="GP41" s="113">
        <v>30415</v>
      </c>
      <c r="GQ41" s="116">
        <v>30415</v>
      </c>
      <c r="GR41" s="110">
        <v>0</v>
      </c>
      <c r="GS41" s="114">
        <v>0</v>
      </c>
      <c r="GT41" s="113">
        <v>0</v>
      </c>
      <c r="GU41" s="110">
        <v>0</v>
      </c>
      <c r="GV41" s="114">
        <v>0</v>
      </c>
      <c r="GW41" s="114">
        <v>0</v>
      </c>
      <c r="GX41" s="114">
        <v>0</v>
      </c>
      <c r="GY41" s="114">
        <v>0</v>
      </c>
      <c r="GZ41" s="114">
        <v>0</v>
      </c>
      <c r="HA41" s="112">
        <v>0</v>
      </c>
      <c r="HB41" s="116">
        <v>0</v>
      </c>
      <c r="HC41" s="110">
        <v>0</v>
      </c>
      <c r="HD41" s="114">
        <v>0</v>
      </c>
      <c r="HE41" s="112">
        <v>0</v>
      </c>
      <c r="HF41" s="111">
        <v>0</v>
      </c>
      <c r="HG41" s="114">
        <v>0</v>
      </c>
      <c r="HH41" s="114">
        <v>302426</v>
      </c>
      <c r="HI41" s="114">
        <v>277199</v>
      </c>
      <c r="HJ41" s="114">
        <v>494260</v>
      </c>
      <c r="HK41" s="114">
        <v>0</v>
      </c>
      <c r="HL41" s="113">
        <v>1073885</v>
      </c>
      <c r="HM41" s="109">
        <v>1073885</v>
      </c>
      <c r="HN41" s="329"/>
      <c r="HO41" s="330"/>
      <c r="HP41" s="331"/>
      <c r="HQ41" s="332"/>
      <c r="HR41" s="330"/>
      <c r="HS41" s="330"/>
      <c r="HT41" s="330"/>
      <c r="HU41" s="330"/>
      <c r="HV41" s="330"/>
      <c r="HW41" s="333"/>
      <c r="HX41" s="334"/>
      <c r="HY41" s="131">
        <v>0</v>
      </c>
      <c r="HZ41" s="132">
        <v>0</v>
      </c>
      <c r="IA41" s="133">
        <v>0</v>
      </c>
      <c r="IB41" s="146">
        <v>0</v>
      </c>
      <c r="IC41" s="132">
        <v>0</v>
      </c>
      <c r="ID41" s="147">
        <v>145465</v>
      </c>
      <c r="IE41" s="133">
        <v>218579</v>
      </c>
      <c r="IF41" s="132">
        <v>444195</v>
      </c>
      <c r="IG41" s="133">
        <v>90493</v>
      </c>
      <c r="IH41" s="148">
        <v>898732</v>
      </c>
      <c r="II41" s="139">
        <v>898732</v>
      </c>
      <c r="IJ41" s="232">
        <v>0</v>
      </c>
      <c r="IK41" s="236">
        <v>0</v>
      </c>
      <c r="IL41" s="237">
        <v>0</v>
      </c>
      <c r="IM41" s="140"/>
      <c r="IN41" s="119">
        <v>0</v>
      </c>
      <c r="IO41" s="119">
        <v>0</v>
      </c>
      <c r="IP41" s="119">
        <v>0</v>
      </c>
      <c r="IQ41" s="119">
        <v>0</v>
      </c>
      <c r="IR41" s="119">
        <v>0</v>
      </c>
      <c r="IS41" s="141">
        <v>0</v>
      </c>
      <c r="IT41" s="321">
        <v>0</v>
      </c>
      <c r="IU41" s="142">
        <v>0</v>
      </c>
      <c r="IV41" s="119">
        <v>0</v>
      </c>
      <c r="IW41" s="120">
        <v>0</v>
      </c>
      <c r="IX41" s="144"/>
      <c r="IY41" s="119">
        <v>0</v>
      </c>
      <c r="IZ41" s="119">
        <v>0</v>
      </c>
      <c r="JA41" s="119">
        <v>0</v>
      </c>
      <c r="JB41" s="119">
        <v>0</v>
      </c>
      <c r="JC41" s="119">
        <v>0</v>
      </c>
      <c r="JD41" s="120">
        <v>0</v>
      </c>
      <c r="JE41" s="121">
        <v>0</v>
      </c>
      <c r="JF41" s="142">
        <v>0</v>
      </c>
      <c r="JG41" s="119">
        <v>0</v>
      </c>
      <c r="JH41" s="141">
        <v>0</v>
      </c>
      <c r="JI41" s="118">
        <v>0</v>
      </c>
      <c r="JJ41" s="119">
        <v>0</v>
      </c>
      <c r="JK41" s="119">
        <v>145465</v>
      </c>
      <c r="JL41" s="119">
        <v>0</v>
      </c>
      <c r="JM41" s="119">
        <v>221505</v>
      </c>
      <c r="JN41" s="119">
        <v>90493</v>
      </c>
      <c r="JO41" s="120">
        <v>457463</v>
      </c>
      <c r="JP41" s="321">
        <v>457463</v>
      </c>
      <c r="JQ41" s="142">
        <v>0</v>
      </c>
      <c r="JR41" s="119">
        <v>0</v>
      </c>
      <c r="JS41" s="141">
        <v>0</v>
      </c>
      <c r="JT41" s="118">
        <v>0</v>
      </c>
      <c r="JU41" s="119">
        <v>0</v>
      </c>
      <c r="JV41" s="119">
        <v>0</v>
      </c>
      <c r="JW41" s="119">
        <v>0</v>
      </c>
      <c r="JX41" s="119">
        <v>0</v>
      </c>
      <c r="JY41" s="119">
        <v>0</v>
      </c>
      <c r="JZ41" s="120">
        <v>0</v>
      </c>
      <c r="KA41" s="321">
        <v>0</v>
      </c>
      <c r="KB41" s="234">
        <v>0</v>
      </c>
      <c r="KC41" s="230">
        <v>0</v>
      </c>
      <c r="KD41" s="120">
        <v>0</v>
      </c>
      <c r="KE41" s="118">
        <v>0</v>
      </c>
      <c r="KF41" s="119">
        <v>0</v>
      </c>
      <c r="KG41" s="119">
        <v>0</v>
      </c>
      <c r="KH41" s="119">
        <v>0</v>
      </c>
      <c r="KI41" s="119">
        <v>0</v>
      </c>
      <c r="KJ41" s="119">
        <v>0</v>
      </c>
      <c r="KK41" s="120">
        <v>0</v>
      </c>
      <c r="KL41" s="143">
        <v>0</v>
      </c>
      <c r="KM41" s="232">
        <v>0</v>
      </c>
      <c r="KN41" s="236">
        <v>0</v>
      </c>
      <c r="KO41" s="237">
        <v>0</v>
      </c>
      <c r="KP41" s="140"/>
      <c r="KQ41" s="119">
        <v>0</v>
      </c>
      <c r="KR41" s="119">
        <v>0</v>
      </c>
      <c r="KS41" s="119">
        <v>218579</v>
      </c>
      <c r="KT41" s="119">
        <v>222690</v>
      </c>
      <c r="KU41" s="119">
        <v>0</v>
      </c>
      <c r="KV41" s="120">
        <v>441269</v>
      </c>
      <c r="KW41" s="321">
        <v>441269</v>
      </c>
      <c r="KX41" s="142">
        <v>0</v>
      </c>
      <c r="KY41" s="119">
        <v>0</v>
      </c>
      <c r="KZ41" s="120">
        <v>0</v>
      </c>
      <c r="LA41" s="145"/>
      <c r="LB41" s="119">
        <v>0</v>
      </c>
      <c r="LC41" s="119">
        <v>0</v>
      </c>
      <c r="LD41" s="119">
        <v>0</v>
      </c>
      <c r="LE41" s="119">
        <v>0</v>
      </c>
      <c r="LF41" s="119">
        <v>0</v>
      </c>
      <c r="LG41" s="120">
        <v>0</v>
      </c>
      <c r="LH41" s="121">
        <v>0</v>
      </c>
      <c r="LI41" s="142">
        <v>0</v>
      </c>
      <c r="LJ41" s="119">
        <v>0</v>
      </c>
      <c r="LK41" s="120">
        <v>0</v>
      </c>
      <c r="LL41" s="145"/>
      <c r="LM41" s="119">
        <v>0</v>
      </c>
      <c r="LN41" s="119">
        <v>0</v>
      </c>
      <c r="LO41" s="119">
        <v>0</v>
      </c>
      <c r="LP41" s="119">
        <v>0</v>
      </c>
      <c r="LQ41" s="119">
        <v>0</v>
      </c>
      <c r="LR41" s="120">
        <v>0</v>
      </c>
      <c r="LS41" s="321">
        <v>0</v>
      </c>
      <c r="LT41" s="142">
        <v>0</v>
      </c>
      <c r="LU41" s="119">
        <v>0</v>
      </c>
      <c r="LV41" s="120">
        <v>0</v>
      </c>
      <c r="LW41" s="145"/>
      <c r="LX41" s="119">
        <v>0</v>
      </c>
      <c r="LY41" s="119">
        <v>0</v>
      </c>
      <c r="LZ41" s="119">
        <v>0</v>
      </c>
      <c r="MA41" s="119">
        <v>0</v>
      </c>
      <c r="MB41" s="119">
        <v>0</v>
      </c>
      <c r="MC41" s="120">
        <v>0</v>
      </c>
      <c r="MD41" s="121">
        <v>0</v>
      </c>
      <c r="ME41" s="142">
        <v>0</v>
      </c>
      <c r="MF41" s="119">
        <v>0</v>
      </c>
      <c r="MG41" s="120">
        <v>0</v>
      </c>
      <c r="MH41" s="145"/>
      <c r="MI41" s="119">
        <v>190086</v>
      </c>
      <c r="MJ41" s="119">
        <v>0</v>
      </c>
      <c r="MK41" s="119">
        <v>239260</v>
      </c>
      <c r="ML41" s="119">
        <v>468420</v>
      </c>
      <c r="MM41" s="119">
        <v>407921</v>
      </c>
      <c r="MN41" s="120">
        <v>1305687</v>
      </c>
      <c r="MO41" s="143">
        <v>1305687</v>
      </c>
      <c r="MP41" s="142">
        <v>0</v>
      </c>
      <c r="MQ41" s="119">
        <v>0</v>
      </c>
      <c r="MR41" s="120">
        <v>0</v>
      </c>
      <c r="MS41" s="145"/>
      <c r="MT41" s="119">
        <v>0</v>
      </c>
      <c r="MU41" s="119">
        <v>0</v>
      </c>
      <c r="MV41" s="119">
        <v>0</v>
      </c>
      <c r="MW41" s="119">
        <v>225161</v>
      </c>
      <c r="MX41" s="119">
        <v>407921</v>
      </c>
      <c r="MY41" s="120">
        <v>633082</v>
      </c>
      <c r="MZ41" s="143">
        <v>633082</v>
      </c>
      <c r="NA41" s="142">
        <v>0</v>
      </c>
      <c r="NB41" s="119">
        <v>0</v>
      </c>
      <c r="NC41" s="120">
        <v>0</v>
      </c>
      <c r="ND41" s="145"/>
      <c r="NE41" s="119">
        <v>190086</v>
      </c>
      <c r="NF41" s="119">
        <v>0</v>
      </c>
      <c r="NG41" s="119">
        <v>239260</v>
      </c>
      <c r="NH41" s="119">
        <v>243259</v>
      </c>
      <c r="NI41" s="119">
        <v>0</v>
      </c>
      <c r="NJ41" s="120">
        <v>672605</v>
      </c>
      <c r="NK41" s="321">
        <v>672605</v>
      </c>
      <c r="NL41" s="142">
        <v>0</v>
      </c>
      <c r="NM41" s="119">
        <v>0</v>
      </c>
      <c r="NN41" s="120">
        <v>0</v>
      </c>
      <c r="NO41" s="145"/>
      <c r="NP41" s="119">
        <v>0</v>
      </c>
      <c r="NQ41" s="119">
        <v>0</v>
      </c>
      <c r="NR41" s="119">
        <v>0</v>
      </c>
      <c r="NS41" s="119">
        <v>0</v>
      </c>
      <c r="NT41" s="119">
        <v>0</v>
      </c>
      <c r="NU41" s="120">
        <v>0</v>
      </c>
      <c r="NV41" s="121">
        <v>0</v>
      </c>
      <c r="NW41" s="142">
        <v>0</v>
      </c>
      <c r="NX41" s="119">
        <v>0</v>
      </c>
      <c r="NY41" s="120">
        <v>0</v>
      </c>
      <c r="NZ41" s="145"/>
      <c r="OA41" s="119">
        <v>0</v>
      </c>
      <c r="OB41" s="119">
        <v>0</v>
      </c>
      <c r="OC41" s="119">
        <v>0</v>
      </c>
      <c r="OD41" s="119">
        <v>0</v>
      </c>
      <c r="OE41" s="119">
        <v>0</v>
      </c>
      <c r="OF41" s="120">
        <v>0</v>
      </c>
      <c r="OG41" s="121">
        <v>0</v>
      </c>
      <c r="OH41" s="142">
        <v>0</v>
      </c>
      <c r="OI41" s="119">
        <v>87845</v>
      </c>
      <c r="OJ41" s="141">
        <v>87845</v>
      </c>
      <c r="OK41" s="118">
        <v>0</v>
      </c>
      <c r="OL41" s="119">
        <v>675418</v>
      </c>
      <c r="OM41" s="119">
        <v>876647</v>
      </c>
      <c r="ON41" s="119">
        <v>1118401</v>
      </c>
      <c r="OO41" s="119">
        <v>1789036</v>
      </c>
      <c r="OP41" s="119">
        <v>728471</v>
      </c>
      <c r="OQ41" s="120">
        <v>5187973</v>
      </c>
      <c r="OR41" s="143">
        <v>5275818</v>
      </c>
    </row>
    <row r="42" spans="1:408" ht="20.25" customHeight="1" thickBot="1" x14ac:dyDescent="0.25">
      <c r="A42" s="127" t="s">
        <v>37</v>
      </c>
      <c r="B42" s="117">
        <v>0</v>
      </c>
      <c r="C42" s="178">
        <v>0</v>
      </c>
      <c r="D42" s="179">
        <v>0</v>
      </c>
      <c r="E42" s="180">
        <v>0</v>
      </c>
      <c r="F42" s="178">
        <v>0</v>
      </c>
      <c r="G42" s="178">
        <v>0</v>
      </c>
      <c r="H42" s="178">
        <v>0</v>
      </c>
      <c r="I42" s="178">
        <v>367356</v>
      </c>
      <c r="J42" s="178">
        <v>166155</v>
      </c>
      <c r="K42" s="180">
        <v>533511</v>
      </c>
      <c r="L42" s="181">
        <v>533511</v>
      </c>
      <c r="M42" s="117">
        <v>0</v>
      </c>
      <c r="N42" s="178">
        <v>0</v>
      </c>
      <c r="O42" s="179">
        <v>0</v>
      </c>
      <c r="P42" s="117">
        <v>0</v>
      </c>
      <c r="Q42" s="178">
        <v>0</v>
      </c>
      <c r="R42" s="178">
        <v>0</v>
      </c>
      <c r="S42" s="178">
        <v>0</v>
      </c>
      <c r="T42" s="178">
        <v>44829</v>
      </c>
      <c r="U42" s="178">
        <v>135495</v>
      </c>
      <c r="V42" s="179">
        <v>180324</v>
      </c>
      <c r="W42" s="181">
        <v>180324</v>
      </c>
      <c r="X42" s="117">
        <v>0</v>
      </c>
      <c r="Y42" s="178">
        <v>0</v>
      </c>
      <c r="Z42" s="179">
        <v>0</v>
      </c>
      <c r="AA42" s="117">
        <v>0</v>
      </c>
      <c r="AB42" s="178">
        <v>0</v>
      </c>
      <c r="AC42" s="178">
        <v>0</v>
      </c>
      <c r="AD42" s="178">
        <v>0</v>
      </c>
      <c r="AE42" s="178">
        <v>0</v>
      </c>
      <c r="AF42" s="178">
        <v>69892</v>
      </c>
      <c r="AG42" s="179">
        <v>69892</v>
      </c>
      <c r="AH42" s="181">
        <v>69892</v>
      </c>
      <c r="AI42" s="117">
        <v>0</v>
      </c>
      <c r="AJ42" s="178">
        <v>0</v>
      </c>
      <c r="AK42" s="179">
        <v>0</v>
      </c>
      <c r="AL42" s="117">
        <v>0</v>
      </c>
      <c r="AM42" s="178">
        <v>0</v>
      </c>
      <c r="AN42" s="178">
        <v>0</v>
      </c>
      <c r="AO42" s="178">
        <v>0</v>
      </c>
      <c r="AP42" s="178">
        <v>0</v>
      </c>
      <c r="AQ42" s="178">
        <v>0</v>
      </c>
      <c r="AR42" s="179">
        <v>0</v>
      </c>
      <c r="AS42" s="181">
        <v>0</v>
      </c>
      <c r="AT42" s="117">
        <v>0</v>
      </c>
      <c r="AU42" s="178">
        <v>0</v>
      </c>
      <c r="AV42" s="179">
        <v>0</v>
      </c>
      <c r="AW42" s="117">
        <v>0</v>
      </c>
      <c r="AX42" s="178">
        <v>0</v>
      </c>
      <c r="AY42" s="178">
        <v>0</v>
      </c>
      <c r="AZ42" s="178">
        <v>0</v>
      </c>
      <c r="BA42" s="178">
        <v>36429</v>
      </c>
      <c r="BB42" s="178">
        <v>54193</v>
      </c>
      <c r="BC42" s="179">
        <v>90622</v>
      </c>
      <c r="BD42" s="181">
        <v>90622</v>
      </c>
      <c r="BE42" s="117">
        <v>0</v>
      </c>
      <c r="BF42" s="178">
        <v>0</v>
      </c>
      <c r="BG42" s="183">
        <v>0</v>
      </c>
      <c r="BH42" s="182">
        <v>0</v>
      </c>
      <c r="BI42" s="178">
        <v>0</v>
      </c>
      <c r="BJ42" s="178">
        <v>0</v>
      </c>
      <c r="BK42" s="178">
        <v>0</v>
      </c>
      <c r="BL42" s="178">
        <v>0</v>
      </c>
      <c r="BM42" s="178">
        <v>0</v>
      </c>
      <c r="BN42" s="179">
        <v>0</v>
      </c>
      <c r="BO42" s="181">
        <v>0</v>
      </c>
      <c r="BP42" s="117">
        <v>0</v>
      </c>
      <c r="BQ42" s="178">
        <v>0</v>
      </c>
      <c r="BR42" s="179">
        <v>0</v>
      </c>
      <c r="BS42" s="117">
        <v>0</v>
      </c>
      <c r="BT42" s="178">
        <v>0</v>
      </c>
      <c r="BU42" s="178">
        <v>0</v>
      </c>
      <c r="BV42" s="178">
        <v>0</v>
      </c>
      <c r="BW42" s="178">
        <v>8400</v>
      </c>
      <c r="BX42" s="178">
        <v>11410</v>
      </c>
      <c r="BY42" s="179">
        <v>19810</v>
      </c>
      <c r="BZ42" s="181">
        <v>19810</v>
      </c>
      <c r="CA42" s="117">
        <v>0</v>
      </c>
      <c r="CB42" s="178">
        <v>0</v>
      </c>
      <c r="CC42" s="179">
        <v>0</v>
      </c>
      <c r="CD42" s="117">
        <v>0</v>
      </c>
      <c r="CE42" s="178">
        <v>0</v>
      </c>
      <c r="CF42" s="178">
        <v>0</v>
      </c>
      <c r="CG42" s="178">
        <v>0</v>
      </c>
      <c r="CH42" s="178">
        <v>0</v>
      </c>
      <c r="CI42" s="178">
        <v>0</v>
      </c>
      <c r="CJ42" s="179">
        <v>0</v>
      </c>
      <c r="CK42" s="181">
        <v>0</v>
      </c>
      <c r="CL42" s="117">
        <v>0</v>
      </c>
      <c r="CM42" s="178">
        <v>0</v>
      </c>
      <c r="CN42" s="179">
        <v>0</v>
      </c>
      <c r="CO42" s="182">
        <v>0</v>
      </c>
      <c r="CP42" s="178">
        <v>0</v>
      </c>
      <c r="CQ42" s="178">
        <v>0</v>
      </c>
      <c r="CR42" s="178">
        <v>0</v>
      </c>
      <c r="CS42" s="178">
        <v>0</v>
      </c>
      <c r="CT42" s="178">
        <v>0</v>
      </c>
      <c r="CU42" s="179">
        <v>0</v>
      </c>
      <c r="CV42" s="181">
        <v>0</v>
      </c>
      <c r="CW42" s="117">
        <v>0</v>
      </c>
      <c r="CX42" s="178">
        <v>0</v>
      </c>
      <c r="CY42" s="179">
        <v>0</v>
      </c>
      <c r="CZ42" s="117">
        <v>0</v>
      </c>
      <c r="DA42" s="178">
        <v>0</v>
      </c>
      <c r="DB42" s="178">
        <v>0</v>
      </c>
      <c r="DC42" s="178">
        <v>0</v>
      </c>
      <c r="DD42" s="178">
        <v>0</v>
      </c>
      <c r="DE42" s="178">
        <v>0</v>
      </c>
      <c r="DF42" s="179">
        <v>0</v>
      </c>
      <c r="DG42" s="181">
        <v>0</v>
      </c>
      <c r="DH42" s="117">
        <v>0</v>
      </c>
      <c r="DI42" s="178">
        <v>0</v>
      </c>
      <c r="DJ42" s="183">
        <v>0</v>
      </c>
      <c r="DK42" s="182">
        <v>0</v>
      </c>
      <c r="DL42" s="178">
        <v>0</v>
      </c>
      <c r="DM42" s="178">
        <v>0</v>
      </c>
      <c r="DN42" s="178">
        <v>0</v>
      </c>
      <c r="DO42" s="178">
        <v>127719</v>
      </c>
      <c r="DP42" s="178">
        <v>0</v>
      </c>
      <c r="DQ42" s="179">
        <v>127719</v>
      </c>
      <c r="DR42" s="181">
        <v>127719</v>
      </c>
      <c r="DS42" s="117">
        <v>0</v>
      </c>
      <c r="DT42" s="178">
        <v>0</v>
      </c>
      <c r="DU42" s="179">
        <v>0</v>
      </c>
      <c r="DV42" s="117">
        <v>0</v>
      </c>
      <c r="DW42" s="178">
        <v>0</v>
      </c>
      <c r="DX42" s="178">
        <v>0</v>
      </c>
      <c r="DY42" s="178">
        <v>0</v>
      </c>
      <c r="DZ42" s="178">
        <v>0</v>
      </c>
      <c r="EA42" s="178">
        <v>0</v>
      </c>
      <c r="EB42" s="179">
        <v>0</v>
      </c>
      <c r="EC42" s="181">
        <v>0</v>
      </c>
      <c r="ED42" s="117">
        <v>0</v>
      </c>
      <c r="EE42" s="183">
        <v>0</v>
      </c>
      <c r="EF42" s="179">
        <v>0</v>
      </c>
      <c r="EG42" s="117">
        <v>0</v>
      </c>
      <c r="EH42" s="178">
        <v>0</v>
      </c>
      <c r="EI42" s="178">
        <v>0</v>
      </c>
      <c r="EJ42" s="178">
        <v>0</v>
      </c>
      <c r="EK42" s="178">
        <v>127719</v>
      </c>
      <c r="EL42" s="178">
        <v>0</v>
      </c>
      <c r="EM42" s="183">
        <v>127719</v>
      </c>
      <c r="EN42" s="181">
        <v>127719</v>
      </c>
      <c r="EO42" s="117">
        <v>0</v>
      </c>
      <c r="EP42" s="178">
        <v>0</v>
      </c>
      <c r="EQ42" s="183">
        <v>0</v>
      </c>
      <c r="ER42" s="182">
        <v>0</v>
      </c>
      <c r="ES42" s="178">
        <v>0</v>
      </c>
      <c r="ET42" s="178">
        <v>0</v>
      </c>
      <c r="EU42" s="178">
        <v>0</v>
      </c>
      <c r="EV42" s="178">
        <v>0</v>
      </c>
      <c r="EW42" s="178">
        <v>0</v>
      </c>
      <c r="EX42" s="179">
        <v>0</v>
      </c>
      <c r="EY42" s="181">
        <v>0</v>
      </c>
      <c r="EZ42" s="117">
        <v>0</v>
      </c>
      <c r="FA42" s="178">
        <v>0</v>
      </c>
      <c r="FB42" s="183">
        <v>0</v>
      </c>
      <c r="FC42" s="349"/>
      <c r="FD42" s="178">
        <v>0</v>
      </c>
      <c r="FE42" s="178">
        <v>0</v>
      </c>
      <c r="FF42" s="178">
        <v>0</v>
      </c>
      <c r="FG42" s="178">
        <v>0</v>
      </c>
      <c r="FH42" s="178">
        <v>0</v>
      </c>
      <c r="FI42" s="179">
        <v>0</v>
      </c>
      <c r="FJ42" s="181">
        <v>0</v>
      </c>
      <c r="FK42" s="117">
        <v>0</v>
      </c>
      <c r="FL42" s="178">
        <v>0</v>
      </c>
      <c r="FM42" s="179">
        <v>0</v>
      </c>
      <c r="FN42" s="117">
        <v>0</v>
      </c>
      <c r="FO42" s="178">
        <v>0</v>
      </c>
      <c r="FP42" s="178">
        <v>0</v>
      </c>
      <c r="FQ42" s="178">
        <v>0</v>
      </c>
      <c r="FR42" s="178">
        <v>9800</v>
      </c>
      <c r="FS42" s="178">
        <v>30660</v>
      </c>
      <c r="FT42" s="179">
        <v>40460</v>
      </c>
      <c r="FU42" s="181">
        <v>40460</v>
      </c>
      <c r="FV42" s="184">
        <v>0</v>
      </c>
      <c r="FW42" s="178">
        <v>0</v>
      </c>
      <c r="FX42" s="183">
        <v>0</v>
      </c>
      <c r="FY42" s="182">
        <v>0</v>
      </c>
      <c r="FZ42" s="178">
        <v>0</v>
      </c>
      <c r="GA42" s="178">
        <v>0</v>
      </c>
      <c r="GB42" s="178">
        <v>0</v>
      </c>
      <c r="GC42" s="178">
        <v>9800</v>
      </c>
      <c r="GD42" s="178">
        <v>30660</v>
      </c>
      <c r="GE42" s="179">
        <v>40460</v>
      </c>
      <c r="GF42" s="320">
        <v>40460</v>
      </c>
      <c r="GG42" s="184">
        <v>0</v>
      </c>
      <c r="GH42" s="178">
        <v>0</v>
      </c>
      <c r="GI42" s="183">
        <v>0</v>
      </c>
      <c r="GJ42" s="182">
        <v>0</v>
      </c>
      <c r="GK42" s="178">
        <v>0</v>
      </c>
      <c r="GL42" s="178">
        <v>0</v>
      </c>
      <c r="GM42" s="178">
        <v>0</v>
      </c>
      <c r="GN42" s="178">
        <v>0</v>
      </c>
      <c r="GO42" s="178">
        <v>0</v>
      </c>
      <c r="GP42" s="179">
        <v>0</v>
      </c>
      <c r="GQ42" s="181">
        <v>0</v>
      </c>
      <c r="GR42" s="117">
        <v>0</v>
      </c>
      <c r="GS42" s="178">
        <v>0</v>
      </c>
      <c r="GT42" s="179">
        <v>0</v>
      </c>
      <c r="GU42" s="117">
        <v>0</v>
      </c>
      <c r="GV42" s="178">
        <v>0</v>
      </c>
      <c r="GW42" s="178">
        <v>0</v>
      </c>
      <c r="GX42" s="178">
        <v>0</v>
      </c>
      <c r="GY42" s="178">
        <v>0</v>
      </c>
      <c r="GZ42" s="178">
        <v>0</v>
      </c>
      <c r="HA42" s="183">
        <v>0</v>
      </c>
      <c r="HB42" s="181">
        <v>0</v>
      </c>
      <c r="HC42" s="117">
        <v>0</v>
      </c>
      <c r="HD42" s="178">
        <v>0</v>
      </c>
      <c r="HE42" s="183">
        <v>0</v>
      </c>
      <c r="HF42" s="182">
        <v>0</v>
      </c>
      <c r="HG42" s="178">
        <v>0</v>
      </c>
      <c r="HH42" s="178">
        <v>0</v>
      </c>
      <c r="HI42" s="178">
        <v>0</v>
      </c>
      <c r="HJ42" s="178">
        <v>185008</v>
      </c>
      <c r="HK42" s="178">
        <v>0</v>
      </c>
      <c r="HL42" s="179">
        <v>185008</v>
      </c>
      <c r="HM42" s="180">
        <v>185008</v>
      </c>
      <c r="HN42" s="335"/>
      <c r="HO42" s="336"/>
      <c r="HP42" s="337"/>
      <c r="HQ42" s="338"/>
      <c r="HR42" s="336"/>
      <c r="HS42" s="336"/>
      <c r="HT42" s="336"/>
      <c r="HU42" s="336"/>
      <c r="HV42" s="336"/>
      <c r="HW42" s="339"/>
      <c r="HX42" s="340"/>
      <c r="HY42" s="151">
        <v>0</v>
      </c>
      <c r="HZ42" s="152">
        <v>0</v>
      </c>
      <c r="IA42" s="153">
        <v>0</v>
      </c>
      <c r="IB42" s="154">
        <v>0</v>
      </c>
      <c r="IC42" s="155">
        <v>0</v>
      </c>
      <c r="ID42" s="156">
        <v>0</v>
      </c>
      <c r="IE42" s="157">
        <v>0</v>
      </c>
      <c r="IF42" s="155">
        <v>0</v>
      </c>
      <c r="IG42" s="157">
        <v>126526</v>
      </c>
      <c r="IH42" s="158">
        <v>126526</v>
      </c>
      <c r="II42" s="159">
        <v>126526</v>
      </c>
      <c r="IJ42" s="233">
        <v>0</v>
      </c>
      <c r="IK42" s="238">
        <v>0</v>
      </c>
      <c r="IL42" s="239">
        <v>0</v>
      </c>
      <c r="IM42" s="160"/>
      <c r="IN42" s="161">
        <v>0</v>
      </c>
      <c r="IO42" s="161">
        <v>0</v>
      </c>
      <c r="IP42" s="161">
        <v>0</v>
      </c>
      <c r="IQ42" s="161">
        <v>0</v>
      </c>
      <c r="IR42" s="161">
        <v>0</v>
      </c>
      <c r="IS42" s="162">
        <v>0</v>
      </c>
      <c r="IT42" s="322">
        <v>0</v>
      </c>
      <c r="IU42" s="163">
        <v>0</v>
      </c>
      <c r="IV42" s="161">
        <v>0</v>
      </c>
      <c r="IW42" s="165">
        <v>0</v>
      </c>
      <c r="IX42" s="168"/>
      <c r="IY42" s="161">
        <v>0</v>
      </c>
      <c r="IZ42" s="161">
        <v>0</v>
      </c>
      <c r="JA42" s="161">
        <v>0</v>
      </c>
      <c r="JB42" s="161">
        <v>0</v>
      </c>
      <c r="JC42" s="161">
        <v>0</v>
      </c>
      <c r="JD42" s="165">
        <v>0</v>
      </c>
      <c r="JE42" s="166">
        <v>0</v>
      </c>
      <c r="JF42" s="163">
        <v>0</v>
      </c>
      <c r="JG42" s="161">
        <v>0</v>
      </c>
      <c r="JH42" s="162">
        <v>0</v>
      </c>
      <c r="JI42" s="164">
        <v>0</v>
      </c>
      <c r="JJ42" s="161">
        <v>0</v>
      </c>
      <c r="JK42" s="161">
        <v>0</v>
      </c>
      <c r="JL42" s="161">
        <v>0</v>
      </c>
      <c r="JM42" s="161">
        <v>0</v>
      </c>
      <c r="JN42" s="161">
        <v>126526</v>
      </c>
      <c r="JO42" s="165">
        <v>126526</v>
      </c>
      <c r="JP42" s="322">
        <v>126526</v>
      </c>
      <c r="JQ42" s="163">
        <v>0</v>
      </c>
      <c r="JR42" s="161">
        <v>0</v>
      </c>
      <c r="JS42" s="162">
        <v>0</v>
      </c>
      <c r="JT42" s="164">
        <v>0</v>
      </c>
      <c r="JU42" s="161">
        <v>0</v>
      </c>
      <c r="JV42" s="161">
        <v>0</v>
      </c>
      <c r="JW42" s="161">
        <v>0</v>
      </c>
      <c r="JX42" s="161">
        <v>0</v>
      </c>
      <c r="JY42" s="161">
        <v>0</v>
      </c>
      <c r="JZ42" s="165">
        <v>0</v>
      </c>
      <c r="KA42" s="322">
        <v>0</v>
      </c>
      <c r="KB42" s="235">
        <v>0</v>
      </c>
      <c r="KC42" s="231">
        <v>0</v>
      </c>
      <c r="KD42" s="165">
        <v>0</v>
      </c>
      <c r="KE42" s="164">
        <v>0</v>
      </c>
      <c r="KF42" s="161">
        <v>0</v>
      </c>
      <c r="KG42" s="161">
        <v>0</v>
      </c>
      <c r="KH42" s="161">
        <v>0</v>
      </c>
      <c r="KI42" s="161">
        <v>0</v>
      </c>
      <c r="KJ42" s="161">
        <v>0</v>
      </c>
      <c r="KK42" s="165">
        <v>0</v>
      </c>
      <c r="KL42" s="167">
        <v>0</v>
      </c>
      <c r="KM42" s="233">
        <v>0</v>
      </c>
      <c r="KN42" s="238">
        <v>0</v>
      </c>
      <c r="KO42" s="239">
        <v>0</v>
      </c>
      <c r="KP42" s="160"/>
      <c r="KQ42" s="161">
        <v>0</v>
      </c>
      <c r="KR42" s="161">
        <v>0</v>
      </c>
      <c r="KS42" s="161">
        <v>0</v>
      </c>
      <c r="KT42" s="161">
        <v>0</v>
      </c>
      <c r="KU42" s="161">
        <v>0</v>
      </c>
      <c r="KV42" s="165">
        <v>0</v>
      </c>
      <c r="KW42" s="322">
        <v>0</v>
      </c>
      <c r="KX42" s="163">
        <v>0</v>
      </c>
      <c r="KY42" s="161">
        <v>0</v>
      </c>
      <c r="KZ42" s="165">
        <v>0</v>
      </c>
      <c r="LA42" s="169"/>
      <c r="LB42" s="161">
        <v>0</v>
      </c>
      <c r="LC42" s="161">
        <v>0</v>
      </c>
      <c r="LD42" s="161">
        <v>0</v>
      </c>
      <c r="LE42" s="161">
        <v>0</v>
      </c>
      <c r="LF42" s="161">
        <v>0</v>
      </c>
      <c r="LG42" s="165">
        <v>0</v>
      </c>
      <c r="LH42" s="166">
        <v>0</v>
      </c>
      <c r="LI42" s="163">
        <v>0</v>
      </c>
      <c r="LJ42" s="161">
        <v>0</v>
      </c>
      <c r="LK42" s="165">
        <v>0</v>
      </c>
      <c r="LL42" s="169"/>
      <c r="LM42" s="161">
        <v>0</v>
      </c>
      <c r="LN42" s="161">
        <v>0</v>
      </c>
      <c r="LO42" s="161">
        <v>0</v>
      </c>
      <c r="LP42" s="161">
        <v>0</v>
      </c>
      <c r="LQ42" s="161">
        <v>0</v>
      </c>
      <c r="LR42" s="165">
        <v>0</v>
      </c>
      <c r="LS42" s="322">
        <v>0</v>
      </c>
      <c r="LT42" s="163">
        <v>0</v>
      </c>
      <c r="LU42" s="161">
        <v>0</v>
      </c>
      <c r="LV42" s="165">
        <v>0</v>
      </c>
      <c r="LW42" s="169"/>
      <c r="LX42" s="161">
        <v>0</v>
      </c>
      <c r="LY42" s="161">
        <v>0</v>
      </c>
      <c r="LZ42" s="161">
        <v>0</v>
      </c>
      <c r="MA42" s="161">
        <v>0</v>
      </c>
      <c r="MB42" s="161">
        <v>0</v>
      </c>
      <c r="MC42" s="165">
        <v>0</v>
      </c>
      <c r="MD42" s="166">
        <v>0</v>
      </c>
      <c r="ME42" s="163">
        <v>0</v>
      </c>
      <c r="MF42" s="161">
        <v>0</v>
      </c>
      <c r="MG42" s="165">
        <v>0</v>
      </c>
      <c r="MH42" s="169"/>
      <c r="MI42" s="161">
        <v>0</v>
      </c>
      <c r="MJ42" s="161">
        <v>0</v>
      </c>
      <c r="MK42" s="161">
        <v>0</v>
      </c>
      <c r="ML42" s="161">
        <v>0</v>
      </c>
      <c r="MM42" s="161">
        <v>680619</v>
      </c>
      <c r="MN42" s="165">
        <v>680619</v>
      </c>
      <c r="MO42" s="167">
        <v>680619</v>
      </c>
      <c r="MP42" s="163">
        <v>0</v>
      </c>
      <c r="MQ42" s="161">
        <v>0</v>
      </c>
      <c r="MR42" s="165">
        <v>0</v>
      </c>
      <c r="MS42" s="169"/>
      <c r="MT42" s="161">
        <v>0</v>
      </c>
      <c r="MU42" s="161">
        <v>0</v>
      </c>
      <c r="MV42" s="161">
        <v>0</v>
      </c>
      <c r="MW42" s="161">
        <v>0</v>
      </c>
      <c r="MX42" s="161">
        <v>0</v>
      </c>
      <c r="MY42" s="165">
        <v>0</v>
      </c>
      <c r="MZ42" s="167">
        <v>0</v>
      </c>
      <c r="NA42" s="163">
        <v>0</v>
      </c>
      <c r="NB42" s="161">
        <v>0</v>
      </c>
      <c r="NC42" s="165">
        <v>0</v>
      </c>
      <c r="ND42" s="169"/>
      <c r="NE42" s="161">
        <v>0</v>
      </c>
      <c r="NF42" s="161">
        <v>0</v>
      </c>
      <c r="NG42" s="161">
        <v>0</v>
      </c>
      <c r="NH42" s="161">
        <v>0</v>
      </c>
      <c r="NI42" s="161">
        <v>0</v>
      </c>
      <c r="NJ42" s="165">
        <v>0</v>
      </c>
      <c r="NK42" s="322">
        <v>0</v>
      </c>
      <c r="NL42" s="163">
        <v>0</v>
      </c>
      <c r="NM42" s="161">
        <v>0</v>
      </c>
      <c r="NN42" s="165">
        <v>0</v>
      </c>
      <c r="NO42" s="169"/>
      <c r="NP42" s="161">
        <v>0</v>
      </c>
      <c r="NQ42" s="161">
        <v>0</v>
      </c>
      <c r="NR42" s="161">
        <v>0</v>
      </c>
      <c r="NS42" s="161">
        <v>0</v>
      </c>
      <c r="NT42" s="161">
        <v>0</v>
      </c>
      <c r="NU42" s="165">
        <v>0</v>
      </c>
      <c r="NV42" s="166">
        <v>0</v>
      </c>
      <c r="NW42" s="163">
        <v>0</v>
      </c>
      <c r="NX42" s="161">
        <v>0</v>
      </c>
      <c r="NY42" s="165">
        <v>0</v>
      </c>
      <c r="NZ42" s="169"/>
      <c r="OA42" s="161">
        <v>0</v>
      </c>
      <c r="OB42" s="161">
        <v>0</v>
      </c>
      <c r="OC42" s="161">
        <v>0</v>
      </c>
      <c r="OD42" s="161">
        <v>0</v>
      </c>
      <c r="OE42" s="161">
        <v>680619</v>
      </c>
      <c r="OF42" s="165">
        <v>680619</v>
      </c>
      <c r="OG42" s="166">
        <v>680619</v>
      </c>
      <c r="OH42" s="163">
        <v>0</v>
      </c>
      <c r="OI42" s="161">
        <v>0</v>
      </c>
      <c r="OJ42" s="162">
        <v>0</v>
      </c>
      <c r="OK42" s="164">
        <v>0</v>
      </c>
      <c r="OL42" s="161">
        <v>0</v>
      </c>
      <c r="OM42" s="161">
        <v>0</v>
      </c>
      <c r="ON42" s="161">
        <v>0</v>
      </c>
      <c r="OO42" s="161">
        <v>367356</v>
      </c>
      <c r="OP42" s="161">
        <v>973300</v>
      </c>
      <c r="OQ42" s="165">
        <v>1340656</v>
      </c>
      <c r="OR42" s="167">
        <v>1340656</v>
      </c>
    </row>
    <row r="43" spans="1:408" x14ac:dyDescent="0.2">
      <c r="A43" s="44" t="s">
        <v>84</v>
      </c>
    </row>
  </sheetData>
  <mergeCells count="158">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S7:LS8"/>
    <mergeCell ref="LT7:LV7"/>
    <mergeCell ref="KM7:KO7"/>
    <mergeCell ref="KP7:KV7"/>
    <mergeCell ref="KW7:KW8"/>
    <mergeCell ref="KX7:KZ7"/>
    <mergeCell ref="LA7:LG7"/>
    <mergeCell ref="MP7:MR7"/>
    <mergeCell ref="MS7:MY7"/>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HN7:HP7"/>
    <mergeCell ref="HQ7:HW7"/>
    <mergeCell ref="HX7:HX8"/>
    <mergeCell ref="GR7:GT7"/>
    <mergeCell ref="GU7:HA7"/>
    <mergeCell ref="HB7:HB8"/>
    <mergeCell ref="HC7:HE7"/>
    <mergeCell ref="HF7:HL7"/>
    <mergeCell ref="HM7:HM8"/>
    <mergeCell ref="GQ7:GQ8"/>
    <mergeCell ref="EZ7:FB7"/>
    <mergeCell ref="FC7:FI7"/>
    <mergeCell ref="FJ7:FJ8"/>
    <mergeCell ref="FK7:FM7"/>
    <mergeCell ref="FN7:FT7"/>
    <mergeCell ref="FU7:FU8"/>
    <mergeCell ref="FV7:FX7"/>
    <mergeCell ref="FY7:GE7"/>
    <mergeCell ref="GF7:GF8"/>
    <mergeCell ref="GG7:GI7"/>
    <mergeCell ref="GJ7:GP7"/>
    <mergeCell ref="CZ7:DF7"/>
    <mergeCell ref="EY7:EY8"/>
    <mergeCell ref="DH7:DJ7"/>
    <mergeCell ref="DK7:DQ7"/>
    <mergeCell ref="DR7:DR8"/>
    <mergeCell ref="DS7:DU7"/>
    <mergeCell ref="DV7:EB7"/>
    <mergeCell ref="EC7:EC8"/>
    <mergeCell ref="ED7:EF7"/>
    <mergeCell ref="EG7:EM7"/>
    <mergeCell ref="EN7:EN8"/>
    <mergeCell ref="EO7:EQ7"/>
    <mergeCell ref="ER7:EX7"/>
    <mergeCell ref="CL7:CN7"/>
    <mergeCell ref="CO7:CU7"/>
    <mergeCell ref="CV7:CV8"/>
    <mergeCell ref="CW7:CY7"/>
    <mergeCell ref="BP7:BR7"/>
    <mergeCell ref="BS7:BY7"/>
    <mergeCell ref="BZ7:BZ8"/>
    <mergeCell ref="CA7:CC7"/>
    <mergeCell ref="CD7:CJ7"/>
    <mergeCell ref="E7:K7"/>
    <mergeCell ref="L7:L8"/>
    <mergeCell ref="M7:O7"/>
    <mergeCell ref="P7:V7"/>
    <mergeCell ref="FK6:FU6"/>
    <mergeCell ref="FV6:GF6"/>
    <mergeCell ref="M6:W6"/>
    <mergeCell ref="X6:AH6"/>
    <mergeCell ref="AI6:AS6"/>
    <mergeCell ref="AT6:BD6"/>
    <mergeCell ref="BE6:BO6"/>
    <mergeCell ref="BP6:BZ6"/>
    <mergeCell ref="DS6:EC6"/>
    <mergeCell ref="ED6:EN6"/>
    <mergeCell ref="W7:W8"/>
    <mergeCell ref="EO6:EY6"/>
    <mergeCell ref="EZ6:FJ6"/>
    <mergeCell ref="BO7:BO8"/>
    <mergeCell ref="X7:Z7"/>
    <mergeCell ref="AA7:AG7"/>
    <mergeCell ref="AH7:AH8"/>
    <mergeCell ref="AI7:AK7"/>
    <mergeCell ref="AL7:AR7"/>
    <mergeCell ref="CK7:CK8"/>
    <mergeCell ref="AS7:AS8"/>
    <mergeCell ref="AT7:AV7"/>
    <mergeCell ref="AW7:BC7"/>
    <mergeCell ref="BD7:BD8"/>
    <mergeCell ref="BE7:BG7"/>
    <mergeCell ref="BH7:BN7"/>
    <mergeCell ref="DG7:DG8"/>
    <mergeCell ref="F1:G1"/>
    <mergeCell ref="A4:A8"/>
    <mergeCell ref="B4:L6"/>
    <mergeCell ref="M4:HX4"/>
    <mergeCell ref="M5:BZ5"/>
    <mergeCell ref="CA5:DG5"/>
    <mergeCell ref="DH5:FJ5"/>
    <mergeCell ref="FK5:HB5"/>
    <mergeCell ref="HC5:HM6"/>
    <mergeCell ref="HN5:HX6"/>
    <mergeCell ref="GG6:GQ6"/>
    <mergeCell ref="GR6:HB6"/>
    <mergeCell ref="CA6:CK6"/>
    <mergeCell ref="CL6:CV6"/>
    <mergeCell ref="CW6:DG6"/>
    <mergeCell ref="DH6:DR6"/>
    <mergeCell ref="B7:D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HX41"/>
  <sheetViews>
    <sheetView tabSelected="1" zoomScaleNormal="100" workbookViewId="0">
      <pane xSplit="1" ySplit="7" topLeftCell="B8" activePane="bottomRight" state="frozen"/>
      <selection pane="topRight" activeCell="B1" sqref="B1"/>
      <selection pane="bottomLeft" activeCell="A8" sqref="A8"/>
      <selection pane="bottomRight"/>
    </sheetView>
  </sheetViews>
  <sheetFormatPr defaultColWidth="9" defaultRowHeight="13.2" x14ac:dyDescent="0.2"/>
  <cols>
    <col min="1" max="1" width="9.88671875" style="292" customWidth="1"/>
    <col min="2" max="3" width="9.21875" style="292" bestFit="1" customWidth="1"/>
    <col min="4" max="4" width="10.77734375" style="292" bestFit="1" customWidth="1"/>
    <col min="5" max="5" width="7.109375" style="292" customWidth="1"/>
    <col min="6" max="10" width="10.44140625" style="292" bestFit="1" customWidth="1"/>
    <col min="11" max="12" width="11.6640625" style="292" bestFit="1" customWidth="1"/>
    <col min="13" max="15" width="9.21875" style="292" bestFit="1" customWidth="1"/>
    <col min="16" max="16" width="7.44140625" style="292" customWidth="1"/>
    <col min="17" max="17" width="9.21875" style="292" bestFit="1" customWidth="1"/>
    <col min="18" max="21" width="10.44140625" style="292" bestFit="1" customWidth="1"/>
    <col min="22" max="23" width="11.6640625" style="292" bestFit="1" customWidth="1"/>
    <col min="24" max="26" width="9.109375" style="292" bestFit="1" customWidth="1"/>
    <col min="27" max="27" width="7" style="292" customWidth="1"/>
    <col min="28" max="29" width="9.109375" style="292" bestFit="1" customWidth="1"/>
    <col min="30" max="31" width="9.6640625" style="292" bestFit="1" customWidth="1"/>
    <col min="32" max="32" width="9.109375" style="292" bestFit="1" customWidth="1"/>
    <col min="33" max="34" width="9.6640625" style="292" bestFit="1" customWidth="1"/>
    <col min="35" max="37" width="9.109375" style="292" bestFit="1" customWidth="1"/>
    <col min="38" max="38" width="7.33203125" style="292" customWidth="1"/>
    <col min="39" max="48" width="9.109375" style="292" bestFit="1" customWidth="1"/>
    <col min="49" max="49" width="7.33203125" style="292" customWidth="1"/>
    <col min="50" max="59" width="9.109375" style="292" bestFit="1" customWidth="1"/>
    <col min="60" max="60" width="7.77734375" style="292" customWidth="1"/>
    <col min="61" max="70" width="9.109375" style="292" bestFit="1" customWidth="1"/>
    <col min="71" max="71" width="7.77734375" style="292" customWidth="1"/>
    <col min="72" max="76" width="9.109375" style="292" bestFit="1" customWidth="1"/>
    <col min="77" max="78" width="9.6640625" style="292" bestFit="1" customWidth="1"/>
    <col min="79" max="81" width="9.109375" style="292" bestFit="1" customWidth="1"/>
    <col min="82" max="82" width="7.88671875" style="292" customWidth="1"/>
    <col min="83" max="92" width="9.109375" style="292" bestFit="1" customWidth="1"/>
    <col min="93" max="93" width="8" style="292" customWidth="1"/>
    <col min="94" max="103" width="9.109375" style="292" bestFit="1" customWidth="1"/>
    <col min="104" max="104" width="8" style="292" customWidth="1"/>
    <col min="105" max="114" width="9.109375" style="292" bestFit="1" customWidth="1"/>
    <col min="115" max="115" width="7.6640625" style="292" customWidth="1"/>
    <col min="116" max="116" width="9.109375" style="292" bestFit="1" customWidth="1"/>
    <col min="117" max="120" width="9.6640625" style="292" bestFit="1" customWidth="1"/>
    <col min="121" max="122" width="10.6640625" style="292" bestFit="1" customWidth="1"/>
    <col min="123" max="125" width="9.109375" style="292" bestFit="1" customWidth="1"/>
    <col min="126" max="126" width="7.44140625" style="292" customWidth="1"/>
    <col min="127" max="128" width="9.109375" style="292" bestFit="1" customWidth="1"/>
    <col min="129" max="133" width="9.6640625" style="292" bestFit="1" customWidth="1"/>
    <col min="134" max="136" width="9.109375" style="292" bestFit="1" customWidth="1"/>
    <col min="137" max="137" width="7.6640625" style="292" customWidth="1"/>
    <col min="138" max="147" width="9.109375" style="292" bestFit="1" customWidth="1"/>
    <col min="148" max="148" width="7.77734375" style="292" customWidth="1"/>
    <col min="149" max="158" width="9.109375" style="292" bestFit="1" customWidth="1"/>
    <col min="159" max="159" width="7.77734375" style="292" customWidth="1"/>
    <col min="160" max="169" width="9.109375" style="292" bestFit="1" customWidth="1"/>
    <col min="170" max="170" width="7.33203125" style="292" customWidth="1"/>
    <col min="171" max="180" width="9.109375" style="292" bestFit="1" customWidth="1"/>
    <col min="181" max="181" width="8" style="292" customWidth="1"/>
    <col min="182" max="187" width="9.109375" style="292" bestFit="1" customWidth="1"/>
    <col min="188" max="188" width="9.6640625" style="292" bestFit="1" customWidth="1"/>
    <col min="189" max="191" width="9.109375" style="292" bestFit="1" customWidth="1"/>
    <col min="192" max="192" width="7.44140625" style="292" customWidth="1"/>
    <col min="193" max="202" width="9.109375" style="292" bestFit="1" customWidth="1"/>
    <col min="203" max="203" width="7.88671875" style="292" customWidth="1"/>
    <col min="204" max="213" width="9.109375" style="292" bestFit="1" customWidth="1"/>
    <col min="214" max="214" width="7.88671875" style="292" customWidth="1"/>
    <col min="215" max="224" width="9.109375" style="292" bestFit="1" customWidth="1"/>
    <col min="225" max="225" width="7.6640625" style="292" customWidth="1"/>
    <col min="226" max="228" width="9.6640625" style="292" bestFit="1" customWidth="1"/>
    <col min="229" max="229" width="10.6640625" style="292" bestFit="1" customWidth="1"/>
    <col min="230" max="230" width="9.6640625" style="292" bestFit="1" customWidth="1"/>
    <col min="231" max="232" width="10.6640625" style="292" bestFit="1" customWidth="1"/>
    <col min="233" max="16384" width="9" style="292"/>
  </cols>
  <sheetData>
    <row r="1" spans="1:232" s="1" customFormat="1" ht="25.5" customHeight="1" x14ac:dyDescent="0.2">
      <c r="A1" s="20" t="s">
        <v>0</v>
      </c>
      <c r="B1" s="39"/>
      <c r="C1" s="39"/>
      <c r="D1" s="368">
        <f>第１表!F2</f>
        <v>4</v>
      </c>
      <c r="E1" s="253">
        <f>第１表!G2</f>
        <v>5</v>
      </c>
      <c r="F1" s="750">
        <f>IF(E1&lt;3,E1-2+12,E1-2)</f>
        <v>3</v>
      </c>
      <c r="G1" s="750"/>
      <c r="I1" s="39"/>
      <c r="J1" s="39"/>
      <c r="K1" s="39"/>
      <c r="CK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row>
    <row r="2" spans="1:232" ht="25.5" customHeight="1" thickBot="1" x14ac:dyDescent="0.25">
      <c r="A2" s="20" t="s">
        <v>120</v>
      </c>
    </row>
    <row r="3" spans="1:232" ht="19.5" customHeight="1" thickBot="1" x14ac:dyDescent="0.25">
      <c r="A3" s="751"/>
      <c r="B3" s="728" t="s">
        <v>116</v>
      </c>
      <c r="C3" s="729"/>
      <c r="D3" s="729"/>
      <c r="E3" s="729"/>
      <c r="F3" s="729"/>
      <c r="G3" s="729"/>
      <c r="H3" s="729"/>
      <c r="I3" s="729"/>
      <c r="J3" s="729"/>
      <c r="K3" s="729"/>
      <c r="L3" s="729"/>
      <c r="M3" s="518"/>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8"/>
      <c r="CW3" s="518"/>
      <c r="CX3" s="518"/>
      <c r="CY3" s="518"/>
      <c r="CZ3" s="518"/>
      <c r="DA3" s="518"/>
      <c r="DB3" s="518"/>
      <c r="DC3" s="518"/>
      <c r="DD3" s="518"/>
      <c r="DE3" s="518"/>
      <c r="DF3" s="518"/>
      <c r="DG3" s="519"/>
      <c r="DH3" s="728" t="s">
        <v>118</v>
      </c>
      <c r="DI3" s="729"/>
      <c r="DJ3" s="729"/>
      <c r="DK3" s="729"/>
      <c r="DL3" s="729"/>
      <c r="DM3" s="729"/>
      <c r="DN3" s="729"/>
      <c r="DO3" s="729"/>
      <c r="DP3" s="729"/>
      <c r="DQ3" s="729"/>
      <c r="DR3" s="729"/>
      <c r="DS3" s="729"/>
      <c r="DT3" s="729"/>
      <c r="DU3" s="729"/>
      <c r="DV3" s="729"/>
      <c r="DW3" s="729"/>
      <c r="DX3" s="729"/>
      <c r="DY3" s="729"/>
      <c r="DZ3" s="729"/>
      <c r="EA3" s="729"/>
      <c r="EB3" s="729"/>
      <c r="EC3" s="729"/>
      <c r="ED3" s="729"/>
      <c r="EE3" s="729"/>
      <c r="EF3" s="729"/>
      <c r="EG3" s="729"/>
      <c r="EH3" s="729"/>
      <c r="EI3" s="729"/>
      <c r="EJ3" s="729"/>
      <c r="EK3" s="729"/>
      <c r="EL3" s="729"/>
      <c r="EM3" s="729"/>
      <c r="EN3" s="729"/>
      <c r="EO3" s="729"/>
      <c r="EP3" s="729"/>
      <c r="EQ3" s="729"/>
      <c r="ER3" s="729"/>
      <c r="ES3" s="729"/>
      <c r="ET3" s="729"/>
      <c r="EU3" s="729"/>
      <c r="EV3" s="729"/>
      <c r="EW3" s="729"/>
      <c r="EX3" s="729"/>
      <c r="EY3" s="729"/>
      <c r="EZ3" s="729"/>
      <c r="FA3" s="729"/>
      <c r="FB3" s="729"/>
      <c r="FC3" s="729"/>
      <c r="FD3" s="729"/>
      <c r="FE3" s="729"/>
      <c r="FF3" s="729"/>
      <c r="FG3" s="729"/>
      <c r="FH3" s="729"/>
      <c r="FI3" s="729"/>
      <c r="FJ3" s="729"/>
      <c r="FK3" s="729"/>
      <c r="FL3" s="729"/>
      <c r="FM3" s="729"/>
      <c r="FN3" s="729"/>
      <c r="FO3" s="729"/>
      <c r="FP3" s="729"/>
      <c r="FQ3" s="729"/>
      <c r="FR3" s="729"/>
      <c r="FS3" s="729"/>
      <c r="FT3" s="729"/>
      <c r="FU3" s="729"/>
      <c r="FV3" s="729"/>
      <c r="FW3" s="729"/>
      <c r="FX3" s="729"/>
      <c r="FY3" s="729"/>
      <c r="FZ3" s="729"/>
      <c r="GA3" s="729"/>
      <c r="GB3" s="729"/>
      <c r="GC3" s="729"/>
      <c r="GD3" s="729"/>
      <c r="GE3" s="729"/>
      <c r="GF3" s="729"/>
      <c r="GG3" s="729"/>
      <c r="GH3" s="729"/>
      <c r="GI3" s="729"/>
      <c r="GJ3" s="729"/>
      <c r="GK3" s="729"/>
      <c r="GL3" s="729"/>
      <c r="GM3" s="729"/>
      <c r="GN3" s="729"/>
      <c r="GO3" s="729"/>
      <c r="GP3" s="729"/>
      <c r="GQ3" s="729"/>
      <c r="GR3" s="729"/>
      <c r="GS3" s="729"/>
      <c r="GT3" s="729"/>
      <c r="GU3" s="729"/>
      <c r="GV3" s="729"/>
      <c r="GW3" s="729"/>
      <c r="GX3" s="729"/>
      <c r="GY3" s="729"/>
      <c r="GZ3" s="729"/>
      <c r="HA3" s="729"/>
      <c r="HB3" s="729"/>
      <c r="HC3" s="729"/>
      <c r="HD3" s="729"/>
      <c r="HE3" s="729"/>
      <c r="HF3" s="729"/>
      <c r="HG3" s="729"/>
      <c r="HH3" s="729"/>
      <c r="HI3" s="729"/>
      <c r="HJ3" s="729"/>
      <c r="HK3" s="729"/>
      <c r="HL3" s="729"/>
      <c r="HM3" s="730"/>
      <c r="HN3" s="731" t="s">
        <v>60</v>
      </c>
      <c r="HO3" s="732"/>
      <c r="HP3" s="732"/>
      <c r="HQ3" s="732"/>
      <c r="HR3" s="732"/>
      <c r="HS3" s="732"/>
      <c r="HT3" s="732"/>
      <c r="HU3" s="732"/>
      <c r="HV3" s="732"/>
      <c r="HW3" s="732"/>
      <c r="HX3" s="733"/>
    </row>
    <row r="4" spans="1:232" ht="19.5" customHeight="1" thickBot="1" x14ac:dyDescent="0.25">
      <c r="A4" s="752"/>
      <c r="B4" s="737"/>
      <c r="C4" s="738"/>
      <c r="D4" s="738"/>
      <c r="E4" s="738"/>
      <c r="F4" s="738"/>
      <c r="G4" s="738"/>
      <c r="H4" s="738"/>
      <c r="I4" s="738"/>
      <c r="J4" s="738"/>
      <c r="K4" s="738"/>
      <c r="L4" s="740"/>
      <c r="M4" s="725" t="s">
        <v>57</v>
      </c>
      <c r="N4" s="726"/>
      <c r="O4" s="726"/>
      <c r="P4" s="726"/>
      <c r="Q4" s="726"/>
      <c r="R4" s="726"/>
      <c r="S4" s="726"/>
      <c r="T4" s="726"/>
      <c r="U4" s="726"/>
      <c r="V4" s="726"/>
      <c r="W4" s="727"/>
      <c r="X4" s="725" t="s">
        <v>58</v>
      </c>
      <c r="Y4" s="726"/>
      <c r="Z4" s="726"/>
      <c r="AA4" s="726"/>
      <c r="AB4" s="726"/>
      <c r="AC4" s="726"/>
      <c r="AD4" s="726"/>
      <c r="AE4" s="726"/>
      <c r="AF4" s="726"/>
      <c r="AG4" s="726"/>
      <c r="AH4" s="727"/>
      <c r="AI4" s="725" t="s">
        <v>59</v>
      </c>
      <c r="AJ4" s="726"/>
      <c r="AK4" s="726"/>
      <c r="AL4" s="726"/>
      <c r="AM4" s="726"/>
      <c r="AN4" s="726"/>
      <c r="AO4" s="726"/>
      <c r="AP4" s="726"/>
      <c r="AQ4" s="726"/>
      <c r="AR4" s="726"/>
      <c r="AS4" s="727"/>
      <c r="AT4" s="725" t="s">
        <v>151</v>
      </c>
      <c r="AU4" s="726"/>
      <c r="AV4" s="726"/>
      <c r="AW4" s="726"/>
      <c r="AX4" s="726"/>
      <c r="AY4" s="726"/>
      <c r="AZ4" s="726"/>
      <c r="BA4" s="726"/>
      <c r="BB4" s="726"/>
      <c r="BC4" s="726"/>
      <c r="BD4" s="727"/>
      <c r="BE4" s="725" t="s">
        <v>117</v>
      </c>
      <c r="BF4" s="726"/>
      <c r="BG4" s="726"/>
      <c r="BH4" s="726"/>
      <c r="BI4" s="726"/>
      <c r="BJ4" s="726"/>
      <c r="BK4" s="726"/>
      <c r="BL4" s="726"/>
      <c r="BM4" s="726"/>
      <c r="BN4" s="726"/>
      <c r="BO4" s="727"/>
      <c r="BP4" s="725" t="s">
        <v>77</v>
      </c>
      <c r="BQ4" s="726"/>
      <c r="BR4" s="726"/>
      <c r="BS4" s="726"/>
      <c r="BT4" s="726"/>
      <c r="BU4" s="726"/>
      <c r="BV4" s="726"/>
      <c r="BW4" s="726"/>
      <c r="BX4" s="726"/>
      <c r="BY4" s="726"/>
      <c r="BZ4" s="727"/>
      <c r="CA4" s="725" t="s">
        <v>78</v>
      </c>
      <c r="CB4" s="726"/>
      <c r="CC4" s="726"/>
      <c r="CD4" s="726"/>
      <c r="CE4" s="726"/>
      <c r="CF4" s="726"/>
      <c r="CG4" s="726"/>
      <c r="CH4" s="726"/>
      <c r="CI4" s="726"/>
      <c r="CJ4" s="726"/>
      <c r="CK4" s="727"/>
      <c r="CL4" s="725" t="s">
        <v>79</v>
      </c>
      <c r="CM4" s="726"/>
      <c r="CN4" s="726"/>
      <c r="CO4" s="726"/>
      <c r="CP4" s="726"/>
      <c r="CQ4" s="726"/>
      <c r="CR4" s="726"/>
      <c r="CS4" s="726"/>
      <c r="CT4" s="726"/>
      <c r="CU4" s="726"/>
      <c r="CV4" s="727"/>
      <c r="CW4" s="725" t="s">
        <v>152</v>
      </c>
      <c r="CX4" s="726"/>
      <c r="CY4" s="726"/>
      <c r="CZ4" s="726"/>
      <c r="DA4" s="726"/>
      <c r="DB4" s="726"/>
      <c r="DC4" s="726"/>
      <c r="DD4" s="726"/>
      <c r="DE4" s="726"/>
      <c r="DF4" s="726"/>
      <c r="DG4" s="727"/>
      <c r="DH4" s="737"/>
      <c r="DI4" s="738"/>
      <c r="DJ4" s="738"/>
      <c r="DK4" s="738"/>
      <c r="DL4" s="738"/>
      <c r="DM4" s="738"/>
      <c r="DN4" s="738"/>
      <c r="DO4" s="738"/>
      <c r="DP4" s="738"/>
      <c r="DQ4" s="738"/>
      <c r="DR4" s="739"/>
      <c r="DS4" s="725" t="s">
        <v>57</v>
      </c>
      <c r="DT4" s="726"/>
      <c r="DU4" s="726"/>
      <c r="DV4" s="726"/>
      <c r="DW4" s="726"/>
      <c r="DX4" s="726"/>
      <c r="DY4" s="726"/>
      <c r="DZ4" s="726"/>
      <c r="EA4" s="726"/>
      <c r="EB4" s="726"/>
      <c r="EC4" s="727"/>
      <c r="ED4" s="725" t="s">
        <v>58</v>
      </c>
      <c r="EE4" s="726"/>
      <c r="EF4" s="726"/>
      <c r="EG4" s="726"/>
      <c r="EH4" s="726"/>
      <c r="EI4" s="726"/>
      <c r="EJ4" s="726"/>
      <c r="EK4" s="726"/>
      <c r="EL4" s="726"/>
      <c r="EM4" s="726"/>
      <c r="EN4" s="727"/>
      <c r="EO4" s="725" t="s">
        <v>59</v>
      </c>
      <c r="EP4" s="726"/>
      <c r="EQ4" s="726"/>
      <c r="ER4" s="726"/>
      <c r="ES4" s="726"/>
      <c r="ET4" s="726"/>
      <c r="EU4" s="726"/>
      <c r="EV4" s="726"/>
      <c r="EW4" s="726"/>
      <c r="EX4" s="726"/>
      <c r="EY4" s="727"/>
      <c r="EZ4" s="725" t="s">
        <v>151</v>
      </c>
      <c r="FA4" s="726"/>
      <c r="FB4" s="726"/>
      <c r="FC4" s="726"/>
      <c r="FD4" s="726"/>
      <c r="FE4" s="726"/>
      <c r="FF4" s="726"/>
      <c r="FG4" s="726"/>
      <c r="FH4" s="726"/>
      <c r="FI4" s="726"/>
      <c r="FJ4" s="727"/>
      <c r="FK4" s="725" t="s">
        <v>117</v>
      </c>
      <c r="FL4" s="726"/>
      <c r="FM4" s="726"/>
      <c r="FN4" s="726"/>
      <c r="FO4" s="726"/>
      <c r="FP4" s="726"/>
      <c r="FQ4" s="726"/>
      <c r="FR4" s="726"/>
      <c r="FS4" s="726"/>
      <c r="FT4" s="726"/>
      <c r="FU4" s="727"/>
      <c r="FV4" s="725" t="s">
        <v>77</v>
      </c>
      <c r="FW4" s="726"/>
      <c r="FX4" s="726"/>
      <c r="FY4" s="726"/>
      <c r="FZ4" s="726"/>
      <c r="GA4" s="726"/>
      <c r="GB4" s="726"/>
      <c r="GC4" s="726"/>
      <c r="GD4" s="726"/>
      <c r="GE4" s="726"/>
      <c r="GF4" s="727"/>
      <c r="GG4" s="725" t="s">
        <v>78</v>
      </c>
      <c r="GH4" s="726"/>
      <c r="GI4" s="726"/>
      <c r="GJ4" s="726"/>
      <c r="GK4" s="726"/>
      <c r="GL4" s="726"/>
      <c r="GM4" s="726"/>
      <c r="GN4" s="726"/>
      <c r="GO4" s="726"/>
      <c r="GP4" s="726"/>
      <c r="GQ4" s="727"/>
      <c r="GR4" s="725" t="s">
        <v>79</v>
      </c>
      <c r="GS4" s="726"/>
      <c r="GT4" s="726"/>
      <c r="GU4" s="726"/>
      <c r="GV4" s="726"/>
      <c r="GW4" s="726"/>
      <c r="GX4" s="726"/>
      <c r="GY4" s="726"/>
      <c r="GZ4" s="726"/>
      <c r="HA4" s="726"/>
      <c r="HB4" s="727"/>
      <c r="HC4" s="725" t="s">
        <v>152</v>
      </c>
      <c r="HD4" s="726"/>
      <c r="HE4" s="726"/>
      <c r="HF4" s="726"/>
      <c r="HG4" s="726"/>
      <c r="HH4" s="726"/>
      <c r="HI4" s="726"/>
      <c r="HJ4" s="726"/>
      <c r="HK4" s="726"/>
      <c r="HL4" s="726"/>
      <c r="HM4" s="727"/>
      <c r="HN4" s="734"/>
      <c r="HO4" s="735"/>
      <c r="HP4" s="735"/>
      <c r="HQ4" s="735"/>
      <c r="HR4" s="735"/>
      <c r="HS4" s="735"/>
      <c r="HT4" s="735"/>
      <c r="HU4" s="735"/>
      <c r="HV4" s="735"/>
      <c r="HW4" s="735"/>
      <c r="HX4" s="736"/>
    </row>
    <row r="5" spans="1:232" ht="19.5" customHeight="1" x14ac:dyDescent="0.2">
      <c r="A5" s="752"/>
      <c r="B5" s="741" t="s">
        <v>61</v>
      </c>
      <c r="C5" s="742"/>
      <c r="D5" s="743"/>
      <c r="E5" s="744" t="s">
        <v>62</v>
      </c>
      <c r="F5" s="742"/>
      <c r="G5" s="742"/>
      <c r="H5" s="742"/>
      <c r="I5" s="742"/>
      <c r="J5" s="742"/>
      <c r="K5" s="745"/>
      <c r="L5" s="746" t="s">
        <v>52</v>
      </c>
      <c r="M5" s="737" t="s">
        <v>61</v>
      </c>
      <c r="N5" s="738"/>
      <c r="O5" s="739"/>
      <c r="P5" s="748" t="s">
        <v>62</v>
      </c>
      <c r="Q5" s="738"/>
      <c r="R5" s="738"/>
      <c r="S5" s="738"/>
      <c r="T5" s="738"/>
      <c r="U5" s="738"/>
      <c r="V5" s="749"/>
      <c r="W5" s="667" t="s">
        <v>52</v>
      </c>
      <c r="X5" s="737" t="s">
        <v>61</v>
      </c>
      <c r="Y5" s="738"/>
      <c r="Z5" s="739"/>
      <c r="AA5" s="748" t="s">
        <v>62</v>
      </c>
      <c r="AB5" s="738"/>
      <c r="AC5" s="738"/>
      <c r="AD5" s="738"/>
      <c r="AE5" s="738"/>
      <c r="AF5" s="738"/>
      <c r="AG5" s="749"/>
      <c r="AH5" s="667" t="s">
        <v>52</v>
      </c>
      <c r="AI5" s="737" t="s">
        <v>61</v>
      </c>
      <c r="AJ5" s="738"/>
      <c r="AK5" s="739"/>
      <c r="AL5" s="748" t="s">
        <v>62</v>
      </c>
      <c r="AM5" s="738"/>
      <c r="AN5" s="738"/>
      <c r="AO5" s="738"/>
      <c r="AP5" s="738"/>
      <c r="AQ5" s="738"/>
      <c r="AR5" s="749"/>
      <c r="AS5" s="667" t="s">
        <v>52</v>
      </c>
      <c r="AT5" s="737" t="s">
        <v>61</v>
      </c>
      <c r="AU5" s="738"/>
      <c r="AV5" s="739"/>
      <c r="AW5" s="748" t="s">
        <v>62</v>
      </c>
      <c r="AX5" s="738"/>
      <c r="AY5" s="738"/>
      <c r="AZ5" s="738"/>
      <c r="BA5" s="738"/>
      <c r="BB5" s="738"/>
      <c r="BC5" s="749"/>
      <c r="BD5" s="667" t="s">
        <v>52</v>
      </c>
      <c r="BE5" s="737" t="s">
        <v>61</v>
      </c>
      <c r="BF5" s="738"/>
      <c r="BG5" s="739"/>
      <c r="BH5" s="748" t="s">
        <v>62</v>
      </c>
      <c r="BI5" s="738"/>
      <c r="BJ5" s="738"/>
      <c r="BK5" s="738"/>
      <c r="BL5" s="738"/>
      <c r="BM5" s="738"/>
      <c r="BN5" s="749"/>
      <c r="BO5" s="667" t="s">
        <v>52</v>
      </c>
      <c r="BP5" s="737" t="s">
        <v>61</v>
      </c>
      <c r="BQ5" s="738"/>
      <c r="BR5" s="739"/>
      <c r="BS5" s="748" t="s">
        <v>62</v>
      </c>
      <c r="BT5" s="738"/>
      <c r="BU5" s="738"/>
      <c r="BV5" s="738"/>
      <c r="BW5" s="738"/>
      <c r="BX5" s="738"/>
      <c r="BY5" s="749"/>
      <c r="BZ5" s="667" t="s">
        <v>52</v>
      </c>
      <c r="CA5" s="737" t="s">
        <v>61</v>
      </c>
      <c r="CB5" s="738"/>
      <c r="CC5" s="739"/>
      <c r="CD5" s="748" t="s">
        <v>62</v>
      </c>
      <c r="CE5" s="738"/>
      <c r="CF5" s="738"/>
      <c r="CG5" s="738"/>
      <c r="CH5" s="738"/>
      <c r="CI5" s="738"/>
      <c r="CJ5" s="749"/>
      <c r="CK5" s="667" t="s">
        <v>52</v>
      </c>
      <c r="CL5" s="737" t="s">
        <v>61</v>
      </c>
      <c r="CM5" s="738"/>
      <c r="CN5" s="739"/>
      <c r="CO5" s="748" t="s">
        <v>62</v>
      </c>
      <c r="CP5" s="738"/>
      <c r="CQ5" s="738"/>
      <c r="CR5" s="738"/>
      <c r="CS5" s="738"/>
      <c r="CT5" s="738"/>
      <c r="CU5" s="749"/>
      <c r="CV5" s="667" t="s">
        <v>52</v>
      </c>
      <c r="CW5" s="737" t="s">
        <v>61</v>
      </c>
      <c r="CX5" s="738"/>
      <c r="CY5" s="739"/>
      <c r="CZ5" s="748" t="s">
        <v>62</v>
      </c>
      <c r="DA5" s="738"/>
      <c r="DB5" s="738"/>
      <c r="DC5" s="738"/>
      <c r="DD5" s="738"/>
      <c r="DE5" s="738"/>
      <c r="DF5" s="749"/>
      <c r="DG5" s="667" t="s">
        <v>52</v>
      </c>
      <c r="DH5" s="741" t="s">
        <v>61</v>
      </c>
      <c r="DI5" s="742"/>
      <c r="DJ5" s="743"/>
      <c r="DK5" s="744" t="s">
        <v>62</v>
      </c>
      <c r="DL5" s="742"/>
      <c r="DM5" s="742"/>
      <c r="DN5" s="742"/>
      <c r="DO5" s="742"/>
      <c r="DP5" s="742"/>
      <c r="DQ5" s="745"/>
      <c r="DR5" s="754" t="s">
        <v>52</v>
      </c>
      <c r="DS5" s="737" t="s">
        <v>61</v>
      </c>
      <c r="DT5" s="738"/>
      <c r="DU5" s="739"/>
      <c r="DV5" s="748" t="s">
        <v>62</v>
      </c>
      <c r="DW5" s="738"/>
      <c r="DX5" s="738"/>
      <c r="DY5" s="738"/>
      <c r="DZ5" s="738"/>
      <c r="EA5" s="738"/>
      <c r="EB5" s="749"/>
      <c r="EC5" s="667" t="s">
        <v>52</v>
      </c>
      <c r="ED5" s="737" t="s">
        <v>61</v>
      </c>
      <c r="EE5" s="738"/>
      <c r="EF5" s="739"/>
      <c r="EG5" s="748" t="s">
        <v>62</v>
      </c>
      <c r="EH5" s="738"/>
      <c r="EI5" s="738"/>
      <c r="EJ5" s="738"/>
      <c r="EK5" s="738"/>
      <c r="EL5" s="738"/>
      <c r="EM5" s="749"/>
      <c r="EN5" s="667" t="s">
        <v>52</v>
      </c>
      <c r="EO5" s="737" t="s">
        <v>61</v>
      </c>
      <c r="EP5" s="738"/>
      <c r="EQ5" s="739"/>
      <c r="ER5" s="748" t="s">
        <v>62</v>
      </c>
      <c r="ES5" s="738"/>
      <c r="ET5" s="738"/>
      <c r="EU5" s="738"/>
      <c r="EV5" s="738"/>
      <c r="EW5" s="738"/>
      <c r="EX5" s="749"/>
      <c r="EY5" s="667" t="s">
        <v>52</v>
      </c>
      <c r="EZ5" s="737" t="s">
        <v>61</v>
      </c>
      <c r="FA5" s="738"/>
      <c r="FB5" s="739"/>
      <c r="FC5" s="748" t="s">
        <v>62</v>
      </c>
      <c r="FD5" s="738"/>
      <c r="FE5" s="738"/>
      <c r="FF5" s="738"/>
      <c r="FG5" s="738"/>
      <c r="FH5" s="738"/>
      <c r="FI5" s="749"/>
      <c r="FJ5" s="667" t="s">
        <v>52</v>
      </c>
      <c r="FK5" s="737" t="s">
        <v>61</v>
      </c>
      <c r="FL5" s="738"/>
      <c r="FM5" s="739"/>
      <c r="FN5" s="748" t="s">
        <v>62</v>
      </c>
      <c r="FO5" s="738"/>
      <c r="FP5" s="738"/>
      <c r="FQ5" s="738"/>
      <c r="FR5" s="738"/>
      <c r="FS5" s="738"/>
      <c r="FT5" s="749"/>
      <c r="FU5" s="667" t="s">
        <v>52</v>
      </c>
      <c r="FV5" s="737" t="s">
        <v>61</v>
      </c>
      <c r="FW5" s="738"/>
      <c r="FX5" s="739"/>
      <c r="FY5" s="748" t="s">
        <v>62</v>
      </c>
      <c r="FZ5" s="738"/>
      <c r="GA5" s="738"/>
      <c r="GB5" s="738"/>
      <c r="GC5" s="738"/>
      <c r="GD5" s="738"/>
      <c r="GE5" s="749"/>
      <c r="GF5" s="667" t="s">
        <v>52</v>
      </c>
      <c r="GG5" s="737" t="s">
        <v>61</v>
      </c>
      <c r="GH5" s="738"/>
      <c r="GI5" s="739"/>
      <c r="GJ5" s="748" t="s">
        <v>62</v>
      </c>
      <c r="GK5" s="738"/>
      <c r="GL5" s="738"/>
      <c r="GM5" s="738"/>
      <c r="GN5" s="738"/>
      <c r="GO5" s="738"/>
      <c r="GP5" s="749"/>
      <c r="GQ5" s="667" t="s">
        <v>52</v>
      </c>
      <c r="GR5" s="737" t="s">
        <v>61</v>
      </c>
      <c r="GS5" s="738"/>
      <c r="GT5" s="739"/>
      <c r="GU5" s="748" t="s">
        <v>62</v>
      </c>
      <c r="GV5" s="738"/>
      <c r="GW5" s="738"/>
      <c r="GX5" s="738"/>
      <c r="GY5" s="738"/>
      <c r="GZ5" s="738"/>
      <c r="HA5" s="749"/>
      <c r="HB5" s="667" t="s">
        <v>52</v>
      </c>
      <c r="HC5" s="737" t="s">
        <v>61</v>
      </c>
      <c r="HD5" s="738"/>
      <c r="HE5" s="739"/>
      <c r="HF5" s="748" t="s">
        <v>62</v>
      </c>
      <c r="HG5" s="738"/>
      <c r="HH5" s="738"/>
      <c r="HI5" s="738"/>
      <c r="HJ5" s="738"/>
      <c r="HK5" s="738"/>
      <c r="HL5" s="749"/>
      <c r="HM5" s="667" t="s">
        <v>52</v>
      </c>
      <c r="HN5" s="737" t="s">
        <v>61</v>
      </c>
      <c r="HO5" s="738"/>
      <c r="HP5" s="739"/>
      <c r="HQ5" s="748" t="s">
        <v>62</v>
      </c>
      <c r="HR5" s="738"/>
      <c r="HS5" s="738"/>
      <c r="HT5" s="738"/>
      <c r="HU5" s="738"/>
      <c r="HV5" s="738"/>
      <c r="HW5" s="749"/>
      <c r="HX5" s="667" t="s">
        <v>52</v>
      </c>
    </row>
    <row r="6" spans="1:232" ht="34.5" customHeight="1" thickBot="1" x14ac:dyDescent="0.25">
      <c r="A6" s="753"/>
      <c r="B6" s="372" t="s">
        <v>119</v>
      </c>
      <c r="C6" s="373" t="s">
        <v>44</v>
      </c>
      <c r="D6" s="380" t="s">
        <v>45</v>
      </c>
      <c r="E6" s="381" t="s">
        <v>83</v>
      </c>
      <c r="F6" s="373" t="s">
        <v>47</v>
      </c>
      <c r="G6" s="373" t="s">
        <v>48</v>
      </c>
      <c r="H6" s="373" t="s">
        <v>49</v>
      </c>
      <c r="I6" s="373" t="s">
        <v>50</v>
      </c>
      <c r="J6" s="373" t="s">
        <v>51</v>
      </c>
      <c r="K6" s="382" t="s">
        <v>45</v>
      </c>
      <c r="L6" s="747"/>
      <c r="M6" s="372" t="s">
        <v>119</v>
      </c>
      <c r="N6" s="373" t="s">
        <v>44</v>
      </c>
      <c r="O6" s="380" t="s">
        <v>45</v>
      </c>
      <c r="P6" s="381" t="s">
        <v>83</v>
      </c>
      <c r="Q6" s="373" t="s">
        <v>47</v>
      </c>
      <c r="R6" s="373" t="s">
        <v>48</v>
      </c>
      <c r="S6" s="373" t="s">
        <v>49</v>
      </c>
      <c r="T6" s="373" t="s">
        <v>50</v>
      </c>
      <c r="U6" s="373" t="s">
        <v>51</v>
      </c>
      <c r="V6" s="382" t="s">
        <v>45</v>
      </c>
      <c r="W6" s="747"/>
      <c r="X6" s="372" t="s">
        <v>119</v>
      </c>
      <c r="Y6" s="373" t="s">
        <v>44</v>
      </c>
      <c r="Z6" s="380" t="s">
        <v>45</v>
      </c>
      <c r="AA6" s="381" t="s">
        <v>83</v>
      </c>
      <c r="AB6" s="373" t="s">
        <v>47</v>
      </c>
      <c r="AC6" s="373" t="s">
        <v>48</v>
      </c>
      <c r="AD6" s="373" t="s">
        <v>49</v>
      </c>
      <c r="AE6" s="373" t="s">
        <v>50</v>
      </c>
      <c r="AF6" s="373" t="s">
        <v>51</v>
      </c>
      <c r="AG6" s="382" t="s">
        <v>45</v>
      </c>
      <c r="AH6" s="747"/>
      <c r="AI6" s="372" t="s">
        <v>119</v>
      </c>
      <c r="AJ6" s="373" t="s">
        <v>44</v>
      </c>
      <c r="AK6" s="380" t="s">
        <v>45</v>
      </c>
      <c r="AL6" s="381" t="s">
        <v>83</v>
      </c>
      <c r="AM6" s="373" t="s">
        <v>47</v>
      </c>
      <c r="AN6" s="373" t="s">
        <v>48</v>
      </c>
      <c r="AO6" s="373" t="s">
        <v>49</v>
      </c>
      <c r="AP6" s="373" t="s">
        <v>50</v>
      </c>
      <c r="AQ6" s="373" t="s">
        <v>51</v>
      </c>
      <c r="AR6" s="382" t="s">
        <v>45</v>
      </c>
      <c r="AS6" s="747"/>
      <c r="AT6" s="372" t="s">
        <v>119</v>
      </c>
      <c r="AU6" s="373" t="s">
        <v>44</v>
      </c>
      <c r="AV6" s="380" t="s">
        <v>45</v>
      </c>
      <c r="AW6" s="381" t="s">
        <v>83</v>
      </c>
      <c r="AX6" s="373" t="s">
        <v>47</v>
      </c>
      <c r="AY6" s="373" t="s">
        <v>48</v>
      </c>
      <c r="AZ6" s="373" t="s">
        <v>49</v>
      </c>
      <c r="BA6" s="373" t="s">
        <v>50</v>
      </c>
      <c r="BB6" s="373" t="s">
        <v>51</v>
      </c>
      <c r="BC6" s="382" t="s">
        <v>45</v>
      </c>
      <c r="BD6" s="747"/>
      <c r="BE6" s="372" t="s">
        <v>119</v>
      </c>
      <c r="BF6" s="373" t="s">
        <v>44</v>
      </c>
      <c r="BG6" s="380" t="s">
        <v>45</v>
      </c>
      <c r="BH6" s="381" t="s">
        <v>83</v>
      </c>
      <c r="BI6" s="373" t="s">
        <v>47</v>
      </c>
      <c r="BJ6" s="373" t="s">
        <v>48</v>
      </c>
      <c r="BK6" s="373" t="s">
        <v>49</v>
      </c>
      <c r="BL6" s="373" t="s">
        <v>50</v>
      </c>
      <c r="BM6" s="373" t="s">
        <v>51</v>
      </c>
      <c r="BN6" s="382" t="s">
        <v>45</v>
      </c>
      <c r="BO6" s="747"/>
      <c r="BP6" s="372" t="s">
        <v>119</v>
      </c>
      <c r="BQ6" s="373" t="s">
        <v>44</v>
      </c>
      <c r="BR6" s="380" t="s">
        <v>45</v>
      </c>
      <c r="BS6" s="381" t="s">
        <v>83</v>
      </c>
      <c r="BT6" s="373" t="s">
        <v>47</v>
      </c>
      <c r="BU6" s="373" t="s">
        <v>48</v>
      </c>
      <c r="BV6" s="373" t="s">
        <v>49</v>
      </c>
      <c r="BW6" s="373" t="s">
        <v>50</v>
      </c>
      <c r="BX6" s="373" t="s">
        <v>51</v>
      </c>
      <c r="BY6" s="382" t="s">
        <v>45</v>
      </c>
      <c r="BZ6" s="747"/>
      <c r="CA6" s="372" t="s">
        <v>119</v>
      </c>
      <c r="CB6" s="373" t="s">
        <v>44</v>
      </c>
      <c r="CC6" s="380" t="s">
        <v>45</v>
      </c>
      <c r="CD6" s="381" t="s">
        <v>83</v>
      </c>
      <c r="CE6" s="373" t="s">
        <v>47</v>
      </c>
      <c r="CF6" s="373" t="s">
        <v>48</v>
      </c>
      <c r="CG6" s="373" t="s">
        <v>49</v>
      </c>
      <c r="CH6" s="373" t="s">
        <v>50</v>
      </c>
      <c r="CI6" s="373" t="s">
        <v>51</v>
      </c>
      <c r="CJ6" s="382" t="s">
        <v>45</v>
      </c>
      <c r="CK6" s="747"/>
      <c r="CL6" s="372" t="s">
        <v>119</v>
      </c>
      <c r="CM6" s="373" t="s">
        <v>44</v>
      </c>
      <c r="CN6" s="380" t="s">
        <v>45</v>
      </c>
      <c r="CO6" s="381" t="s">
        <v>83</v>
      </c>
      <c r="CP6" s="373" t="s">
        <v>47</v>
      </c>
      <c r="CQ6" s="373" t="s">
        <v>48</v>
      </c>
      <c r="CR6" s="373" t="s">
        <v>49</v>
      </c>
      <c r="CS6" s="373" t="s">
        <v>50</v>
      </c>
      <c r="CT6" s="373" t="s">
        <v>51</v>
      </c>
      <c r="CU6" s="382" t="s">
        <v>45</v>
      </c>
      <c r="CV6" s="747"/>
      <c r="CW6" s="372" t="s">
        <v>119</v>
      </c>
      <c r="CX6" s="373" t="s">
        <v>44</v>
      </c>
      <c r="CY6" s="380" t="s">
        <v>45</v>
      </c>
      <c r="CZ6" s="381" t="s">
        <v>83</v>
      </c>
      <c r="DA6" s="373" t="s">
        <v>47</v>
      </c>
      <c r="DB6" s="373" t="s">
        <v>48</v>
      </c>
      <c r="DC6" s="373" t="s">
        <v>49</v>
      </c>
      <c r="DD6" s="373" t="s">
        <v>50</v>
      </c>
      <c r="DE6" s="373" t="s">
        <v>51</v>
      </c>
      <c r="DF6" s="382" t="s">
        <v>45</v>
      </c>
      <c r="DG6" s="747"/>
      <c r="DH6" s="372" t="s">
        <v>119</v>
      </c>
      <c r="DI6" s="373" t="s">
        <v>44</v>
      </c>
      <c r="DJ6" s="380" t="s">
        <v>45</v>
      </c>
      <c r="DK6" s="381" t="s">
        <v>83</v>
      </c>
      <c r="DL6" s="373" t="s">
        <v>47</v>
      </c>
      <c r="DM6" s="373" t="s">
        <v>48</v>
      </c>
      <c r="DN6" s="373" t="s">
        <v>49</v>
      </c>
      <c r="DO6" s="373" t="s">
        <v>50</v>
      </c>
      <c r="DP6" s="373" t="s">
        <v>51</v>
      </c>
      <c r="DQ6" s="382" t="s">
        <v>45</v>
      </c>
      <c r="DR6" s="755"/>
      <c r="DS6" s="372" t="s">
        <v>119</v>
      </c>
      <c r="DT6" s="373" t="s">
        <v>44</v>
      </c>
      <c r="DU6" s="380" t="s">
        <v>45</v>
      </c>
      <c r="DV6" s="381" t="s">
        <v>83</v>
      </c>
      <c r="DW6" s="373" t="s">
        <v>47</v>
      </c>
      <c r="DX6" s="373" t="s">
        <v>48</v>
      </c>
      <c r="DY6" s="373" t="s">
        <v>49</v>
      </c>
      <c r="DZ6" s="373" t="s">
        <v>50</v>
      </c>
      <c r="EA6" s="373" t="s">
        <v>51</v>
      </c>
      <c r="EB6" s="382" t="s">
        <v>45</v>
      </c>
      <c r="EC6" s="747"/>
      <c r="ED6" s="372" t="s">
        <v>119</v>
      </c>
      <c r="EE6" s="373" t="s">
        <v>44</v>
      </c>
      <c r="EF6" s="380" t="s">
        <v>45</v>
      </c>
      <c r="EG6" s="381" t="s">
        <v>83</v>
      </c>
      <c r="EH6" s="373" t="s">
        <v>47</v>
      </c>
      <c r="EI6" s="373" t="s">
        <v>48</v>
      </c>
      <c r="EJ6" s="373" t="s">
        <v>49</v>
      </c>
      <c r="EK6" s="373" t="s">
        <v>50</v>
      </c>
      <c r="EL6" s="373" t="s">
        <v>51</v>
      </c>
      <c r="EM6" s="382" t="s">
        <v>45</v>
      </c>
      <c r="EN6" s="747"/>
      <c r="EO6" s="372" t="s">
        <v>119</v>
      </c>
      <c r="EP6" s="373" t="s">
        <v>44</v>
      </c>
      <c r="EQ6" s="380" t="s">
        <v>45</v>
      </c>
      <c r="ER6" s="381" t="s">
        <v>83</v>
      </c>
      <c r="ES6" s="373" t="s">
        <v>47</v>
      </c>
      <c r="ET6" s="373" t="s">
        <v>48</v>
      </c>
      <c r="EU6" s="373" t="s">
        <v>49</v>
      </c>
      <c r="EV6" s="373" t="s">
        <v>50</v>
      </c>
      <c r="EW6" s="373" t="s">
        <v>51</v>
      </c>
      <c r="EX6" s="382" t="s">
        <v>45</v>
      </c>
      <c r="EY6" s="747"/>
      <c r="EZ6" s="372" t="s">
        <v>119</v>
      </c>
      <c r="FA6" s="373" t="s">
        <v>44</v>
      </c>
      <c r="FB6" s="380" t="s">
        <v>45</v>
      </c>
      <c r="FC6" s="381" t="s">
        <v>83</v>
      </c>
      <c r="FD6" s="373" t="s">
        <v>47</v>
      </c>
      <c r="FE6" s="373" t="s">
        <v>48</v>
      </c>
      <c r="FF6" s="373" t="s">
        <v>49</v>
      </c>
      <c r="FG6" s="373" t="s">
        <v>50</v>
      </c>
      <c r="FH6" s="373" t="s">
        <v>51</v>
      </c>
      <c r="FI6" s="382" t="s">
        <v>45</v>
      </c>
      <c r="FJ6" s="747"/>
      <c r="FK6" s="372" t="s">
        <v>119</v>
      </c>
      <c r="FL6" s="373" t="s">
        <v>44</v>
      </c>
      <c r="FM6" s="380" t="s">
        <v>45</v>
      </c>
      <c r="FN6" s="381" t="s">
        <v>83</v>
      </c>
      <c r="FO6" s="373" t="s">
        <v>47</v>
      </c>
      <c r="FP6" s="373" t="s">
        <v>48</v>
      </c>
      <c r="FQ6" s="373" t="s">
        <v>49</v>
      </c>
      <c r="FR6" s="373" t="s">
        <v>50</v>
      </c>
      <c r="FS6" s="373" t="s">
        <v>51</v>
      </c>
      <c r="FT6" s="382" t="s">
        <v>45</v>
      </c>
      <c r="FU6" s="747"/>
      <c r="FV6" s="372" t="s">
        <v>119</v>
      </c>
      <c r="FW6" s="373" t="s">
        <v>44</v>
      </c>
      <c r="FX6" s="380" t="s">
        <v>45</v>
      </c>
      <c r="FY6" s="381" t="s">
        <v>83</v>
      </c>
      <c r="FZ6" s="373" t="s">
        <v>47</v>
      </c>
      <c r="GA6" s="373" t="s">
        <v>48</v>
      </c>
      <c r="GB6" s="373" t="s">
        <v>49</v>
      </c>
      <c r="GC6" s="373" t="s">
        <v>50</v>
      </c>
      <c r="GD6" s="373" t="s">
        <v>51</v>
      </c>
      <c r="GE6" s="382" t="s">
        <v>45</v>
      </c>
      <c r="GF6" s="747"/>
      <c r="GG6" s="372" t="s">
        <v>119</v>
      </c>
      <c r="GH6" s="373" t="s">
        <v>44</v>
      </c>
      <c r="GI6" s="380" t="s">
        <v>45</v>
      </c>
      <c r="GJ6" s="381" t="s">
        <v>83</v>
      </c>
      <c r="GK6" s="373" t="s">
        <v>47</v>
      </c>
      <c r="GL6" s="373" t="s">
        <v>48</v>
      </c>
      <c r="GM6" s="373" t="s">
        <v>49</v>
      </c>
      <c r="GN6" s="373" t="s">
        <v>50</v>
      </c>
      <c r="GO6" s="373" t="s">
        <v>51</v>
      </c>
      <c r="GP6" s="382" t="s">
        <v>45</v>
      </c>
      <c r="GQ6" s="747"/>
      <c r="GR6" s="372" t="s">
        <v>119</v>
      </c>
      <c r="GS6" s="373" t="s">
        <v>44</v>
      </c>
      <c r="GT6" s="380" t="s">
        <v>45</v>
      </c>
      <c r="GU6" s="381" t="s">
        <v>83</v>
      </c>
      <c r="GV6" s="373" t="s">
        <v>47</v>
      </c>
      <c r="GW6" s="373" t="s">
        <v>48</v>
      </c>
      <c r="GX6" s="373" t="s">
        <v>49</v>
      </c>
      <c r="GY6" s="373" t="s">
        <v>50</v>
      </c>
      <c r="GZ6" s="373" t="s">
        <v>51</v>
      </c>
      <c r="HA6" s="382" t="s">
        <v>45</v>
      </c>
      <c r="HB6" s="747"/>
      <c r="HC6" s="372" t="s">
        <v>119</v>
      </c>
      <c r="HD6" s="373" t="s">
        <v>44</v>
      </c>
      <c r="HE6" s="380" t="s">
        <v>45</v>
      </c>
      <c r="HF6" s="381" t="s">
        <v>83</v>
      </c>
      <c r="HG6" s="373" t="s">
        <v>47</v>
      </c>
      <c r="HH6" s="373" t="s">
        <v>48</v>
      </c>
      <c r="HI6" s="373" t="s">
        <v>49</v>
      </c>
      <c r="HJ6" s="373" t="s">
        <v>50</v>
      </c>
      <c r="HK6" s="373" t="s">
        <v>51</v>
      </c>
      <c r="HL6" s="382" t="s">
        <v>45</v>
      </c>
      <c r="HM6" s="747"/>
      <c r="HN6" s="372" t="s">
        <v>119</v>
      </c>
      <c r="HO6" s="373" t="s">
        <v>44</v>
      </c>
      <c r="HP6" s="380" t="s">
        <v>45</v>
      </c>
      <c r="HQ6" s="381" t="s">
        <v>83</v>
      </c>
      <c r="HR6" s="373" t="s">
        <v>47</v>
      </c>
      <c r="HS6" s="373" t="s">
        <v>48</v>
      </c>
      <c r="HT6" s="373" t="s">
        <v>49</v>
      </c>
      <c r="HU6" s="373" t="s">
        <v>50</v>
      </c>
      <c r="HV6" s="373" t="s">
        <v>51</v>
      </c>
      <c r="HW6" s="382" t="s">
        <v>45</v>
      </c>
      <c r="HX6" s="747"/>
    </row>
    <row r="7" spans="1:232" s="491" customFormat="1" ht="16.5" customHeight="1" x14ac:dyDescent="0.2">
      <c r="A7" s="482" t="s">
        <v>4</v>
      </c>
      <c r="B7" s="483">
        <v>31635</v>
      </c>
      <c r="C7" s="484">
        <v>106364</v>
      </c>
      <c r="D7" s="485">
        <v>137999</v>
      </c>
      <c r="E7" s="486">
        <v>0</v>
      </c>
      <c r="F7" s="484">
        <v>20451099</v>
      </c>
      <c r="G7" s="484">
        <v>42722735</v>
      </c>
      <c r="H7" s="484">
        <v>122654159</v>
      </c>
      <c r="I7" s="484">
        <v>157635389</v>
      </c>
      <c r="J7" s="484">
        <v>101717858</v>
      </c>
      <c r="K7" s="487">
        <v>445181240</v>
      </c>
      <c r="L7" s="488">
        <v>445319239</v>
      </c>
      <c r="M7" s="483">
        <v>0</v>
      </c>
      <c r="N7" s="484">
        <v>0</v>
      </c>
      <c r="O7" s="485">
        <v>0</v>
      </c>
      <c r="P7" s="489"/>
      <c r="Q7" s="484">
        <v>5219003</v>
      </c>
      <c r="R7" s="484">
        <v>14229968</v>
      </c>
      <c r="S7" s="484">
        <v>82681913</v>
      </c>
      <c r="T7" s="484">
        <v>113955493</v>
      </c>
      <c r="U7" s="484">
        <v>77444554</v>
      </c>
      <c r="V7" s="487">
        <v>293530931</v>
      </c>
      <c r="W7" s="488">
        <v>293530931</v>
      </c>
      <c r="X7" s="483">
        <v>0</v>
      </c>
      <c r="Y7" s="484">
        <v>0</v>
      </c>
      <c r="Z7" s="485">
        <v>0</v>
      </c>
      <c r="AA7" s="489"/>
      <c r="AB7" s="484">
        <v>13316901</v>
      </c>
      <c r="AC7" s="484">
        <v>23427562</v>
      </c>
      <c r="AD7" s="484">
        <v>29331799</v>
      </c>
      <c r="AE7" s="484">
        <v>31490684</v>
      </c>
      <c r="AF7" s="484">
        <v>15484564</v>
      </c>
      <c r="AG7" s="487">
        <v>113051510</v>
      </c>
      <c r="AH7" s="488">
        <v>113051510</v>
      </c>
      <c r="AI7" s="483">
        <v>0</v>
      </c>
      <c r="AJ7" s="484">
        <v>0</v>
      </c>
      <c r="AK7" s="485">
        <v>0</v>
      </c>
      <c r="AL7" s="489"/>
      <c r="AM7" s="484">
        <v>2635</v>
      </c>
      <c r="AN7" s="484">
        <v>0</v>
      </c>
      <c r="AO7" s="484">
        <v>64575</v>
      </c>
      <c r="AP7" s="484">
        <v>970243</v>
      </c>
      <c r="AQ7" s="484">
        <v>1160904</v>
      </c>
      <c r="AR7" s="487">
        <v>2198357</v>
      </c>
      <c r="AS7" s="488">
        <v>2198357</v>
      </c>
      <c r="AT7" s="483">
        <v>0</v>
      </c>
      <c r="AU7" s="484">
        <v>0</v>
      </c>
      <c r="AV7" s="485">
        <v>0</v>
      </c>
      <c r="AW7" s="489"/>
      <c r="AX7" s="484">
        <v>264740</v>
      </c>
      <c r="AY7" s="484">
        <v>112180</v>
      </c>
      <c r="AZ7" s="484">
        <v>442825</v>
      </c>
      <c r="BA7" s="484">
        <v>1658100</v>
      </c>
      <c r="BB7" s="484">
        <v>2597848</v>
      </c>
      <c r="BC7" s="487">
        <v>5075693</v>
      </c>
      <c r="BD7" s="488">
        <v>5075693</v>
      </c>
      <c r="BE7" s="483">
        <v>0</v>
      </c>
      <c r="BF7" s="484">
        <v>0</v>
      </c>
      <c r="BG7" s="485">
        <v>0</v>
      </c>
      <c r="BH7" s="489"/>
      <c r="BI7" s="484">
        <v>75540</v>
      </c>
      <c r="BJ7" s="484">
        <v>298985</v>
      </c>
      <c r="BK7" s="484">
        <v>1687700</v>
      </c>
      <c r="BL7" s="484">
        <v>1883655</v>
      </c>
      <c r="BM7" s="484">
        <v>1256845</v>
      </c>
      <c r="BN7" s="487">
        <v>5202725</v>
      </c>
      <c r="BO7" s="488">
        <v>5202725</v>
      </c>
      <c r="BP7" s="483">
        <v>28200</v>
      </c>
      <c r="BQ7" s="484">
        <v>90519</v>
      </c>
      <c r="BR7" s="485">
        <v>118719</v>
      </c>
      <c r="BS7" s="486">
        <v>0</v>
      </c>
      <c r="BT7" s="484">
        <v>1501833</v>
      </c>
      <c r="BU7" s="484">
        <v>4442487</v>
      </c>
      <c r="BV7" s="484">
        <v>8307816</v>
      </c>
      <c r="BW7" s="484">
        <v>7436273</v>
      </c>
      <c r="BX7" s="484">
        <v>3536550</v>
      </c>
      <c r="BY7" s="487">
        <v>25224959</v>
      </c>
      <c r="BZ7" s="488">
        <v>25343678</v>
      </c>
      <c r="CA7" s="483">
        <v>3435</v>
      </c>
      <c r="CB7" s="484">
        <v>15845</v>
      </c>
      <c r="CC7" s="485">
        <v>19280</v>
      </c>
      <c r="CD7" s="486">
        <v>0</v>
      </c>
      <c r="CE7" s="484">
        <v>70447</v>
      </c>
      <c r="CF7" s="484">
        <v>211553</v>
      </c>
      <c r="CG7" s="484">
        <v>137531</v>
      </c>
      <c r="CH7" s="484">
        <v>240941</v>
      </c>
      <c r="CI7" s="484">
        <v>236593</v>
      </c>
      <c r="CJ7" s="487">
        <v>897065</v>
      </c>
      <c r="CK7" s="488">
        <v>916345</v>
      </c>
      <c r="CL7" s="483">
        <v>0</v>
      </c>
      <c r="CM7" s="484">
        <v>0</v>
      </c>
      <c r="CN7" s="485">
        <v>0</v>
      </c>
      <c r="CO7" s="486">
        <v>0</v>
      </c>
      <c r="CP7" s="484">
        <v>0</v>
      </c>
      <c r="CQ7" s="484">
        <v>0</v>
      </c>
      <c r="CR7" s="484">
        <v>0</v>
      </c>
      <c r="CS7" s="484">
        <v>0</v>
      </c>
      <c r="CT7" s="484">
        <v>0</v>
      </c>
      <c r="CU7" s="487">
        <v>0</v>
      </c>
      <c r="CV7" s="488">
        <v>0</v>
      </c>
      <c r="CW7" s="483">
        <v>0</v>
      </c>
      <c r="CX7" s="484">
        <v>0</v>
      </c>
      <c r="CY7" s="485">
        <v>0</v>
      </c>
      <c r="CZ7" s="489"/>
      <c r="DA7" s="484">
        <v>0</v>
      </c>
      <c r="DB7" s="484">
        <v>0</v>
      </c>
      <c r="DC7" s="484">
        <v>0</v>
      </c>
      <c r="DD7" s="484">
        <v>0</v>
      </c>
      <c r="DE7" s="484">
        <v>0</v>
      </c>
      <c r="DF7" s="487">
        <v>0</v>
      </c>
      <c r="DG7" s="488">
        <v>0</v>
      </c>
      <c r="DH7" s="483">
        <v>40966</v>
      </c>
      <c r="DI7" s="484">
        <v>156905</v>
      </c>
      <c r="DJ7" s="485">
        <v>197871</v>
      </c>
      <c r="DK7" s="486">
        <v>0</v>
      </c>
      <c r="DL7" s="484">
        <v>12010621</v>
      </c>
      <c r="DM7" s="484">
        <v>34316132</v>
      </c>
      <c r="DN7" s="484">
        <v>130749100</v>
      </c>
      <c r="DO7" s="484">
        <v>165726924</v>
      </c>
      <c r="DP7" s="484">
        <v>104962129</v>
      </c>
      <c r="DQ7" s="487">
        <v>447764906</v>
      </c>
      <c r="DR7" s="490">
        <v>447962777</v>
      </c>
      <c r="DS7" s="483">
        <v>0</v>
      </c>
      <c r="DT7" s="484">
        <v>0</v>
      </c>
      <c r="DU7" s="485">
        <v>0</v>
      </c>
      <c r="DV7" s="489"/>
      <c r="DW7" s="484">
        <v>6212953</v>
      </c>
      <c r="DX7" s="484">
        <v>20115821</v>
      </c>
      <c r="DY7" s="484">
        <v>107750681</v>
      </c>
      <c r="DZ7" s="484">
        <v>143327663</v>
      </c>
      <c r="EA7" s="484">
        <v>92615891</v>
      </c>
      <c r="EB7" s="487">
        <v>370023009</v>
      </c>
      <c r="EC7" s="488">
        <v>370023009</v>
      </c>
      <c r="ED7" s="483">
        <v>0</v>
      </c>
      <c r="EE7" s="484">
        <v>0</v>
      </c>
      <c r="EF7" s="485">
        <v>0</v>
      </c>
      <c r="EG7" s="489"/>
      <c r="EH7" s="484">
        <v>3121340</v>
      </c>
      <c r="EI7" s="484">
        <v>6611061</v>
      </c>
      <c r="EJ7" s="484">
        <v>6862346</v>
      </c>
      <c r="EK7" s="484">
        <v>7478887</v>
      </c>
      <c r="EL7" s="484">
        <v>4043162</v>
      </c>
      <c r="EM7" s="487">
        <v>28116796</v>
      </c>
      <c r="EN7" s="488">
        <v>28116796</v>
      </c>
      <c r="EO7" s="483">
        <v>0</v>
      </c>
      <c r="EP7" s="484">
        <v>0</v>
      </c>
      <c r="EQ7" s="485">
        <v>0</v>
      </c>
      <c r="ER7" s="489"/>
      <c r="ES7" s="484">
        <v>217</v>
      </c>
      <c r="ET7" s="484">
        <v>0</v>
      </c>
      <c r="EU7" s="484">
        <v>12338</v>
      </c>
      <c r="EV7" s="484">
        <v>102981</v>
      </c>
      <c r="EW7" s="484">
        <v>193860</v>
      </c>
      <c r="EX7" s="487">
        <v>309396</v>
      </c>
      <c r="EY7" s="488">
        <v>309396</v>
      </c>
      <c r="EZ7" s="483">
        <v>0</v>
      </c>
      <c r="FA7" s="484">
        <v>0</v>
      </c>
      <c r="FB7" s="485">
        <v>0</v>
      </c>
      <c r="FC7" s="489"/>
      <c r="FD7" s="484">
        <v>59520</v>
      </c>
      <c r="FE7" s="484">
        <v>35712</v>
      </c>
      <c r="FF7" s="484">
        <v>98176</v>
      </c>
      <c r="FG7" s="484">
        <v>301273</v>
      </c>
      <c r="FH7" s="484">
        <v>416173</v>
      </c>
      <c r="FI7" s="487">
        <v>910854</v>
      </c>
      <c r="FJ7" s="488">
        <v>910854</v>
      </c>
      <c r="FK7" s="483">
        <v>0</v>
      </c>
      <c r="FL7" s="484">
        <v>0</v>
      </c>
      <c r="FM7" s="485">
        <v>0</v>
      </c>
      <c r="FN7" s="489"/>
      <c r="FO7" s="484">
        <v>207286</v>
      </c>
      <c r="FP7" s="484">
        <v>398639</v>
      </c>
      <c r="FQ7" s="484">
        <v>2836575</v>
      </c>
      <c r="FR7" s="484">
        <v>3528597</v>
      </c>
      <c r="FS7" s="484">
        <v>2166968</v>
      </c>
      <c r="FT7" s="487">
        <v>9138065</v>
      </c>
      <c r="FU7" s="488">
        <v>9138065</v>
      </c>
      <c r="FV7" s="483">
        <v>39856</v>
      </c>
      <c r="FW7" s="484">
        <v>148047</v>
      </c>
      <c r="FX7" s="485">
        <v>187903</v>
      </c>
      <c r="FY7" s="486">
        <v>0</v>
      </c>
      <c r="FZ7" s="484">
        <v>2369574</v>
      </c>
      <c r="GA7" s="484">
        <v>6995788</v>
      </c>
      <c r="GB7" s="484">
        <v>13108967</v>
      </c>
      <c r="GC7" s="484">
        <v>10840667</v>
      </c>
      <c r="GD7" s="484">
        <v>5406073</v>
      </c>
      <c r="GE7" s="487">
        <v>38721069</v>
      </c>
      <c r="GF7" s="488">
        <v>38908972</v>
      </c>
      <c r="GG7" s="483">
        <v>1110</v>
      </c>
      <c r="GH7" s="484">
        <v>8858</v>
      </c>
      <c r="GI7" s="485">
        <v>9968</v>
      </c>
      <c r="GJ7" s="486">
        <v>0</v>
      </c>
      <c r="GK7" s="484">
        <v>39731</v>
      </c>
      <c r="GL7" s="484">
        <v>159111</v>
      </c>
      <c r="GM7" s="484">
        <v>80017</v>
      </c>
      <c r="GN7" s="484">
        <v>146856</v>
      </c>
      <c r="GO7" s="484">
        <v>120002</v>
      </c>
      <c r="GP7" s="487">
        <v>545717</v>
      </c>
      <c r="GQ7" s="488">
        <v>555685</v>
      </c>
      <c r="GR7" s="483">
        <v>0</v>
      </c>
      <c r="GS7" s="484">
        <v>0</v>
      </c>
      <c r="GT7" s="485">
        <v>0</v>
      </c>
      <c r="GU7" s="486">
        <v>0</v>
      </c>
      <c r="GV7" s="484">
        <v>0</v>
      </c>
      <c r="GW7" s="484">
        <v>0</v>
      </c>
      <c r="GX7" s="484">
        <v>0</v>
      </c>
      <c r="GY7" s="484">
        <v>0</v>
      </c>
      <c r="GZ7" s="484">
        <v>0</v>
      </c>
      <c r="HA7" s="487">
        <v>0</v>
      </c>
      <c r="HB7" s="488">
        <v>0</v>
      </c>
      <c r="HC7" s="483">
        <v>0</v>
      </c>
      <c r="HD7" s="484">
        <v>0</v>
      </c>
      <c r="HE7" s="485">
        <v>0</v>
      </c>
      <c r="HF7" s="489"/>
      <c r="HG7" s="484">
        <v>0</v>
      </c>
      <c r="HH7" s="484">
        <v>0</v>
      </c>
      <c r="HI7" s="484">
        <v>0</v>
      </c>
      <c r="HJ7" s="484">
        <v>0</v>
      </c>
      <c r="HK7" s="484">
        <v>0</v>
      </c>
      <c r="HL7" s="487">
        <v>0</v>
      </c>
      <c r="HM7" s="488">
        <v>0</v>
      </c>
      <c r="HN7" s="483">
        <v>72601</v>
      </c>
      <c r="HO7" s="484">
        <v>263269</v>
      </c>
      <c r="HP7" s="485">
        <v>335870</v>
      </c>
      <c r="HQ7" s="486">
        <v>0</v>
      </c>
      <c r="HR7" s="484">
        <v>32461720</v>
      </c>
      <c r="HS7" s="484">
        <v>77038867</v>
      </c>
      <c r="HT7" s="484">
        <v>253403259</v>
      </c>
      <c r="HU7" s="484">
        <v>323362313</v>
      </c>
      <c r="HV7" s="484">
        <v>206679987</v>
      </c>
      <c r="HW7" s="487">
        <v>892946146</v>
      </c>
      <c r="HX7" s="488">
        <v>893282016</v>
      </c>
    </row>
    <row r="8" spans="1:232" s="491" customFormat="1" ht="16.5" customHeight="1" x14ac:dyDescent="0.2">
      <c r="A8" s="492" t="s">
        <v>5</v>
      </c>
      <c r="B8" s="493">
        <v>90</v>
      </c>
      <c r="C8" s="494">
        <v>34212</v>
      </c>
      <c r="D8" s="495">
        <v>34302</v>
      </c>
      <c r="E8" s="496">
        <v>0</v>
      </c>
      <c r="F8" s="494">
        <v>8069669</v>
      </c>
      <c r="G8" s="494">
        <v>21310293</v>
      </c>
      <c r="H8" s="494">
        <v>52015681</v>
      </c>
      <c r="I8" s="494">
        <v>65976603</v>
      </c>
      <c r="J8" s="494">
        <v>43653122</v>
      </c>
      <c r="K8" s="497">
        <v>191025368</v>
      </c>
      <c r="L8" s="498">
        <v>191059670</v>
      </c>
      <c r="M8" s="493">
        <v>0</v>
      </c>
      <c r="N8" s="494">
        <v>0</v>
      </c>
      <c r="O8" s="495">
        <v>0</v>
      </c>
      <c r="P8" s="499"/>
      <c r="Q8" s="494">
        <v>2789438</v>
      </c>
      <c r="R8" s="494">
        <v>8948794</v>
      </c>
      <c r="S8" s="494">
        <v>35729245</v>
      </c>
      <c r="T8" s="494">
        <v>48853060</v>
      </c>
      <c r="U8" s="494">
        <v>33610604</v>
      </c>
      <c r="V8" s="497">
        <v>129931141</v>
      </c>
      <c r="W8" s="498">
        <v>129931141</v>
      </c>
      <c r="X8" s="493">
        <v>0</v>
      </c>
      <c r="Y8" s="494">
        <v>0</v>
      </c>
      <c r="Z8" s="495">
        <v>0</v>
      </c>
      <c r="AA8" s="499"/>
      <c r="AB8" s="494">
        <v>4792651</v>
      </c>
      <c r="AC8" s="494">
        <v>10220347</v>
      </c>
      <c r="AD8" s="494">
        <v>12390490</v>
      </c>
      <c r="AE8" s="494">
        <v>13299141</v>
      </c>
      <c r="AF8" s="494">
        <v>7352719</v>
      </c>
      <c r="AG8" s="497">
        <v>48055348</v>
      </c>
      <c r="AH8" s="498">
        <v>48055348</v>
      </c>
      <c r="AI8" s="493">
        <v>0</v>
      </c>
      <c r="AJ8" s="494">
        <v>0</v>
      </c>
      <c r="AK8" s="495">
        <v>0</v>
      </c>
      <c r="AL8" s="499"/>
      <c r="AM8" s="494">
        <v>0</v>
      </c>
      <c r="AN8" s="494">
        <v>0</v>
      </c>
      <c r="AO8" s="494">
        <v>0</v>
      </c>
      <c r="AP8" s="494">
        <v>147964</v>
      </c>
      <c r="AQ8" s="494">
        <v>247802</v>
      </c>
      <c r="AR8" s="497">
        <v>395766</v>
      </c>
      <c r="AS8" s="498">
        <v>395766</v>
      </c>
      <c r="AT8" s="493">
        <v>0</v>
      </c>
      <c r="AU8" s="494">
        <v>0</v>
      </c>
      <c r="AV8" s="495">
        <v>0</v>
      </c>
      <c r="AW8" s="499"/>
      <c r="AX8" s="494">
        <v>35495</v>
      </c>
      <c r="AY8" s="494">
        <v>35920</v>
      </c>
      <c r="AZ8" s="494">
        <v>39620</v>
      </c>
      <c r="BA8" s="494">
        <v>352830</v>
      </c>
      <c r="BB8" s="494">
        <v>465985</v>
      </c>
      <c r="BC8" s="497">
        <v>929850</v>
      </c>
      <c r="BD8" s="498">
        <v>929850</v>
      </c>
      <c r="BE8" s="493">
        <v>0</v>
      </c>
      <c r="BF8" s="494">
        <v>0</v>
      </c>
      <c r="BG8" s="495">
        <v>0</v>
      </c>
      <c r="BH8" s="499"/>
      <c r="BI8" s="494">
        <v>37975</v>
      </c>
      <c r="BJ8" s="494">
        <v>79610</v>
      </c>
      <c r="BK8" s="494">
        <v>195070</v>
      </c>
      <c r="BL8" s="494">
        <v>253265</v>
      </c>
      <c r="BM8" s="494">
        <v>206370</v>
      </c>
      <c r="BN8" s="497">
        <v>772290</v>
      </c>
      <c r="BO8" s="498">
        <v>772290</v>
      </c>
      <c r="BP8" s="493">
        <v>90</v>
      </c>
      <c r="BQ8" s="494">
        <v>23897</v>
      </c>
      <c r="BR8" s="495">
        <v>23987</v>
      </c>
      <c r="BS8" s="496">
        <v>0</v>
      </c>
      <c r="BT8" s="494">
        <v>387426</v>
      </c>
      <c r="BU8" s="494">
        <v>1905320</v>
      </c>
      <c r="BV8" s="494">
        <v>3623752</v>
      </c>
      <c r="BW8" s="494">
        <v>2950813</v>
      </c>
      <c r="BX8" s="494">
        <v>1653271</v>
      </c>
      <c r="BY8" s="497">
        <v>10520582</v>
      </c>
      <c r="BZ8" s="498">
        <v>10544569</v>
      </c>
      <c r="CA8" s="493">
        <v>0</v>
      </c>
      <c r="CB8" s="494">
        <v>10315</v>
      </c>
      <c r="CC8" s="495">
        <v>10315</v>
      </c>
      <c r="CD8" s="496">
        <v>0</v>
      </c>
      <c r="CE8" s="494">
        <v>26684</v>
      </c>
      <c r="CF8" s="494">
        <v>120302</v>
      </c>
      <c r="CG8" s="494">
        <v>37504</v>
      </c>
      <c r="CH8" s="494">
        <v>119530</v>
      </c>
      <c r="CI8" s="494">
        <v>116371</v>
      </c>
      <c r="CJ8" s="497">
        <v>420391</v>
      </c>
      <c r="CK8" s="498">
        <v>430706</v>
      </c>
      <c r="CL8" s="493">
        <v>0</v>
      </c>
      <c r="CM8" s="494">
        <v>0</v>
      </c>
      <c r="CN8" s="495">
        <v>0</v>
      </c>
      <c r="CO8" s="496">
        <v>0</v>
      </c>
      <c r="CP8" s="494">
        <v>0</v>
      </c>
      <c r="CQ8" s="494">
        <v>0</v>
      </c>
      <c r="CR8" s="494">
        <v>0</v>
      </c>
      <c r="CS8" s="494">
        <v>0</v>
      </c>
      <c r="CT8" s="494">
        <v>0</v>
      </c>
      <c r="CU8" s="497">
        <v>0</v>
      </c>
      <c r="CV8" s="498">
        <v>0</v>
      </c>
      <c r="CW8" s="493">
        <v>0</v>
      </c>
      <c r="CX8" s="494">
        <v>0</v>
      </c>
      <c r="CY8" s="495">
        <v>0</v>
      </c>
      <c r="CZ8" s="499"/>
      <c r="DA8" s="494">
        <v>0</v>
      </c>
      <c r="DB8" s="494">
        <v>0</v>
      </c>
      <c r="DC8" s="494">
        <v>0</v>
      </c>
      <c r="DD8" s="494">
        <v>0</v>
      </c>
      <c r="DE8" s="494">
        <v>0</v>
      </c>
      <c r="DF8" s="497">
        <v>0</v>
      </c>
      <c r="DG8" s="498">
        <v>0</v>
      </c>
      <c r="DH8" s="493">
        <v>1392</v>
      </c>
      <c r="DI8" s="494">
        <v>54349</v>
      </c>
      <c r="DJ8" s="495">
        <v>55741</v>
      </c>
      <c r="DK8" s="496">
        <v>0</v>
      </c>
      <c r="DL8" s="494">
        <v>5930122</v>
      </c>
      <c r="DM8" s="494">
        <v>20381649</v>
      </c>
      <c r="DN8" s="494">
        <v>57285961</v>
      </c>
      <c r="DO8" s="494">
        <v>72406118</v>
      </c>
      <c r="DP8" s="494">
        <v>47177226</v>
      </c>
      <c r="DQ8" s="497">
        <v>203181076</v>
      </c>
      <c r="DR8" s="500">
        <v>203236817</v>
      </c>
      <c r="DS8" s="493">
        <v>0</v>
      </c>
      <c r="DT8" s="494">
        <v>0</v>
      </c>
      <c r="DU8" s="495">
        <v>0</v>
      </c>
      <c r="DV8" s="499"/>
      <c r="DW8" s="494">
        <v>3457798</v>
      </c>
      <c r="DX8" s="494">
        <v>12915645</v>
      </c>
      <c r="DY8" s="494">
        <v>47544666</v>
      </c>
      <c r="DZ8" s="494">
        <v>62941517</v>
      </c>
      <c r="EA8" s="494">
        <v>41579677</v>
      </c>
      <c r="EB8" s="497">
        <v>168439303</v>
      </c>
      <c r="EC8" s="498">
        <v>168439303</v>
      </c>
      <c r="ED8" s="493">
        <v>0</v>
      </c>
      <c r="EE8" s="494">
        <v>0</v>
      </c>
      <c r="EF8" s="495">
        <v>0</v>
      </c>
      <c r="EG8" s="499"/>
      <c r="EH8" s="494">
        <v>1595253</v>
      </c>
      <c r="EI8" s="494">
        <v>3989630</v>
      </c>
      <c r="EJ8" s="494">
        <v>3902865</v>
      </c>
      <c r="EK8" s="494">
        <v>4389852</v>
      </c>
      <c r="EL8" s="494">
        <v>2553092</v>
      </c>
      <c r="EM8" s="497">
        <v>16430692</v>
      </c>
      <c r="EN8" s="498">
        <v>16430692</v>
      </c>
      <c r="EO8" s="493">
        <v>0</v>
      </c>
      <c r="EP8" s="494">
        <v>0</v>
      </c>
      <c r="EQ8" s="495">
        <v>0</v>
      </c>
      <c r="ER8" s="499"/>
      <c r="ES8" s="494">
        <v>0</v>
      </c>
      <c r="ET8" s="494">
        <v>0</v>
      </c>
      <c r="EU8" s="494">
        <v>11470</v>
      </c>
      <c r="EV8" s="494">
        <v>15159</v>
      </c>
      <c r="EW8" s="494">
        <v>16622</v>
      </c>
      <c r="EX8" s="497">
        <v>43251</v>
      </c>
      <c r="EY8" s="498">
        <v>43251</v>
      </c>
      <c r="EZ8" s="493">
        <v>0</v>
      </c>
      <c r="FA8" s="494">
        <v>0</v>
      </c>
      <c r="FB8" s="495">
        <v>0</v>
      </c>
      <c r="FC8" s="499"/>
      <c r="FD8" s="494">
        <v>11687</v>
      </c>
      <c r="FE8" s="494">
        <v>11904</v>
      </c>
      <c r="FF8" s="494">
        <v>12121</v>
      </c>
      <c r="FG8" s="494">
        <v>57404</v>
      </c>
      <c r="FH8" s="494">
        <v>96448</v>
      </c>
      <c r="FI8" s="497">
        <v>189564</v>
      </c>
      <c r="FJ8" s="498">
        <v>189564</v>
      </c>
      <c r="FK8" s="493">
        <v>0</v>
      </c>
      <c r="FL8" s="494">
        <v>0</v>
      </c>
      <c r="FM8" s="495">
        <v>0</v>
      </c>
      <c r="FN8" s="499"/>
      <c r="FO8" s="494">
        <v>79918</v>
      </c>
      <c r="FP8" s="494">
        <v>77830</v>
      </c>
      <c r="FQ8" s="494">
        <v>316888</v>
      </c>
      <c r="FR8" s="494">
        <v>396806</v>
      </c>
      <c r="FS8" s="494">
        <v>307868</v>
      </c>
      <c r="FT8" s="497">
        <v>1179310</v>
      </c>
      <c r="FU8" s="498">
        <v>1179310</v>
      </c>
      <c r="FV8" s="493">
        <v>1392</v>
      </c>
      <c r="FW8" s="494">
        <v>47376</v>
      </c>
      <c r="FX8" s="495">
        <v>48768</v>
      </c>
      <c r="FY8" s="496">
        <v>0</v>
      </c>
      <c r="FZ8" s="494">
        <v>770040</v>
      </c>
      <c r="GA8" s="494">
        <v>3272423</v>
      </c>
      <c r="GB8" s="494">
        <v>5518001</v>
      </c>
      <c r="GC8" s="494">
        <v>4529562</v>
      </c>
      <c r="GD8" s="494">
        <v>2548029</v>
      </c>
      <c r="GE8" s="497">
        <v>16638055</v>
      </c>
      <c r="GF8" s="498">
        <v>16686823</v>
      </c>
      <c r="GG8" s="493">
        <v>0</v>
      </c>
      <c r="GH8" s="494">
        <v>6973</v>
      </c>
      <c r="GI8" s="495">
        <v>6973</v>
      </c>
      <c r="GJ8" s="496">
        <v>0</v>
      </c>
      <c r="GK8" s="494">
        <v>15426</v>
      </c>
      <c r="GL8" s="494">
        <v>114217</v>
      </c>
      <c r="GM8" s="494">
        <v>-20050</v>
      </c>
      <c r="GN8" s="494">
        <v>75818</v>
      </c>
      <c r="GO8" s="494">
        <v>75490</v>
      </c>
      <c r="GP8" s="497">
        <v>260901</v>
      </c>
      <c r="GQ8" s="498">
        <v>267874</v>
      </c>
      <c r="GR8" s="493">
        <v>0</v>
      </c>
      <c r="GS8" s="494">
        <v>0</v>
      </c>
      <c r="GT8" s="495">
        <v>0</v>
      </c>
      <c r="GU8" s="496">
        <v>0</v>
      </c>
      <c r="GV8" s="494">
        <v>0</v>
      </c>
      <c r="GW8" s="494">
        <v>0</v>
      </c>
      <c r="GX8" s="494">
        <v>0</v>
      </c>
      <c r="GY8" s="494">
        <v>0</v>
      </c>
      <c r="GZ8" s="494">
        <v>0</v>
      </c>
      <c r="HA8" s="497">
        <v>0</v>
      </c>
      <c r="HB8" s="498">
        <v>0</v>
      </c>
      <c r="HC8" s="493">
        <v>0</v>
      </c>
      <c r="HD8" s="494">
        <v>0</v>
      </c>
      <c r="HE8" s="495">
        <v>0</v>
      </c>
      <c r="HF8" s="499"/>
      <c r="HG8" s="494">
        <v>0</v>
      </c>
      <c r="HH8" s="494">
        <v>0</v>
      </c>
      <c r="HI8" s="494">
        <v>0</v>
      </c>
      <c r="HJ8" s="494">
        <v>0</v>
      </c>
      <c r="HK8" s="494">
        <v>0</v>
      </c>
      <c r="HL8" s="497">
        <v>0</v>
      </c>
      <c r="HM8" s="498">
        <v>0</v>
      </c>
      <c r="HN8" s="493">
        <v>1482</v>
      </c>
      <c r="HO8" s="494">
        <v>88561</v>
      </c>
      <c r="HP8" s="495">
        <v>90043</v>
      </c>
      <c r="HQ8" s="496">
        <v>0</v>
      </c>
      <c r="HR8" s="494">
        <v>13999791</v>
      </c>
      <c r="HS8" s="494">
        <v>41691942</v>
      </c>
      <c r="HT8" s="494">
        <v>109301642</v>
      </c>
      <c r="HU8" s="494">
        <v>138382721</v>
      </c>
      <c r="HV8" s="494">
        <v>90830348</v>
      </c>
      <c r="HW8" s="497">
        <v>394206444</v>
      </c>
      <c r="HX8" s="498">
        <v>394296487</v>
      </c>
    </row>
    <row r="9" spans="1:232" ht="16.5" customHeight="1" x14ac:dyDescent="0.2">
      <c r="A9" s="293" t="s">
        <v>6</v>
      </c>
      <c r="B9" s="295">
        <v>3775</v>
      </c>
      <c r="C9" s="296">
        <v>38745</v>
      </c>
      <c r="D9" s="297">
        <v>42520</v>
      </c>
      <c r="E9" s="298">
        <v>0</v>
      </c>
      <c r="F9" s="296">
        <v>2950891</v>
      </c>
      <c r="G9" s="296">
        <v>4933921</v>
      </c>
      <c r="H9" s="296">
        <v>15426772</v>
      </c>
      <c r="I9" s="296">
        <v>21224869</v>
      </c>
      <c r="J9" s="296">
        <v>13973935</v>
      </c>
      <c r="K9" s="299">
        <v>58510388</v>
      </c>
      <c r="L9" s="300">
        <v>58552908</v>
      </c>
      <c r="M9" s="295">
        <v>0</v>
      </c>
      <c r="N9" s="296">
        <v>0</v>
      </c>
      <c r="O9" s="297">
        <v>0</v>
      </c>
      <c r="P9" s="301"/>
      <c r="Q9" s="296">
        <v>1101135</v>
      </c>
      <c r="R9" s="296">
        <v>1778230</v>
      </c>
      <c r="S9" s="296">
        <v>10526405</v>
      </c>
      <c r="T9" s="296">
        <v>14411032</v>
      </c>
      <c r="U9" s="296">
        <v>10278160</v>
      </c>
      <c r="V9" s="299">
        <v>38094962</v>
      </c>
      <c r="W9" s="300">
        <v>38094962</v>
      </c>
      <c r="X9" s="295">
        <v>0</v>
      </c>
      <c r="Y9" s="296">
        <v>0</v>
      </c>
      <c r="Z9" s="297">
        <v>0</v>
      </c>
      <c r="AA9" s="301"/>
      <c r="AB9" s="296">
        <v>1652410</v>
      </c>
      <c r="AC9" s="296">
        <v>2597549</v>
      </c>
      <c r="AD9" s="296">
        <v>3819813</v>
      </c>
      <c r="AE9" s="296">
        <v>4470247</v>
      </c>
      <c r="AF9" s="296">
        <v>2155937</v>
      </c>
      <c r="AG9" s="299">
        <v>14695956</v>
      </c>
      <c r="AH9" s="300">
        <v>14695956</v>
      </c>
      <c r="AI9" s="295">
        <v>0</v>
      </c>
      <c r="AJ9" s="296">
        <v>0</v>
      </c>
      <c r="AK9" s="297">
        <v>0</v>
      </c>
      <c r="AL9" s="301"/>
      <c r="AM9" s="296">
        <v>2635</v>
      </c>
      <c r="AN9" s="296">
        <v>0</v>
      </c>
      <c r="AO9" s="296">
        <v>27280</v>
      </c>
      <c r="AP9" s="296">
        <v>380460</v>
      </c>
      <c r="AQ9" s="296">
        <v>445345</v>
      </c>
      <c r="AR9" s="299">
        <v>855720</v>
      </c>
      <c r="AS9" s="300">
        <v>855720</v>
      </c>
      <c r="AT9" s="295">
        <v>0</v>
      </c>
      <c r="AU9" s="296">
        <v>0</v>
      </c>
      <c r="AV9" s="297">
        <v>0</v>
      </c>
      <c r="AW9" s="301"/>
      <c r="AX9" s="296">
        <v>0</v>
      </c>
      <c r="AY9" s="296">
        <v>0</v>
      </c>
      <c r="AZ9" s="296">
        <v>32550</v>
      </c>
      <c r="BA9" s="296">
        <v>314995</v>
      </c>
      <c r="BB9" s="296">
        <v>371483</v>
      </c>
      <c r="BC9" s="299">
        <v>719028</v>
      </c>
      <c r="BD9" s="300">
        <v>719028</v>
      </c>
      <c r="BE9" s="295">
        <v>0</v>
      </c>
      <c r="BF9" s="296">
        <v>0</v>
      </c>
      <c r="BG9" s="297">
        <v>0</v>
      </c>
      <c r="BH9" s="301"/>
      <c r="BI9" s="296">
        <v>32295</v>
      </c>
      <c r="BJ9" s="296">
        <v>65410</v>
      </c>
      <c r="BK9" s="296">
        <v>252730</v>
      </c>
      <c r="BL9" s="296">
        <v>571850</v>
      </c>
      <c r="BM9" s="296">
        <v>310450</v>
      </c>
      <c r="BN9" s="299">
        <v>1232735</v>
      </c>
      <c r="BO9" s="300">
        <v>1232735</v>
      </c>
      <c r="BP9" s="295">
        <v>340</v>
      </c>
      <c r="BQ9" s="296">
        <v>38745</v>
      </c>
      <c r="BR9" s="297">
        <v>39085</v>
      </c>
      <c r="BS9" s="298">
        <v>0</v>
      </c>
      <c r="BT9" s="296">
        <v>138316</v>
      </c>
      <c r="BU9" s="296">
        <v>463882</v>
      </c>
      <c r="BV9" s="296">
        <v>736569</v>
      </c>
      <c r="BW9" s="296">
        <v>1029465</v>
      </c>
      <c r="BX9" s="296">
        <v>357735</v>
      </c>
      <c r="BY9" s="299">
        <v>2725967</v>
      </c>
      <c r="BZ9" s="300">
        <v>2765052</v>
      </c>
      <c r="CA9" s="295">
        <v>3435</v>
      </c>
      <c r="CB9" s="296">
        <v>0</v>
      </c>
      <c r="CC9" s="297">
        <v>3435</v>
      </c>
      <c r="CD9" s="298">
        <v>0</v>
      </c>
      <c r="CE9" s="296">
        <v>24100</v>
      </c>
      <c r="CF9" s="296">
        <v>28850</v>
      </c>
      <c r="CG9" s="296">
        <v>31425</v>
      </c>
      <c r="CH9" s="296">
        <v>46820</v>
      </c>
      <c r="CI9" s="296">
        <v>54825</v>
      </c>
      <c r="CJ9" s="299">
        <v>186020</v>
      </c>
      <c r="CK9" s="300">
        <v>189455</v>
      </c>
      <c r="CL9" s="295">
        <v>0</v>
      </c>
      <c r="CM9" s="296">
        <v>0</v>
      </c>
      <c r="CN9" s="297">
        <v>0</v>
      </c>
      <c r="CO9" s="298">
        <v>0</v>
      </c>
      <c r="CP9" s="296">
        <v>0</v>
      </c>
      <c r="CQ9" s="296">
        <v>0</v>
      </c>
      <c r="CR9" s="296">
        <v>0</v>
      </c>
      <c r="CS9" s="296">
        <v>0</v>
      </c>
      <c r="CT9" s="296">
        <v>0</v>
      </c>
      <c r="CU9" s="299">
        <v>0</v>
      </c>
      <c r="CV9" s="300">
        <v>0</v>
      </c>
      <c r="CW9" s="295">
        <v>0</v>
      </c>
      <c r="CX9" s="296">
        <v>0</v>
      </c>
      <c r="CY9" s="297">
        <v>0</v>
      </c>
      <c r="CZ9" s="301"/>
      <c r="DA9" s="296">
        <v>0</v>
      </c>
      <c r="DB9" s="296">
        <v>0</v>
      </c>
      <c r="DC9" s="296">
        <v>0</v>
      </c>
      <c r="DD9" s="296">
        <v>0</v>
      </c>
      <c r="DE9" s="296">
        <v>0</v>
      </c>
      <c r="DF9" s="299">
        <v>0</v>
      </c>
      <c r="DG9" s="300">
        <v>0</v>
      </c>
      <c r="DH9" s="295">
        <v>2163</v>
      </c>
      <c r="DI9" s="296">
        <v>45489</v>
      </c>
      <c r="DJ9" s="297">
        <v>47652</v>
      </c>
      <c r="DK9" s="298">
        <v>0</v>
      </c>
      <c r="DL9" s="296">
        <v>1651032</v>
      </c>
      <c r="DM9" s="296">
        <v>3454290</v>
      </c>
      <c r="DN9" s="296">
        <v>14137563</v>
      </c>
      <c r="DO9" s="296">
        <v>19383946</v>
      </c>
      <c r="DP9" s="296">
        <v>12512435</v>
      </c>
      <c r="DQ9" s="299">
        <v>51139266</v>
      </c>
      <c r="DR9" s="302">
        <v>51186918</v>
      </c>
      <c r="DS9" s="295">
        <v>0</v>
      </c>
      <c r="DT9" s="296">
        <v>0</v>
      </c>
      <c r="DU9" s="297">
        <v>0</v>
      </c>
      <c r="DV9" s="301"/>
      <c r="DW9" s="296">
        <v>943963</v>
      </c>
      <c r="DX9" s="296">
        <v>2033237</v>
      </c>
      <c r="DY9" s="296">
        <v>11608731</v>
      </c>
      <c r="DZ9" s="296">
        <v>15653175</v>
      </c>
      <c r="EA9" s="296">
        <v>10719999</v>
      </c>
      <c r="EB9" s="299">
        <v>40959105</v>
      </c>
      <c r="EC9" s="300">
        <v>40959105</v>
      </c>
      <c r="ED9" s="295">
        <v>0</v>
      </c>
      <c r="EE9" s="296">
        <v>0</v>
      </c>
      <c r="EF9" s="297">
        <v>0</v>
      </c>
      <c r="EG9" s="301"/>
      <c r="EH9" s="296">
        <v>347781</v>
      </c>
      <c r="EI9" s="296">
        <v>729797</v>
      </c>
      <c r="EJ9" s="296">
        <v>854800</v>
      </c>
      <c r="EK9" s="296">
        <v>1102241</v>
      </c>
      <c r="EL9" s="296">
        <v>600968</v>
      </c>
      <c r="EM9" s="299">
        <v>3635587</v>
      </c>
      <c r="EN9" s="300">
        <v>3635587</v>
      </c>
      <c r="EO9" s="295">
        <v>0</v>
      </c>
      <c r="EP9" s="296">
        <v>0</v>
      </c>
      <c r="EQ9" s="297">
        <v>0</v>
      </c>
      <c r="ER9" s="301"/>
      <c r="ES9" s="296">
        <v>217</v>
      </c>
      <c r="ET9" s="296">
        <v>0</v>
      </c>
      <c r="EU9" s="296">
        <v>434</v>
      </c>
      <c r="EV9" s="296">
        <v>50528</v>
      </c>
      <c r="EW9" s="296">
        <v>96345</v>
      </c>
      <c r="EX9" s="299">
        <v>147524</v>
      </c>
      <c r="EY9" s="300">
        <v>147524</v>
      </c>
      <c r="EZ9" s="295">
        <v>0</v>
      </c>
      <c r="FA9" s="296">
        <v>0</v>
      </c>
      <c r="FB9" s="297">
        <v>0</v>
      </c>
      <c r="FC9" s="301"/>
      <c r="FD9" s="296">
        <v>0</v>
      </c>
      <c r="FE9" s="296">
        <v>0</v>
      </c>
      <c r="FF9" s="296">
        <v>651</v>
      </c>
      <c r="FG9" s="296">
        <v>71095</v>
      </c>
      <c r="FH9" s="296">
        <v>56480</v>
      </c>
      <c r="FI9" s="299">
        <v>128226</v>
      </c>
      <c r="FJ9" s="300">
        <v>128226</v>
      </c>
      <c r="FK9" s="295">
        <v>0</v>
      </c>
      <c r="FL9" s="296">
        <v>0</v>
      </c>
      <c r="FM9" s="297">
        <v>0</v>
      </c>
      <c r="FN9" s="301"/>
      <c r="FO9" s="296">
        <v>84216</v>
      </c>
      <c r="FP9" s="296">
        <v>73532</v>
      </c>
      <c r="FQ9" s="296">
        <v>529198</v>
      </c>
      <c r="FR9" s="296">
        <v>1180440</v>
      </c>
      <c r="FS9" s="296">
        <v>509716</v>
      </c>
      <c r="FT9" s="299">
        <v>2377102</v>
      </c>
      <c r="FU9" s="300">
        <v>2377102</v>
      </c>
      <c r="FV9" s="295">
        <v>1053</v>
      </c>
      <c r="FW9" s="296">
        <v>45489</v>
      </c>
      <c r="FX9" s="297">
        <v>46542</v>
      </c>
      <c r="FY9" s="298">
        <v>0</v>
      </c>
      <c r="FZ9" s="296">
        <v>255287</v>
      </c>
      <c r="GA9" s="296">
        <v>606067</v>
      </c>
      <c r="GB9" s="296">
        <v>1093350</v>
      </c>
      <c r="GC9" s="296">
        <v>1283364</v>
      </c>
      <c r="GD9" s="296">
        <v>508050</v>
      </c>
      <c r="GE9" s="299">
        <v>3746118</v>
      </c>
      <c r="GF9" s="300">
        <v>3792660</v>
      </c>
      <c r="GG9" s="295">
        <v>1110</v>
      </c>
      <c r="GH9" s="296">
        <v>0</v>
      </c>
      <c r="GI9" s="297">
        <v>1110</v>
      </c>
      <c r="GJ9" s="298">
        <v>0</v>
      </c>
      <c r="GK9" s="296">
        <v>19568</v>
      </c>
      <c r="GL9" s="296">
        <v>11657</v>
      </c>
      <c r="GM9" s="296">
        <v>50399</v>
      </c>
      <c r="GN9" s="296">
        <v>43103</v>
      </c>
      <c r="GO9" s="296">
        <v>20877</v>
      </c>
      <c r="GP9" s="299">
        <v>145604</v>
      </c>
      <c r="GQ9" s="300">
        <v>146714</v>
      </c>
      <c r="GR9" s="295">
        <v>0</v>
      </c>
      <c r="GS9" s="296">
        <v>0</v>
      </c>
      <c r="GT9" s="297">
        <v>0</v>
      </c>
      <c r="GU9" s="298">
        <v>0</v>
      </c>
      <c r="GV9" s="296">
        <v>0</v>
      </c>
      <c r="GW9" s="296">
        <v>0</v>
      </c>
      <c r="GX9" s="296">
        <v>0</v>
      </c>
      <c r="GY9" s="296">
        <v>0</v>
      </c>
      <c r="GZ9" s="296">
        <v>0</v>
      </c>
      <c r="HA9" s="299">
        <v>0</v>
      </c>
      <c r="HB9" s="300">
        <v>0</v>
      </c>
      <c r="HC9" s="295">
        <v>0</v>
      </c>
      <c r="HD9" s="296">
        <v>0</v>
      </c>
      <c r="HE9" s="297">
        <v>0</v>
      </c>
      <c r="HF9" s="301"/>
      <c r="HG9" s="296">
        <v>0</v>
      </c>
      <c r="HH9" s="296">
        <v>0</v>
      </c>
      <c r="HI9" s="296">
        <v>0</v>
      </c>
      <c r="HJ9" s="296">
        <v>0</v>
      </c>
      <c r="HK9" s="296">
        <v>0</v>
      </c>
      <c r="HL9" s="299">
        <v>0</v>
      </c>
      <c r="HM9" s="300">
        <v>0</v>
      </c>
      <c r="HN9" s="295">
        <v>5938</v>
      </c>
      <c r="HO9" s="296">
        <v>84234</v>
      </c>
      <c r="HP9" s="297">
        <v>90172</v>
      </c>
      <c r="HQ9" s="298">
        <v>0</v>
      </c>
      <c r="HR9" s="296">
        <v>4601923</v>
      </c>
      <c r="HS9" s="296">
        <v>8388211</v>
      </c>
      <c r="HT9" s="296">
        <v>29564335</v>
      </c>
      <c r="HU9" s="296">
        <v>40608815</v>
      </c>
      <c r="HV9" s="296">
        <v>26486370</v>
      </c>
      <c r="HW9" s="299">
        <v>109649654</v>
      </c>
      <c r="HX9" s="300">
        <v>109739826</v>
      </c>
    </row>
    <row r="10" spans="1:232" ht="16.5" customHeight="1" x14ac:dyDescent="0.2">
      <c r="A10" s="293" t="s">
        <v>14</v>
      </c>
      <c r="B10" s="295">
        <v>0</v>
      </c>
      <c r="C10" s="296">
        <v>11795</v>
      </c>
      <c r="D10" s="297">
        <v>11795</v>
      </c>
      <c r="E10" s="298">
        <v>0</v>
      </c>
      <c r="F10" s="296">
        <v>1101468</v>
      </c>
      <c r="G10" s="296">
        <v>2281237</v>
      </c>
      <c r="H10" s="296">
        <v>8809533</v>
      </c>
      <c r="I10" s="296">
        <v>13274568</v>
      </c>
      <c r="J10" s="296">
        <v>7256074</v>
      </c>
      <c r="K10" s="299">
        <v>32722880</v>
      </c>
      <c r="L10" s="300">
        <v>32734675</v>
      </c>
      <c r="M10" s="295">
        <v>0</v>
      </c>
      <c r="N10" s="296">
        <v>0</v>
      </c>
      <c r="O10" s="297">
        <v>0</v>
      </c>
      <c r="P10" s="301"/>
      <c r="Q10" s="296">
        <v>174530</v>
      </c>
      <c r="R10" s="296">
        <v>492271</v>
      </c>
      <c r="S10" s="296">
        <v>6187617</v>
      </c>
      <c r="T10" s="296">
        <v>9385313</v>
      </c>
      <c r="U10" s="296">
        <v>5401990</v>
      </c>
      <c r="V10" s="299">
        <v>21641721</v>
      </c>
      <c r="W10" s="300">
        <v>21641721</v>
      </c>
      <c r="X10" s="295">
        <v>0</v>
      </c>
      <c r="Y10" s="296">
        <v>0</v>
      </c>
      <c r="Z10" s="297">
        <v>0</v>
      </c>
      <c r="AA10" s="301"/>
      <c r="AB10" s="296">
        <v>805864</v>
      </c>
      <c r="AC10" s="296">
        <v>1500475</v>
      </c>
      <c r="AD10" s="296">
        <v>1774510</v>
      </c>
      <c r="AE10" s="296">
        <v>2175460</v>
      </c>
      <c r="AF10" s="296">
        <v>1010637</v>
      </c>
      <c r="AG10" s="299">
        <v>7266946</v>
      </c>
      <c r="AH10" s="300">
        <v>7266946</v>
      </c>
      <c r="AI10" s="295">
        <v>0</v>
      </c>
      <c r="AJ10" s="296">
        <v>0</v>
      </c>
      <c r="AK10" s="297">
        <v>0</v>
      </c>
      <c r="AL10" s="301"/>
      <c r="AM10" s="296">
        <v>0</v>
      </c>
      <c r="AN10" s="296">
        <v>0</v>
      </c>
      <c r="AO10" s="296">
        <v>1955</v>
      </c>
      <c r="AP10" s="296">
        <v>242995</v>
      </c>
      <c r="AQ10" s="296">
        <v>161395</v>
      </c>
      <c r="AR10" s="299">
        <v>406345</v>
      </c>
      <c r="AS10" s="300">
        <v>406345</v>
      </c>
      <c r="AT10" s="295">
        <v>0</v>
      </c>
      <c r="AU10" s="296">
        <v>0</v>
      </c>
      <c r="AV10" s="297">
        <v>0</v>
      </c>
      <c r="AW10" s="301"/>
      <c r="AX10" s="296">
        <v>0</v>
      </c>
      <c r="AY10" s="296">
        <v>0</v>
      </c>
      <c r="AZ10" s="296">
        <v>38410</v>
      </c>
      <c r="BA10" s="296">
        <v>539420</v>
      </c>
      <c r="BB10" s="296">
        <v>392760</v>
      </c>
      <c r="BC10" s="299">
        <v>970590</v>
      </c>
      <c r="BD10" s="300">
        <v>970590</v>
      </c>
      <c r="BE10" s="295">
        <v>0</v>
      </c>
      <c r="BF10" s="296">
        <v>0</v>
      </c>
      <c r="BG10" s="297">
        <v>0</v>
      </c>
      <c r="BH10" s="301"/>
      <c r="BI10" s="296">
        <v>0</v>
      </c>
      <c r="BJ10" s="296">
        <v>24645</v>
      </c>
      <c r="BK10" s="296">
        <v>75795</v>
      </c>
      <c r="BL10" s="296">
        <v>110980</v>
      </c>
      <c r="BM10" s="296">
        <v>32705</v>
      </c>
      <c r="BN10" s="299">
        <v>244125</v>
      </c>
      <c r="BO10" s="300">
        <v>244125</v>
      </c>
      <c r="BP10" s="295">
        <v>0</v>
      </c>
      <c r="BQ10" s="296">
        <v>11795</v>
      </c>
      <c r="BR10" s="297">
        <v>11795</v>
      </c>
      <c r="BS10" s="298">
        <v>0</v>
      </c>
      <c r="BT10" s="296">
        <v>121074</v>
      </c>
      <c r="BU10" s="296">
        <v>251712</v>
      </c>
      <c r="BV10" s="296">
        <v>722931</v>
      </c>
      <c r="BW10" s="296">
        <v>812494</v>
      </c>
      <c r="BX10" s="296">
        <v>255516</v>
      </c>
      <c r="BY10" s="299">
        <v>2163727</v>
      </c>
      <c r="BZ10" s="300">
        <v>2175522</v>
      </c>
      <c r="CA10" s="295">
        <v>0</v>
      </c>
      <c r="CB10" s="296">
        <v>0</v>
      </c>
      <c r="CC10" s="297">
        <v>0</v>
      </c>
      <c r="CD10" s="298">
        <v>0</v>
      </c>
      <c r="CE10" s="296">
        <v>0</v>
      </c>
      <c r="CF10" s="296">
        <v>12134</v>
      </c>
      <c r="CG10" s="296">
        <v>8315</v>
      </c>
      <c r="CH10" s="296">
        <v>7906</v>
      </c>
      <c r="CI10" s="296">
        <v>1071</v>
      </c>
      <c r="CJ10" s="299">
        <v>29426</v>
      </c>
      <c r="CK10" s="300">
        <v>29426</v>
      </c>
      <c r="CL10" s="295">
        <v>0</v>
      </c>
      <c r="CM10" s="296">
        <v>0</v>
      </c>
      <c r="CN10" s="297">
        <v>0</v>
      </c>
      <c r="CO10" s="298">
        <v>0</v>
      </c>
      <c r="CP10" s="296">
        <v>0</v>
      </c>
      <c r="CQ10" s="296">
        <v>0</v>
      </c>
      <c r="CR10" s="296">
        <v>0</v>
      </c>
      <c r="CS10" s="296">
        <v>0</v>
      </c>
      <c r="CT10" s="296">
        <v>0</v>
      </c>
      <c r="CU10" s="299">
        <v>0</v>
      </c>
      <c r="CV10" s="300">
        <v>0</v>
      </c>
      <c r="CW10" s="295">
        <v>0</v>
      </c>
      <c r="CX10" s="296">
        <v>0</v>
      </c>
      <c r="CY10" s="297">
        <v>0</v>
      </c>
      <c r="CZ10" s="301"/>
      <c r="DA10" s="296">
        <v>0</v>
      </c>
      <c r="DB10" s="296">
        <v>0</v>
      </c>
      <c r="DC10" s="296">
        <v>0</v>
      </c>
      <c r="DD10" s="296">
        <v>0</v>
      </c>
      <c r="DE10" s="296">
        <v>0</v>
      </c>
      <c r="DF10" s="299">
        <v>0</v>
      </c>
      <c r="DG10" s="300">
        <v>0</v>
      </c>
      <c r="DH10" s="295">
        <v>0</v>
      </c>
      <c r="DI10" s="296">
        <v>11167</v>
      </c>
      <c r="DJ10" s="297">
        <v>11167</v>
      </c>
      <c r="DK10" s="298">
        <v>0</v>
      </c>
      <c r="DL10" s="296">
        <v>425273</v>
      </c>
      <c r="DM10" s="296">
        <v>1485788</v>
      </c>
      <c r="DN10" s="296">
        <v>10024401</v>
      </c>
      <c r="DO10" s="296">
        <v>14000679</v>
      </c>
      <c r="DP10" s="296">
        <v>7433933</v>
      </c>
      <c r="DQ10" s="299">
        <v>33370074</v>
      </c>
      <c r="DR10" s="302">
        <v>33381241</v>
      </c>
      <c r="DS10" s="295">
        <v>0</v>
      </c>
      <c r="DT10" s="296">
        <v>0</v>
      </c>
      <c r="DU10" s="297">
        <v>0</v>
      </c>
      <c r="DV10" s="301"/>
      <c r="DW10" s="296">
        <v>228904</v>
      </c>
      <c r="DX10" s="296">
        <v>780239</v>
      </c>
      <c r="DY10" s="296">
        <v>8538097</v>
      </c>
      <c r="DZ10" s="296">
        <v>12113939</v>
      </c>
      <c r="EA10" s="296">
        <v>6788046</v>
      </c>
      <c r="EB10" s="299">
        <v>28449225</v>
      </c>
      <c r="EC10" s="300">
        <v>28449225</v>
      </c>
      <c r="ED10" s="295">
        <v>0</v>
      </c>
      <c r="EE10" s="296">
        <v>0</v>
      </c>
      <c r="EF10" s="297">
        <v>0</v>
      </c>
      <c r="EG10" s="301"/>
      <c r="EH10" s="296">
        <v>67644</v>
      </c>
      <c r="EI10" s="296">
        <v>277821</v>
      </c>
      <c r="EJ10" s="296">
        <v>182855</v>
      </c>
      <c r="EK10" s="296">
        <v>370517</v>
      </c>
      <c r="EL10" s="296">
        <v>65911</v>
      </c>
      <c r="EM10" s="299">
        <v>964748</v>
      </c>
      <c r="EN10" s="300">
        <v>964748</v>
      </c>
      <c r="EO10" s="295">
        <v>0</v>
      </c>
      <c r="EP10" s="296">
        <v>0</v>
      </c>
      <c r="EQ10" s="297">
        <v>0</v>
      </c>
      <c r="ER10" s="301"/>
      <c r="ES10" s="296">
        <v>0</v>
      </c>
      <c r="ET10" s="296">
        <v>0</v>
      </c>
      <c r="EU10" s="296">
        <v>217</v>
      </c>
      <c r="EV10" s="296">
        <v>34844</v>
      </c>
      <c r="EW10" s="296">
        <v>32254</v>
      </c>
      <c r="EX10" s="299">
        <v>67315</v>
      </c>
      <c r="EY10" s="300">
        <v>67315</v>
      </c>
      <c r="EZ10" s="295">
        <v>0</v>
      </c>
      <c r="FA10" s="296">
        <v>0</v>
      </c>
      <c r="FB10" s="297">
        <v>0</v>
      </c>
      <c r="FC10" s="301"/>
      <c r="FD10" s="296">
        <v>0</v>
      </c>
      <c r="FE10" s="296">
        <v>0</v>
      </c>
      <c r="FF10" s="296">
        <v>532</v>
      </c>
      <c r="FG10" s="296">
        <v>97955</v>
      </c>
      <c r="FH10" s="296">
        <v>85764</v>
      </c>
      <c r="FI10" s="299">
        <v>184251</v>
      </c>
      <c r="FJ10" s="300">
        <v>184251</v>
      </c>
      <c r="FK10" s="295">
        <v>0</v>
      </c>
      <c r="FL10" s="296">
        <v>0</v>
      </c>
      <c r="FM10" s="297">
        <v>0</v>
      </c>
      <c r="FN10" s="301"/>
      <c r="FO10" s="296">
        <v>0</v>
      </c>
      <c r="FP10" s="296">
        <v>21576</v>
      </c>
      <c r="FQ10" s="296">
        <v>202833</v>
      </c>
      <c r="FR10" s="296">
        <v>304172</v>
      </c>
      <c r="FS10" s="296">
        <v>36766</v>
      </c>
      <c r="FT10" s="299">
        <v>565347</v>
      </c>
      <c r="FU10" s="300">
        <v>565347</v>
      </c>
      <c r="FV10" s="295">
        <v>0</v>
      </c>
      <c r="FW10" s="296">
        <v>11167</v>
      </c>
      <c r="FX10" s="297">
        <v>11167</v>
      </c>
      <c r="FY10" s="298">
        <v>0</v>
      </c>
      <c r="FZ10" s="296">
        <v>128725</v>
      </c>
      <c r="GA10" s="296">
        <v>402333</v>
      </c>
      <c r="GB10" s="296">
        <v>1087787</v>
      </c>
      <c r="GC10" s="296">
        <v>1077603</v>
      </c>
      <c r="GD10" s="296">
        <v>425115</v>
      </c>
      <c r="GE10" s="299">
        <v>3121563</v>
      </c>
      <c r="GF10" s="300">
        <v>3132730</v>
      </c>
      <c r="GG10" s="295">
        <v>0</v>
      </c>
      <c r="GH10" s="296">
        <v>0</v>
      </c>
      <c r="GI10" s="297">
        <v>0</v>
      </c>
      <c r="GJ10" s="298">
        <v>0</v>
      </c>
      <c r="GK10" s="296">
        <v>0</v>
      </c>
      <c r="GL10" s="296">
        <v>3819</v>
      </c>
      <c r="GM10" s="296">
        <v>12080</v>
      </c>
      <c r="GN10" s="296">
        <v>1649</v>
      </c>
      <c r="GO10" s="296">
        <v>77</v>
      </c>
      <c r="GP10" s="299">
        <v>17625</v>
      </c>
      <c r="GQ10" s="300">
        <v>17625</v>
      </c>
      <c r="GR10" s="295">
        <v>0</v>
      </c>
      <c r="GS10" s="296">
        <v>0</v>
      </c>
      <c r="GT10" s="297">
        <v>0</v>
      </c>
      <c r="GU10" s="298">
        <v>0</v>
      </c>
      <c r="GV10" s="296">
        <v>0</v>
      </c>
      <c r="GW10" s="296">
        <v>0</v>
      </c>
      <c r="GX10" s="296">
        <v>0</v>
      </c>
      <c r="GY10" s="296">
        <v>0</v>
      </c>
      <c r="GZ10" s="296">
        <v>0</v>
      </c>
      <c r="HA10" s="299">
        <v>0</v>
      </c>
      <c r="HB10" s="300">
        <v>0</v>
      </c>
      <c r="HC10" s="295">
        <v>0</v>
      </c>
      <c r="HD10" s="296">
        <v>0</v>
      </c>
      <c r="HE10" s="297">
        <v>0</v>
      </c>
      <c r="HF10" s="301"/>
      <c r="HG10" s="296">
        <v>0</v>
      </c>
      <c r="HH10" s="296">
        <v>0</v>
      </c>
      <c r="HI10" s="296">
        <v>0</v>
      </c>
      <c r="HJ10" s="296">
        <v>0</v>
      </c>
      <c r="HK10" s="296">
        <v>0</v>
      </c>
      <c r="HL10" s="299">
        <v>0</v>
      </c>
      <c r="HM10" s="300">
        <v>0</v>
      </c>
      <c r="HN10" s="295">
        <v>0</v>
      </c>
      <c r="HO10" s="296">
        <v>22962</v>
      </c>
      <c r="HP10" s="297">
        <v>22962</v>
      </c>
      <c r="HQ10" s="298">
        <v>0</v>
      </c>
      <c r="HR10" s="296">
        <v>1526741</v>
      </c>
      <c r="HS10" s="296">
        <v>3767025</v>
      </c>
      <c r="HT10" s="296">
        <v>18833934</v>
      </c>
      <c r="HU10" s="296">
        <v>27275247</v>
      </c>
      <c r="HV10" s="296">
        <v>14690007</v>
      </c>
      <c r="HW10" s="299">
        <v>66092954</v>
      </c>
      <c r="HX10" s="300">
        <v>66115916</v>
      </c>
    </row>
    <row r="11" spans="1:232" ht="16.5" customHeight="1" x14ac:dyDescent="0.2">
      <c r="A11" s="293" t="s">
        <v>7</v>
      </c>
      <c r="B11" s="295">
        <v>0</v>
      </c>
      <c r="C11" s="296">
        <v>725</v>
      </c>
      <c r="D11" s="297">
        <v>725</v>
      </c>
      <c r="E11" s="298">
        <v>0</v>
      </c>
      <c r="F11" s="296">
        <v>1780400</v>
      </c>
      <c r="G11" s="296">
        <v>2166932</v>
      </c>
      <c r="H11" s="296">
        <v>6698348</v>
      </c>
      <c r="I11" s="296">
        <v>9401538</v>
      </c>
      <c r="J11" s="296">
        <v>5038998</v>
      </c>
      <c r="K11" s="299">
        <v>25086216</v>
      </c>
      <c r="L11" s="300">
        <v>25086941</v>
      </c>
      <c r="M11" s="295">
        <v>0</v>
      </c>
      <c r="N11" s="296">
        <v>0</v>
      </c>
      <c r="O11" s="297">
        <v>0</v>
      </c>
      <c r="P11" s="301"/>
      <c r="Q11" s="296">
        <v>234670</v>
      </c>
      <c r="R11" s="296">
        <v>477040</v>
      </c>
      <c r="S11" s="296">
        <v>4615670</v>
      </c>
      <c r="T11" s="296">
        <v>7383377</v>
      </c>
      <c r="U11" s="296">
        <v>4286037</v>
      </c>
      <c r="V11" s="299">
        <v>16996794</v>
      </c>
      <c r="W11" s="300">
        <v>16996794</v>
      </c>
      <c r="X11" s="295">
        <v>0</v>
      </c>
      <c r="Y11" s="296">
        <v>0</v>
      </c>
      <c r="Z11" s="297">
        <v>0</v>
      </c>
      <c r="AA11" s="301"/>
      <c r="AB11" s="296">
        <v>1394280</v>
      </c>
      <c r="AC11" s="296">
        <v>1380429</v>
      </c>
      <c r="AD11" s="296">
        <v>1710087</v>
      </c>
      <c r="AE11" s="296">
        <v>1622691</v>
      </c>
      <c r="AF11" s="296">
        <v>550850</v>
      </c>
      <c r="AG11" s="299">
        <v>6658337</v>
      </c>
      <c r="AH11" s="300">
        <v>6658337</v>
      </c>
      <c r="AI11" s="295">
        <v>0</v>
      </c>
      <c r="AJ11" s="296">
        <v>0</v>
      </c>
      <c r="AK11" s="297">
        <v>0</v>
      </c>
      <c r="AL11" s="301"/>
      <c r="AM11" s="296">
        <v>0</v>
      </c>
      <c r="AN11" s="296">
        <v>0</v>
      </c>
      <c r="AO11" s="296">
        <v>0</v>
      </c>
      <c r="AP11" s="296">
        <v>65410</v>
      </c>
      <c r="AQ11" s="296">
        <v>6262</v>
      </c>
      <c r="AR11" s="299">
        <v>71672</v>
      </c>
      <c r="AS11" s="300">
        <v>71672</v>
      </c>
      <c r="AT11" s="295">
        <v>0</v>
      </c>
      <c r="AU11" s="296">
        <v>0</v>
      </c>
      <c r="AV11" s="297">
        <v>0</v>
      </c>
      <c r="AW11" s="301"/>
      <c r="AX11" s="296">
        <v>0</v>
      </c>
      <c r="AY11" s="296">
        <v>0</v>
      </c>
      <c r="AZ11" s="296">
        <v>2380</v>
      </c>
      <c r="BA11" s="296">
        <v>0</v>
      </c>
      <c r="BB11" s="296">
        <v>21465</v>
      </c>
      <c r="BC11" s="299">
        <v>23845</v>
      </c>
      <c r="BD11" s="300">
        <v>23845</v>
      </c>
      <c r="BE11" s="295">
        <v>0</v>
      </c>
      <c r="BF11" s="296">
        <v>0</v>
      </c>
      <c r="BG11" s="297">
        <v>0</v>
      </c>
      <c r="BH11" s="301"/>
      <c r="BI11" s="296">
        <v>0</v>
      </c>
      <c r="BJ11" s="296">
        <v>0</v>
      </c>
      <c r="BK11" s="296">
        <v>0</v>
      </c>
      <c r="BL11" s="296">
        <v>0</v>
      </c>
      <c r="BM11" s="296">
        <v>0</v>
      </c>
      <c r="BN11" s="299">
        <v>0</v>
      </c>
      <c r="BO11" s="300">
        <v>0</v>
      </c>
      <c r="BP11" s="295">
        <v>0</v>
      </c>
      <c r="BQ11" s="296">
        <v>725</v>
      </c>
      <c r="BR11" s="297">
        <v>725</v>
      </c>
      <c r="BS11" s="298">
        <v>0</v>
      </c>
      <c r="BT11" s="296">
        <v>151450</v>
      </c>
      <c r="BU11" s="296">
        <v>297083</v>
      </c>
      <c r="BV11" s="296">
        <v>350365</v>
      </c>
      <c r="BW11" s="296">
        <v>328175</v>
      </c>
      <c r="BX11" s="296">
        <v>168328</v>
      </c>
      <c r="BY11" s="299">
        <v>1295401</v>
      </c>
      <c r="BZ11" s="300">
        <v>1296126</v>
      </c>
      <c r="CA11" s="295">
        <v>0</v>
      </c>
      <c r="CB11" s="296">
        <v>0</v>
      </c>
      <c r="CC11" s="297">
        <v>0</v>
      </c>
      <c r="CD11" s="298">
        <v>0</v>
      </c>
      <c r="CE11" s="296">
        <v>0</v>
      </c>
      <c r="CF11" s="296">
        <v>12380</v>
      </c>
      <c r="CG11" s="296">
        <v>19846</v>
      </c>
      <c r="CH11" s="296">
        <v>1885</v>
      </c>
      <c r="CI11" s="296">
        <v>6056</v>
      </c>
      <c r="CJ11" s="299">
        <v>40167</v>
      </c>
      <c r="CK11" s="300">
        <v>40167</v>
      </c>
      <c r="CL11" s="295">
        <v>0</v>
      </c>
      <c r="CM11" s="296">
        <v>0</v>
      </c>
      <c r="CN11" s="297">
        <v>0</v>
      </c>
      <c r="CO11" s="298">
        <v>0</v>
      </c>
      <c r="CP11" s="296">
        <v>0</v>
      </c>
      <c r="CQ11" s="296">
        <v>0</v>
      </c>
      <c r="CR11" s="296">
        <v>0</v>
      </c>
      <c r="CS11" s="296">
        <v>0</v>
      </c>
      <c r="CT11" s="296">
        <v>0</v>
      </c>
      <c r="CU11" s="299">
        <v>0</v>
      </c>
      <c r="CV11" s="300">
        <v>0</v>
      </c>
      <c r="CW11" s="295">
        <v>0</v>
      </c>
      <c r="CX11" s="296">
        <v>0</v>
      </c>
      <c r="CY11" s="297">
        <v>0</v>
      </c>
      <c r="CZ11" s="301"/>
      <c r="DA11" s="296">
        <v>0</v>
      </c>
      <c r="DB11" s="296">
        <v>0</v>
      </c>
      <c r="DC11" s="296">
        <v>0</v>
      </c>
      <c r="DD11" s="296">
        <v>0</v>
      </c>
      <c r="DE11" s="296">
        <v>0</v>
      </c>
      <c r="DF11" s="299">
        <v>0</v>
      </c>
      <c r="DG11" s="300">
        <v>0</v>
      </c>
      <c r="DH11" s="295">
        <v>0</v>
      </c>
      <c r="DI11" s="296">
        <v>4872</v>
      </c>
      <c r="DJ11" s="297">
        <v>4872</v>
      </c>
      <c r="DK11" s="298">
        <v>0</v>
      </c>
      <c r="DL11" s="296">
        <v>706044</v>
      </c>
      <c r="DM11" s="296">
        <v>1298286</v>
      </c>
      <c r="DN11" s="296">
        <v>6821010</v>
      </c>
      <c r="DO11" s="296">
        <v>9532280</v>
      </c>
      <c r="DP11" s="296">
        <v>5155571</v>
      </c>
      <c r="DQ11" s="299">
        <v>23513191</v>
      </c>
      <c r="DR11" s="302">
        <v>23518063</v>
      </c>
      <c r="DS11" s="295">
        <v>0</v>
      </c>
      <c r="DT11" s="296">
        <v>0</v>
      </c>
      <c r="DU11" s="297">
        <v>0</v>
      </c>
      <c r="DV11" s="301"/>
      <c r="DW11" s="296">
        <v>256587</v>
      </c>
      <c r="DX11" s="296">
        <v>589559</v>
      </c>
      <c r="DY11" s="296">
        <v>5957629</v>
      </c>
      <c r="DZ11" s="296">
        <v>8896404</v>
      </c>
      <c r="EA11" s="296">
        <v>4795084</v>
      </c>
      <c r="EB11" s="299">
        <v>20495263</v>
      </c>
      <c r="EC11" s="300">
        <v>20495263</v>
      </c>
      <c r="ED11" s="295">
        <v>0</v>
      </c>
      <c r="EE11" s="296">
        <v>0</v>
      </c>
      <c r="EF11" s="297">
        <v>0</v>
      </c>
      <c r="EG11" s="301"/>
      <c r="EH11" s="296">
        <v>221074</v>
      </c>
      <c r="EI11" s="296">
        <v>244108</v>
      </c>
      <c r="EJ11" s="296">
        <v>279969</v>
      </c>
      <c r="EK11" s="296">
        <v>200212</v>
      </c>
      <c r="EL11" s="296">
        <v>122133</v>
      </c>
      <c r="EM11" s="299">
        <v>1067496</v>
      </c>
      <c r="EN11" s="300">
        <v>1067496</v>
      </c>
      <c r="EO11" s="295">
        <v>0</v>
      </c>
      <c r="EP11" s="296">
        <v>0</v>
      </c>
      <c r="EQ11" s="297">
        <v>0</v>
      </c>
      <c r="ER11" s="301"/>
      <c r="ES11" s="296">
        <v>0</v>
      </c>
      <c r="ET11" s="296">
        <v>0</v>
      </c>
      <c r="EU11" s="296">
        <v>0</v>
      </c>
      <c r="EV11" s="296">
        <v>434</v>
      </c>
      <c r="EW11" s="296">
        <v>651</v>
      </c>
      <c r="EX11" s="299">
        <v>1085</v>
      </c>
      <c r="EY11" s="300">
        <v>1085</v>
      </c>
      <c r="EZ11" s="295">
        <v>0</v>
      </c>
      <c r="FA11" s="296">
        <v>0</v>
      </c>
      <c r="FB11" s="297">
        <v>0</v>
      </c>
      <c r="FC11" s="301"/>
      <c r="FD11" s="296">
        <v>0</v>
      </c>
      <c r="FE11" s="296">
        <v>0</v>
      </c>
      <c r="FF11" s="296">
        <v>196</v>
      </c>
      <c r="FG11" s="296">
        <v>0</v>
      </c>
      <c r="FH11" s="296">
        <v>217</v>
      </c>
      <c r="FI11" s="299">
        <v>413</v>
      </c>
      <c r="FJ11" s="300">
        <v>413</v>
      </c>
      <c r="FK11" s="295">
        <v>0</v>
      </c>
      <c r="FL11" s="296">
        <v>0</v>
      </c>
      <c r="FM11" s="297">
        <v>0</v>
      </c>
      <c r="FN11" s="301"/>
      <c r="FO11" s="296">
        <v>0</v>
      </c>
      <c r="FP11" s="296">
        <v>0</v>
      </c>
      <c r="FQ11" s="296">
        <v>0</v>
      </c>
      <c r="FR11" s="296">
        <v>0</v>
      </c>
      <c r="FS11" s="296">
        <v>0</v>
      </c>
      <c r="FT11" s="299">
        <v>0</v>
      </c>
      <c r="FU11" s="300">
        <v>0</v>
      </c>
      <c r="FV11" s="295">
        <v>0</v>
      </c>
      <c r="FW11" s="296">
        <v>4872</v>
      </c>
      <c r="FX11" s="297">
        <v>4872</v>
      </c>
      <c r="FY11" s="298">
        <v>0</v>
      </c>
      <c r="FZ11" s="296">
        <v>228383</v>
      </c>
      <c r="GA11" s="296">
        <v>455104</v>
      </c>
      <c r="GB11" s="296">
        <v>578008</v>
      </c>
      <c r="GC11" s="296">
        <v>435132</v>
      </c>
      <c r="GD11" s="296">
        <v>232278</v>
      </c>
      <c r="GE11" s="299">
        <v>1928905</v>
      </c>
      <c r="GF11" s="300">
        <v>1933777</v>
      </c>
      <c r="GG11" s="295">
        <v>0</v>
      </c>
      <c r="GH11" s="296">
        <v>0</v>
      </c>
      <c r="GI11" s="297">
        <v>0</v>
      </c>
      <c r="GJ11" s="298">
        <v>0</v>
      </c>
      <c r="GK11" s="296">
        <v>0</v>
      </c>
      <c r="GL11" s="296">
        <v>9515</v>
      </c>
      <c r="GM11" s="296">
        <v>5208</v>
      </c>
      <c r="GN11" s="296">
        <v>98</v>
      </c>
      <c r="GO11" s="296">
        <v>5208</v>
      </c>
      <c r="GP11" s="299">
        <v>20029</v>
      </c>
      <c r="GQ11" s="300">
        <v>20029</v>
      </c>
      <c r="GR11" s="295">
        <v>0</v>
      </c>
      <c r="GS11" s="296">
        <v>0</v>
      </c>
      <c r="GT11" s="297">
        <v>0</v>
      </c>
      <c r="GU11" s="298">
        <v>0</v>
      </c>
      <c r="GV11" s="296">
        <v>0</v>
      </c>
      <c r="GW11" s="296">
        <v>0</v>
      </c>
      <c r="GX11" s="296">
        <v>0</v>
      </c>
      <c r="GY11" s="296">
        <v>0</v>
      </c>
      <c r="GZ11" s="296">
        <v>0</v>
      </c>
      <c r="HA11" s="299">
        <v>0</v>
      </c>
      <c r="HB11" s="300">
        <v>0</v>
      </c>
      <c r="HC11" s="295">
        <v>0</v>
      </c>
      <c r="HD11" s="296">
        <v>0</v>
      </c>
      <c r="HE11" s="297">
        <v>0</v>
      </c>
      <c r="HF11" s="301"/>
      <c r="HG11" s="296">
        <v>0</v>
      </c>
      <c r="HH11" s="296">
        <v>0</v>
      </c>
      <c r="HI11" s="296">
        <v>0</v>
      </c>
      <c r="HJ11" s="296">
        <v>0</v>
      </c>
      <c r="HK11" s="296">
        <v>0</v>
      </c>
      <c r="HL11" s="299">
        <v>0</v>
      </c>
      <c r="HM11" s="300">
        <v>0</v>
      </c>
      <c r="HN11" s="295">
        <v>0</v>
      </c>
      <c r="HO11" s="296">
        <v>5597</v>
      </c>
      <c r="HP11" s="297">
        <v>5597</v>
      </c>
      <c r="HQ11" s="298">
        <v>0</v>
      </c>
      <c r="HR11" s="296">
        <v>2486444</v>
      </c>
      <c r="HS11" s="296">
        <v>3465218</v>
      </c>
      <c r="HT11" s="296">
        <v>13519358</v>
      </c>
      <c r="HU11" s="296">
        <v>18933818</v>
      </c>
      <c r="HV11" s="296">
        <v>10194569</v>
      </c>
      <c r="HW11" s="299">
        <v>48599407</v>
      </c>
      <c r="HX11" s="300">
        <v>48605004</v>
      </c>
    </row>
    <row r="12" spans="1:232" ht="16.5" customHeight="1" x14ac:dyDescent="0.2">
      <c r="A12" s="293" t="s">
        <v>8</v>
      </c>
      <c r="B12" s="295">
        <v>0</v>
      </c>
      <c r="C12" s="296">
        <v>6047</v>
      </c>
      <c r="D12" s="297">
        <v>6047</v>
      </c>
      <c r="E12" s="298">
        <v>0</v>
      </c>
      <c r="F12" s="296">
        <v>740780</v>
      </c>
      <c r="G12" s="296">
        <v>1457008</v>
      </c>
      <c r="H12" s="296">
        <v>5409757</v>
      </c>
      <c r="I12" s="296">
        <v>4319904</v>
      </c>
      <c r="J12" s="296">
        <v>2662556</v>
      </c>
      <c r="K12" s="299">
        <v>14590005</v>
      </c>
      <c r="L12" s="300">
        <v>14596052</v>
      </c>
      <c r="M12" s="295">
        <v>0</v>
      </c>
      <c r="N12" s="296">
        <v>0</v>
      </c>
      <c r="O12" s="297">
        <v>0</v>
      </c>
      <c r="P12" s="301"/>
      <c r="Q12" s="296">
        <v>293725</v>
      </c>
      <c r="R12" s="296">
        <v>378335</v>
      </c>
      <c r="S12" s="296">
        <v>3788767</v>
      </c>
      <c r="T12" s="296">
        <v>3146370</v>
      </c>
      <c r="U12" s="296">
        <v>1972338</v>
      </c>
      <c r="V12" s="299">
        <v>9579535</v>
      </c>
      <c r="W12" s="300">
        <v>9579535</v>
      </c>
      <c r="X12" s="295">
        <v>0</v>
      </c>
      <c r="Y12" s="296">
        <v>0</v>
      </c>
      <c r="Z12" s="297">
        <v>0</v>
      </c>
      <c r="AA12" s="301"/>
      <c r="AB12" s="296">
        <v>371345</v>
      </c>
      <c r="AC12" s="296">
        <v>825560</v>
      </c>
      <c r="AD12" s="296">
        <v>1183980</v>
      </c>
      <c r="AE12" s="296">
        <v>781387</v>
      </c>
      <c r="AF12" s="296">
        <v>383257</v>
      </c>
      <c r="AG12" s="299">
        <v>3545529</v>
      </c>
      <c r="AH12" s="300">
        <v>3545529</v>
      </c>
      <c r="AI12" s="295">
        <v>0</v>
      </c>
      <c r="AJ12" s="296">
        <v>0</v>
      </c>
      <c r="AK12" s="297">
        <v>0</v>
      </c>
      <c r="AL12" s="301"/>
      <c r="AM12" s="296">
        <v>0</v>
      </c>
      <c r="AN12" s="296">
        <v>0</v>
      </c>
      <c r="AO12" s="296">
        <v>0</v>
      </c>
      <c r="AP12" s="296">
        <v>24645</v>
      </c>
      <c r="AQ12" s="296">
        <v>57350</v>
      </c>
      <c r="AR12" s="299">
        <v>81995</v>
      </c>
      <c r="AS12" s="300">
        <v>81995</v>
      </c>
      <c r="AT12" s="295">
        <v>0</v>
      </c>
      <c r="AU12" s="296">
        <v>0</v>
      </c>
      <c r="AV12" s="297">
        <v>0</v>
      </c>
      <c r="AW12" s="301"/>
      <c r="AX12" s="296">
        <v>35495</v>
      </c>
      <c r="AY12" s="296">
        <v>0</v>
      </c>
      <c r="AZ12" s="296">
        <v>2290</v>
      </c>
      <c r="BA12" s="296">
        <v>4590</v>
      </c>
      <c r="BB12" s="296">
        <v>38130</v>
      </c>
      <c r="BC12" s="299">
        <v>80505</v>
      </c>
      <c r="BD12" s="300">
        <v>80505</v>
      </c>
      <c r="BE12" s="295">
        <v>0</v>
      </c>
      <c r="BF12" s="296">
        <v>0</v>
      </c>
      <c r="BG12" s="297">
        <v>0</v>
      </c>
      <c r="BH12" s="301"/>
      <c r="BI12" s="296">
        <v>0</v>
      </c>
      <c r="BJ12" s="296">
        <v>37975</v>
      </c>
      <c r="BK12" s="296">
        <v>42495</v>
      </c>
      <c r="BL12" s="296">
        <v>137550</v>
      </c>
      <c r="BM12" s="296">
        <v>124830</v>
      </c>
      <c r="BN12" s="299">
        <v>342850</v>
      </c>
      <c r="BO12" s="300">
        <v>342850</v>
      </c>
      <c r="BP12" s="295">
        <v>0</v>
      </c>
      <c r="BQ12" s="296">
        <v>6047</v>
      </c>
      <c r="BR12" s="297">
        <v>6047</v>
      </c>
      <c r="BS12" s="298">
        <v>0</v>
      </c>
      <c r="BT12" s="296">
        <v>39925</v>
      </c>
      <c r="BU12" s="296">
        <v>210563</v>
      </c>
      <c r="BV12" s="296">
        <v>391535</v>
      </c>
      <c r="BW12" s="296">
        <v>225362</v>
      </c>
      <c r="BX12" s="296">
        <v>86651</v>
      </c>
      <c r="BY12" s="299">
        <v>954036</v>
      </c>
      <c r="BZ12" s="300">
        <v>960083</v>
      </c>
      <c r="CA12" s="295">
        <v>0</v>
      </c>
      <c r="CB12" s="296">
        <v>0</v>
      </c>
      <c r="CC12" s="297">
        <v>0</v>
      </c>
      <c r="CD12" s="298">
        <v>0</v>
      </c>
      <c r="CE12" s="296">
        <v>290</v>
      </c>
      <c r="CF12" s="296">
        <v>4575</v>
      </c>
      <c r="CG12" s="296">
        <v>690</v>
      </c>
      <c r="CH12" s="296">
        <v>0</v>
      </c>
      <c r="CI12" s="296">
        <v>0</v>
      </c>
      <c r="CJ12" s="299">
        <v>5555</v>
      </c>
      <c r="CK12" s="300">
        <v>5555</v>
      </c>
      <c r="CL12" s="295">
        <v>0</v>
      </c>
      <c r="CM12" s="296">
        <v>0</v>
      </c>
      <c r="CN12" s="297">
        <v>0</v>
      </c>
      <c r="CO12" s="298">
        <v>0</v>
      </c>
      <c r="CP12" s="296">
        <v>0</v>
      </c>
      <c r="CQ12" s="296">
        <v>0</v>
      </c>
      <c r="CR12" s="296">
        <v>0</v>
      </c>
      <c r="CS12" s="296">
        <v>0</v>
      </c>
      <c r="CT12" s="296">
        <v>0</v>
      </c>
      <c r="CU12" s="299">
        <v>0</v>
      </c>
      <c r="CV12" s="300">
        <v>0</v>
      </c>
      <c r="CW12" s="295">
        <v>0</v>
      </c>
      <c r="CX12" s="296">
        <v>0</v>
      </c>
      <c r="CY12" s="297">
        <v>0</v>
      </c>
      <c r="CZ12" s="301"/>
      <c r="DA12" s="296">
        <v>0</v>
      </c>
      <c r="DB12" s="296">
        <v>0</v>
      </c>
      <c r="DC12" s="296">
        <v>0</v>
      </c>
      <c r="DD12" s="296">
        <v>0</v>
      </c>
      <c r="DE12" s="296">
        <v>0</v>
      </c>
      <c r="DF12" s="299">
        <v>0</v>
      </c>
      <c r="DG12" s="300">
        <v>0</v>
      </c>
      <c r="DH12" s="295">
        <v>0</v>
      </c>
      <c r="DI12" s="296">
        <v>8627</v>
      </c>
      <c r="DJ12" s="297">
        <v>8627</v>
      </c>
      <c r="DK12" s="298">
        <v>0</v>
      </c>
      <c r="DL12" s="296">
        <v>548059</v>
      </c>
      <c r="DM12" s="296">
        <v>1184026</v>
      </c>
      <c r="DN12" s="296">
        <v>5846752</v>
      </c>
      <c r="DO12" s="296">
        <v>5145336</v>
      </c>
      <c r="DP12" s="296">
        <v>3098436</v>
      </c>
      <c r="DQ12" s="299">
        <v>15822609</v>
      </c>
      <c r="DR12" s="302">
        <v>15831236</v>
      </c>
      <c r="DS12" s="295">
        <v>0</v>
      </c>
      <c r="DT12" s="296">
        <v>0</v>
      </c>
      <c r="DU12" s="297">
        <v>0</v>
      </c>
      <c r="DV12" s="301"/>
      <c r="DW12" s="296">
        <v>432264</v>
      </c>
      <c r="DX12" s="296">
        <v>703260</v>
      </c>
      <c r="DY12" s="296">
        <v>4811185</v>
      </c>
      <c r="DZ12" s="296">
        <v>4377178</v>
      </c>
      <c r="EA12" s="296">
        <v>2558796</v>
      </c>
      <c r="EB12" s="299">
        <v>12882683</v>
      </c>
      <c r="EC12" s="300">
        <v>12882683</v>
      </c>
      <c r="ED12" s="295">
        <v>0</v>
      </c>
      <c r="EE12" s="296">
        <v>0</v>
      </c>
      <c r="EF12" s="297">
        <v>0</v>
      </c>
      <c r="EG12" s="301"/>
      <c r="EH12" s="296">
        <v>33281</v>
      </c>
      <c r="EI12" s="296">
        <v>104125</v>
      </c>
      <c r="EJ12" s="296">
        <v>192374</v>
      </c>
      <c r="EK12" s="296">
        <v>108446</v>
      </c>
      <c r="EL12" s="296">
        <v>47958</v>
      </c>
      <c r="EM12" s="299">
        <v>486184</v>
      </c>
      <c r="EN12" s="300">
        <v>486184</v>
      </c>
      <c r="EO12" s="295">
        <v>0</v>
      </c>
      <c r="EP12" s="296">
        <v>0</v>
      </c>
      <c r="EQ12" s="297">
        <v>0</v>
      </c>
      <c r="ER12" s="301"/>
      <c r="ES12" s="296">
        <v>0</v>
      </c>
      <c r="ET12" s="296">
        <v>0</v>
      </c>
      <c r="EU12" s="296">
        <v>0</v>
      </c>
      <c r="EV12" s="296">
        <v>217</v>
      </c>
      <c r="EW12" s="296">
        <v>434</v>
      </c>
      <c r="EX12" s="299">
        <v>651</v>
      </c>
      <c r="EY12" s="300">
        <v>651</v>
      </c>
      <c r="EZ12" s="295">
        <v>0</v>
      </c>
      <c r="FA12" s="296">
        <v>0</v>
      </c>
      <c r="FB12" s="297">
        <v>0</v>
      </c>
      <c r="FC12" s="301"/>
      <c r="FD12" s="296">
        <v>11687</v>
      </c>
      <c r="FE12" s="296">
        <v>0</v>
      </c>
      <c r="FF12" s="296">
        <v>1131</v>
      </c>
      <c r="FG12" s="296">
        <v>434</v>
      </c>
      <c r="FH12" s="296">
        <v>11904</v>
      </c>
      <c r="FI12" s="299">
        <v>25156</v>
      </c>
      <c r="FJ12" s="300">
        <v>25156</v>
      </c>
      <c r="FK12" s="295">
        <v>0</v>
      </c>
      <c r="FL12" s="296">
        <v>0</v>
      </c>
      <c r="FM12" s="297">
        <v>0</v>
      </c>
      <c r="FN12" s="301"/>
      <c r="FO12" s="296">
        <v>0</v>
      </c>
      <c r="FP12" s="296">
        <v>79918</v>
      </c>
      <c r="FQ12" s="296">
        <v>187102</v>
      </c>
      <c r="FR12" s="296">
        <v>252978</v>
      </c>
      <c r="FS12" s="296">
        <v>252526</v>
      </c>
      <c r="FT12" s="299">
        <v>772524</v>
      </c>
      <c r="FU12" s="300">
        <v>772524</v>
      </c>
      <c r="FV12" s="295">
        <v>0</v>
      </c>
      <c r="FW12" s="296">
        <v>8627</v>
      </c>
      <c r="FX12" s="297">
        <v>8627</v>
      </c>
      <c r="FY12" s="298">
        <v>0</v>
      </c>
      <c r="FZ12" s="296">
        <v>69753</v>
      </c>
      <c r="GA12" s="296">
        <v>293431</v>
      </c>
      <c r="GB12" s="296">
        <v>651380</v>
      </c>
      <c r="GC12" s="296">
        <v>406083</v>
      </c>
      <c r="GD12" s="296">
        <v>226818</v>
      </c>
      <c r="GE12" s="299">
        <v>1647465</v>
      </c>
      <c r="GF12" s="300">
        <v>1656092</v>
      </c>
      <c r="GG12" s="295">
        <v>0</v>
      </c>
      <c r="GH12" s="296">
        <v>0</v>
      </c>
      <c r="GI12" s="297">
        <v>0</v>
      </c>
      <c r="GJ12" s="298">
        <v>0</v>
      </c>
      <c r="GK12" s="296">
        <v>1074</v>
      </c>
      <c r="GL12" s="296">
        <v>3292</v>
      </c>
      <c r="GM12" s="296">
        <v>3580</v>
      </c>
      <c r="GN12" s="296">
        <v>0</v>
      </c>
      <c r="GO12" s="296">
        <v>0</v>
      </c>
      <c r="GP12" s="299">
        <v>7946</v>
      </c>
      <c r="GQ12" s="300">
        <v>7946</v>
      </c>
      <c r="GR12" s="295">
        <v>0</v>
      </c>
      <c r="GS12" s="296">
        <v>0</v>
      </c>
      <c r="GT12" s="297">
        <v>0</v>
      </c>
      <c r="GU12" s="298">
        <v>0</v>
      </c>
      <c r="GV12" s="296">
        <v>0</v>
      </c>
      <c r="GW12" s="296">
        <v>0</v>
      </c>
      <c r="GX12" s="296">
        <v>0</v>
      </c>
      <c r="GY12" s="296">
        <v>0</v>
      </c>
      <c r="GZ12" s="296">
        <v>0</v>
      </c>
      <c r="HA12" s="299">
        <v>0</v>
      </c>
      <c r="HB12" s="300">
        <v>0</v>
      </c>
      <c r="HC12" s="295">
        <v>0</v>
      </c>
      <c r="HD12" s="296">
        <v>0</v>
      </c>
      <c r="HE12" s="297">
        <v>0</v>
      </c>
      <c r="HF12" s="301"/>
      <c r="HG12" s="296">
        <v>0</v>
      </c>
      <c r="HH12" s="296">
        <v>0</v>
      </c>
      <c r="HI12" s="296">
        <v>0</v>
      </c>
      <c r="HJ12" s="296">
        <v>0</v>
      </c>
      <c r="HK12" s="296">
        <v>0</v>
      </c>
      <c r="HL12" s="299">
        <v>0</v>
      </c>
      <c r="HM12" s="300">
        <v>0</v>
      </c>
      <c r="HN12" s="295">
        <v>0</v>
      </c>
      <c r="HO12" s="296">
        <v>14674</v>
      </c>
      <c r="HP12" s="297">
        <v>14674</v>
      </c>
      <c r="HQ12" s="298">
        <v>0</v>
      </c>
      <c r="HR12" s="296">
        <v>1288839</v>
      </c>
      <c r="HS12" s="296">
        <v>2641034</v>
      </c>
      <c r="HT12" s="296">
        <v>11256509</v>
      </c>
      <c r="HU12" s="296">
        <v>9465240</v>
      </c>
      <c r="HV12" s="296">
        <v>5760992</v>
      </c>
      <c r="HW12" s="299">
        <v>30412614</v>
      </c>
      <c r="HX12" s="300">
        <v>30427288</v>
      </c>
    </row>
    <row r="13" spans="1:232" ht="16.5" customHeight="1" x14ac:dyDescent="0.2">
      <c r="A13" s="293" t="s">
        <v>9</v>
      </c>
      <c r="B13" s="295">
        <v>11420</v>
      </c>
      <c r="C13" s="296">
        <v>0</v>
      </c>
      <c r="D13" s="297">
        <v>11420</v>
      </c>
      <c r="E13" s="298">
        <v>0</v>
      </c>
      <c r="F13" s="296">
        <v>262882</v>
      </c>
      <c r="G13" s="296">
        <v>313040</v>
      </c>
      <c r="H13" s="296">
        <v>2003504</v>
      </c>
      <c r="I13" s="296">
        <v>3070809</v>
      </c>
      <c r="J13" s="296">
        <v>1847186</v>
      </c>
      <c r="K13" s="299">
        <v>7497421</v>
      </c>
      <c r="L13" s="300">
        <v>7508841</v>
      </c>
      <c r="M13" s="295">
        <v>0</v>
      </c>
      <c r="N13" s="296">
        <v>0</v>
      </c>
      <c r="O13" s="297">
        <v>0</v>
      </c>
      <c r="P13" s="301"/>
      <c r="Q13" s="296">
        <v>103385</v>
      </c>
      <c r="R13" s="296">
        <v>35495</v>
      </c>
      <c r="S13" s="296">
        <v>1281516</v>
      </c>
      <c r="T13" s="296">
        <v>2255075</v>
      </c>
      <c r="U13" s="296">
        <v>1551582</v>
      </c>
      <c r="V13" s="299">
        <v>5227053</v>
      </c>
      <c r="W13" s="300">
        <v>5227053</v>
      </c>
      <c r="X13" s="295">
        <v>0</v>
      </c>
      <c r="Y13" s="296">
        <v>0</v>
      </c>
      <c r="Z13" s="297">
        <v>0</v>
      </c>
      <c r="AA13" s="301"/>
      <c r="AB13" s="296">
        <v>133172</v>
      </c>
      <c r="AC13" s="296">
        <v>224185</v>
      </c>
      <c r="AD13" s="296">
        <v>538866</v>
      </c>
      <c r="AE13" s="296">
        <v>685375</v>
      </c>
      <c r="AF13" s="296">
        <v>238115</v>
      </c>
      <c r="AG13" s="299">
        <v>1819713</v>
      </c>
      <c r="AH13" s="300">
        <v>1819713</v>
      </c>
      <c r="AI13" s="295">
        <v>0</v>
      </c>
      <c r="AJ13" s="296">
        <v>0</v>
      </c>
      <c r="AK13" s="297">
        <v>0</v>
      </c>
      <c r="AL13" s="301"/>
      <c r="AM13" s="296">
        <v>0</v>
      </c>
      <c r="AN13" s="296">
        <v>0</v>
      </c>
      <c r="AO13" s="296">
        <v>0</v>
      </c>
      <c r="AP13" s="296">
        <v>4619</v>
      </c>
      <c r="AQ13" s="296">
        <v>2635</v>
      </c>
      <c r="AR13" s="299">
        <v>7254</v>
      </c>
      <c r="AS13" s="300">
        <v>7254</v>
      </c>
      <c r="AT13" s="295">
        <v>0</v>
      </c>
      <c r="AU13" s="296">
        <v>0</v>
      </c>
      <c r="AV13" s="297">
        <v>0</v>
      </c>
      <c r="AW13" s="301"/>
      <c r="AX13" s="296">
        <v>0</v>
      </c>
      <c r="AY13" s="296">
        <v>0</v>
      </c>
      <c r="AZ13" s="296">
        <v>0</v>
      </c>
      <c r="BA13" s="296">
        <v>2635</v>
      </c>
      <c r="BB13" s="296">
        <v>2635</v>
      </c>
      <c r="BC13" s="299">
        <v>5270</v>
      </c>
      <c r="BD13" s="300">
        <v>5270</v>
      </c>
      <c r="BE13" s="295">
        <v>0</v>
      </c>
      <c r="BF13" s="296">
        <v>0</v>
      </c>
      <c r="BG13" s="297">
        <v>0</v>
      </c>
      <c r="BH13" s="301"/>
      <c r="BI13" s="296">
        <v>0</v>
      </c>
      <c r="BJ13" s="296">
        <v>0</v>
      </c>
      <c r="BK13" s="296">
        <v>0</v>
      </c>
      <c r="BL13" s="296">
        <v>24645</v>
      </c>
      <c r="BM13" s="296">
        <v>0</v>
      </c>
      <c r="BN13" s="299">
        <v>24645</v>
      </c>
      <c r="BO13" s="300">
        <v>24645</v>
      </c>
      <c r="BP13" s="295">
        <v>11420</v>
      </c>
      <c r="BQ13" s="296">
        <v>0</v>
      </c>
      <c r="BR13" s="297">
        <v>11420</v>
      </c>
      <c r="BS13" s="298">
        <v>0</v>
      </c>
      <c r="BT13" s="296">
        <v>26325</v>
      </c>
      <c r="BU13" s="296">
        <v>53070</v>
      </c>
      <c r="BV13" s="296">
        <v>179180</v>
      </c>
      <c r="BW13" s="296">
        <v>93816</v>
      </c>
      <c r="BX13" s="296">
        <v>51164</v>
      </c>
      <c r="BY13" s="299">
        <v>403555</v>
      </c>
      <c r="BZ13" s="300">
        <v>414975</v>
      </c>
      <c r="CA13" s="295">
        <v>0</v>
      </c>
      <c r="CB13" s="296">
        <v>0</v>
      </c>
      <c r="CC13" s="297">
        <v>0</v>
      </c>
      <c r="CD13" s="298">
        <v>0</v>
      </c>
      <c r="CE13" s="296">
        <v>0</v>
      </c>
      <c r="CF13" s="296">
        <v>290</v>
      </c>
      <c r="CG13" s="296">
        <v>3942</v>
      </c>
      <c r="CH13" s="296">
        <v>4644</v>
      </c>
      <c r="CI13" s="296">
        <v>1055</v>
      </c>
      <c r="CJ13" s="299">
        <v>9931</v>
      </c>
      <c r="CK13" s="300">
        <v>9931</v>
      </c>
      <c r="CL13" s="295">
        <v>0</v>
      </c>
      <c r="CM13" s="296">
        <v>0</v>
      </c>
      <c r="CN13" s="297">
        <v>0</v>
      </c>
      <c r="CO13" s="298">
        <v>0</v>
      </c>
      <c r="CP13" s="296">
        <v>0</v>
      </c>
      <c r="CQ13" s="296">
        <v>0</v>
      </c>
      <c r="CR13" s="296">
        <v>0</v>
      </c>
      <c r="CS13" s="296">
        <v>0</v>
      </c>
      <c r="CT13" s="296">
        <v>0</v>
      </c>
      <c r="CU13" s="299">
        <v>0</v>
      </c>
      <c r="CV13" s="300">
        <v>0</v>
      </c>
      <c r="CW13" s="295">
        <v>0</v>
      </c>
      <c r="CX13" s="296">
        <v>0</v>
      </c>
      <c r="CY13" s="297">
        <v>0</v>
      </c>
      <c r="CZ13" s="301"/>
      <c r="DA13" s="296">
        <v>0</v>
      </c>
      <c r="DB13" s="296">
        <v>0</v>
      </c>
      <c r="DC13" s="296">
        <v>0</v>
      </c>
      <c r="DD13" s="296">
        <v>0</v>
      </c>
      <c r="DE13" s="296">
        <v>0</v>
      </c>
      <c r="DF13" s="299">
        <v>0</v>
      </c>
      <c r="DG13" s="300">
        <v>0</v>
      </c>
      <c r="DH13" s="295">
        <v>8893</v>
      </c>
      <c r="DI13" s="296">
        <v>0</v>
      </c>
      <c r="DJ13" s="297">
        <v>8893</v>
      </c>
      <c r="DK13" s="298">
        <v>0</v>
      </c>
      <c r="DL13" s="296">
        <v>209261</v>
      </c>
      <c r="DM13" s="296">
        <v>138587</v>
      </c>
      <c r="DN13" s="296">
        <v>2207520</v>
      </c>
      <c r="DO13" s="296">
        <v>3358032</v>
      </c>
      <c r="DP13" s="296">
        <v>2359812</v>
      </c>
      <c r="DQ13" s="299">
        <v>8273212</v>
      </c>
      <c r="DR13" s="302">
        <v>8282105</v>
      </c>
      <c r="DS13" s="295">
        <v>0</v>
      </c>
      <c r="DT13" s="296">
        <v>0</v>
      </c>
      <c r="DU13" s="297">
        <v>0</v>
      </c>
      <c r="DV13" s="301"/>
      <c r="DW13" s="296">
        <v>131254</v>
      </c>
      <c r="DX13" s="296">
        <v>26505</v>
      </c>
      <c r="DY13" s="296">
        <v>1773919</v>
      </c>
      <c r="DZ13" s="296">
        <v>3052584</v>
      </c>
      <c r="EA13" s="296">
        <v>2224692</v>
      </c>
      <c r="EB13" s="299">
        <v>7208954</v>
      </c>
      <c r="EC13" s="300">
        <v>7208954</v>
      </c>
      <c r="ED13" s="295">
        <v>0</v>
      </c>
      <c r="EE13" s="296">
        <v>0</v>
      </c>
      <c r="EF13" s="297">
        <v>0</v>
      </c>
      <c r="EG13" s="301"/>
      <c r="EH13" s="296">
        <v>34467</v>
      </c>
      <c r="EI13" s="296">
        <v>32247</v>
      </c>
      <c r="EJ13" s="296">
        <v>38019</v>
      </c>
      <c r="EK13" s="296">
        <v>107125</v>
      </c>
      <c r="EL13" s="296">
        <v>11858</v>
      </c>
      <c r="EM13" s="299">
        <v>223716</v>
      </c>
      <c r="EN13" s="300">
        <v>223716</v>
      </c>
      <c r="EO13" s="295">
        <v>0</v>
      </c>
      <c r="EP13" s="296">
        <v>0</v>
      </c>
      <c r="EQ13" s="297">
        <v>0</v>
      </c>
      <c r="ER13" s="301"/>
      <c r="ES13" s="296">
        <v>0</v>
      </c>
      <c r="ET13" s="296">
        <v>0</v>
      </c>
      <c r="EU13" s="296">
        <v>0</v>
      </c>
      <c r="EV13" s="296">
        <v>651</v>
      </c>
      <c r="EW13" s="296">
        <v>217</v>
      </c>
      <c r="EX13" s="299">
        <v>868</v>
      </c>
      <c r="EY13" s="300">
        <v>868</v>
      </c>
      <c r="EZ13" s="295">
        <v>0</v>
      </c>
      <c r="FA13" s="296">
        <v>0</v>
      </c>
      <c r="FB13" s="297">
        <v>0</v>
      </c>
      <c r="FC13" s="301"/>
      <c r="FD13" s="296">
        <v>0</v>
      </c>
      <c r="FE13" s="296">
        <v>0</v>
      </c>
      <c r="FF13" s="296">
        <v>0</v>
      </c>
      <c r="FG13" s="296">
        <v>217</v>
      </c>
      <c r="FH13" s="296">
        <v>217</v>
      </c>
      <c r="FI13" s="299">
        <v>434</v>
      </c>
      <c r="FJ13" s="300">
        <v>434</v>
      </c>
      <c r="FK13" s="295">
        <v>0</v>
      </c>
      <c r="FL13" s="296">
        <v>0</v>
      </c>
      <c r="FM13" s="297">
        <v>0</v>
      </c>
      <c r="FN13" s="301"/>
      <c r="FO13" s="296">
        <v>0</v>
      </c>
      <c r="FP13" s="296">
        <v>0</v>
      </c>
      <c r="FQ13" s="296">
        <v>0</v>
      </c>
      <c r="FR13" s="296">
        <v>21576</v>
      </c>
      <c r="FS13" s="296">
        <v>0</v>
      </c>
      <c r="FT13" s="299">
        <v>21576</v>
      </c>
      <c r="FU13" s="300">
        <v>21576</v>
      </c>
      <c r="FV13" s="295">
        <v>8893</v>
      </c>
      <c r="FW13" s="296">
        <v>0</v>
      </c>
      <c r="FX13" s="297">
        <v>8893</v>
      </c>
      <c r="FY13" s="298">
        <v>0</v>
      </c>
      <c r="FZ13" s="296">
        <v>43540</v>
      </c>
      <c r="GA13" s="296">
        <v>79807</v>
      </c>
      <c r="GB13" s="296">
        <v>392817</v>
      </c>
      <c r="GC13" s="296">
        <v>174636</v>
      </c>
      <c r="GD13" s="296">
        <v>122765</v>
      </c>
      <c r="GE13" s="299">
        <v>813565</v>
      </c>
      <c r="GF13" s="300">
        <v>822458</v>
      </c>
      <c r="GG13" s="295">
        <v>0</v>
      </c>
      <c r="GH13" s="296">
        <v>0</v>
      </c>
      <c r="GI13" s="297">
        <v>0</v>
      </c>
      <c r="GJ13" s="298">
        <v>0</v>
      </c>
      <c r="GK13" s="296">
        <v>0</v>
      </c>
      <c r="GL13" s="296">
        <v>28</v>
      </c>
      <c r="GM13" s="296">
        <v>2765</v>
      </c>
      <c r="GN13" s="296">
        <v>1243</v>
      </c>
      <c r="GO13" s="296">
        <v>63</v>
      </c>
      <c r="GP13" s="299">
        <v>4099</v>
      </c>
      <c r="GQ13" s="300">
        <v>4099</v>
      </c>
      <c r="GR13" s="295">
        <v>0</v>
      </c>
      <c r="GS13" s="296">
        <v>0</v>
      </c>
      <c r="GT13" s="297">
        <v>0</v>
      </c>
      <c r="GU13" s="298">
        <v>0</v>
      </c>
      <c r="GV13" s="296">
        <v>0</v>
      </c>
      <c r="GW13" s="296">
        <v>0</v>
      </c>
      <c r="GX13" s="296">
        <v>0</v>
      </c>
      <c r="GY13" s="296">
        <v>0</v>
      </c>
      <c r="GZ13" s="296">
        <v>0</v>
      </c>
      <c r="HA13" s="299">
        <v>0</v>
      </c>
      <c r="HB13" s="300">
        <v>0</v>
      </c>
      <c r="HC13" s="295">
        <v>0</v>
      </c>
      <c r="HD13" s="296">
        <v>0</v>
      </c>
      <c r="HE13" s="297">
        <v>0</v>
      </c>
      <c r="HF13" s="301"/>
      <c r="HG13" s="296">
        <v>0</v>
      </c>
      <c r="HH13" s="296">
        <v>0</v>
      </c>
      <c r="HI13" s="296">
        <v>0</v>
      </c>
      <c r="HJ13" s="296">
        <v>0</v>
      </c>
      <c r="HK13" s="296">
        <v>0</v>
      </c>
      <c r="HL13" s="299">
        <v>0</v>
      </c>
      <c r="HM13" s="300">
        <v>0</v>
      </c>
      <c r="HN13" s="295">
        <v>20313</v>
      </c>
      <c r="HO13" s="296">
        <v>0</v>
      </c>
      <c r="HP13" s="297">
        <v>20313</v>
      </c>
      <c r="HQ13" s="298">
        <v>0</v>
      </c>
      <c r="HR13" s="296">
        <v>472143</v>
      </c>
      <c r="HS13" s="296">
        <v>451627</v>
      </c>
      <c r="HT13" s="296">
        <v>4211024</v>
      </c>
      <c r="HU13" s="296">
        <v>6428841</v>
      </c>
      <c r="HV13" s="296">
        <v>4206998</v>
      </c>
      <c r="HW13" s="299">
        <v>15770633</v>
      </c>
      <c r="HX13" s="300">
        <v>15790946</v>
      </c>
    </row>
    <row r="14" spans="1:232" ht="16.5" customHeight="1" x14ac:dyDescent="0.2">
      <c r="A14" s="293" t="s">
        <v>10</v>
      </c>
      <c r="B14" s="295">
        <v>4155</v>
      </c>
      <c r="C14" s="296">
        <v>2650</v>
      </c>
      <c r="D14" s="297">
        <v>6805</v>
      </c>
      <c r="E14" s="298">
        <v>0</v>
      </c>
      <c r="F14" s="296">
        <v>976452</v>
      </c>
      <c r="G14" s="296">
        <v>1313752</v>
      </c>
      <c r="H14" s="296">
        <v>3377895</v>
      </c>
      <c r="I14" s="296">
        <v>4896176</v>
      </c>
      <c r="J14" s="296">
        <v>4304883</v>
      </c>
      <c r="K14" s="299">
        <v>14869158</v>
      </c>
      <c r="L14" s="300">
        <v>14875963</v>
      </c>
      <c r="M14" s="295">
        <v>0</v>
      </c>
      <c r="N14" s="296">
        <v>0</v>
      </c>
      <c r="O14" s="297">
        <v>0</v>
      </c>
      <c r="P14" s="301"/>
      <c r="Q14" s="296">
        <v>108045</v>
      </c>
      <c r="R14" s="296">
        <v>364870</v>
      </c>
      <c r="S14" s="296">
        <v>2160155</v>
      </c>
      <c r="T14" s="296">
        <v>3681595</v>
      </c>
      <c r="U14" s="296">
        <v>3563775</v>
      </c>
      <c r="V14" s="299">
        <v>9878440</v>
      </c>
      <c r="W14" s="300">
        <v>9878440</v>
      </c>
      <c r="X14" s="295">
        <v>0</v>
      </c>
      <c r="Y14" s="296">
        <v>0</v>
      </c>
      <c r="Z14" s="297">
        <v>0</v>
      </c>
      <c r="AA14" s="301"/>
      <c r="AB14" s="296">
        <v>712405</v>
      </c>
      <c r="AC14" s="296">
        <v>740718</v>
      </c>
      <c r="AD14" s="296">
        <v>807984</v>
      </c>
      <c r="AE14" s="296">
        <v>876827</v>
      </c>
      <c r="AF14" s="296">
        <v>437405</v>
      </c>
      <c r="AG14" s="299">
        <v>3575339</v>
      </c>
      <c r="AH14" s="300">
        <v>3575339</v>
      </c>
      <c r="AI14" s="295">
        <v>0</v>
      </c>
      <c r="AJ14" s="296">
        <v>0</v>
      </c>
      <c r="AK14" s="297">
        <v>0</v>
      </c>
      <c r="AL14" s="301"/>
      <c r="AM14" s="296">
        <v>0</v>
      </c>
      <c r="AN14" s="296">
        <v>0</v>
      </c>
      <c r="AO14" s="296">
        <v>0</v>
      </c>
      <c r="AP14" s="296">
        <v>32705</v>
      </c>
      <c r="AQ14" s="296">
        <v>10285</v>
      </c>
      <c r="AR14" s="299">
        <v>42990</v>
      </c>
      <c r="AS14" s="300">
        <v>42990</v>
      </c>
      <c r="AT14" s="295">
        <v>0</v>
      </c>
      <c r="AU14" s="296">
        <v>0</v>
      </c>
      <c r="AV14" s="297">
        <v>0</v>
      </c>
      <c r="AW14" s="301"/>
      <c r="AX14" s="296">
        <v>0</v>
      </c>
      <c r="AY14" s="296">
        <v>0</v>
      </c>
      <c r="AZ14" s="296">
        <v>35495</v>
      </c>
      <c r="BA14" s="296">
        <v>0</v>
      </c>
      <c r="BB14" s="296">
        <v>103230</v>
      </c>
      <c r="BC14" s="299">
        <v>138725</v>
      </c>
      <c r="BD14" s="300">
        <v>138725</v>
      </c>
      <c r="BE14" s="295">
        <v>0</v>
      </c>
      <c r="BF14" s="296">
        <v>0</v>
      </c>
      <c r="BG14" s="297">
        <v>0</v>
      </c>
      <c r="BH14" s="301"/>
      <c r="BI14" s="296">
        <v>0</v>
      </c>
      <c r="BJ14" s="296">
        <v>0</v>
      </c>
      <c r="BK14" s="296">
        <v>0</v>
      </c>
      <c r="BL14" s="296">
        <v>62620</v>
      </c>
      <c r="BM14" s="296">
        <v>73315</v>
      </c>
      <c r="BN14" s="299">
        <v>135935</v>
      </c>
      <c r="BO14" s="300">
        <v>135935</v>
      </c>
      <c r="BP14" s="295">
        <v>4155</v>
      </c>
      <c r="BQ14" s="296">
        <v>2650</v>
      </c>
      <c r="BR14" s="297">
        <v>6805</v>
      </c>
      <c r="BS14" s="298">
        <v>0</v>
      </c>
      <c r="BT14" s="296">
        <v>153690</v>
      </c>
      <c r="BU14" s="296">
        <v>208164</v>
      </c>
      <c r="BV14" s="296">
        <v>370960</v>
      </c>
      <c r="BW14" s="296">
        <v>230929</v>
      </c>
      <c r="BX14" s="296">
        <v>116438</v>
      </c>
      <c r="BY14" s="299">
        <v>1080181</v>
      </c>
      <c r="BZ14" s="300">
        <v>1086986</v>
      </c>
      <c r="CA14" s="295">
        <v>0</v>
      </c>
      <c r="CB14" s="296">
        <v>0</v>
      </c>
      <c r="CC14" s="297">
        <v>0</v>
      </c>
      <c r="CD14" s="298">
        <v>0</v>
      </c>
      <c r="CE14" s="296">
        <v>2312</v>
      </c>
      <c r="CF14" s="296">
        <v>0</v>
      </c>
      <c r="CG14" s="296">
        <v>3301</v>
      </c>
      <c r="CH14" s="296">
        <v>11500</v>
      </c>
      <c r="CI14" s="296">
        <v>435</v>
      </c>
      <c r="CJ14" s="299">
        <v>17548</v>
      </c>
      <c r="CK14" s="300">
        <v>17548</v>
      </c>
      <c r="CL14" s="295">
        <v>0</v>
      </c>
      <c r="CM14" s="296">
        <v>0</v>
      </c>
      <c r="CN14" s="297">
        <v>0</v>
      </c>
      <c r="CO14" s="298">
        <v>0</v>
      </c>
      <c r="CP14" s="296">
        <v>0</v>
      </c>
      <c r="CQ14" s="296">
        <v>0</v>
      </c>
      <c r="CR14" s="296">
        <v>0</v>
      </c>
      <c r="CS14" s="296">
        <v>0</v>
      </c>
      <c r="CT14" s="296">
        <v>0</v>
      </c>
      <c r="CU14" s="299">
        <v>0</v>
      </c>
      <c r="CV14" s="300">
        <v>0</v>
      </c>
      <c r="CW14" s="295">
        <v>0</v>
      </c>
      <c r="CX14" s="296">
        <v>0</v>
      </c>
      <c r="CY14" s="297">
        <v>0</v>
      </c>
      <c r="CZ14" s="301"/>
      <c r="DA14" s="296">
        <v>0</v>
      </c>
      <c r="DB14" s="296">
        <v>0</v>
      </c>
      <c r="DC14" s="296">
        <v>0</v>
      </c>
      <c r="DD14" s="296">
        <v>0</v>
      </c>
      <c r="DE14" s="296">
        <v>0</v>
      </c>
      <c r="DF14" s="299">
        <v>0</v>
      </c>
      <c r="DG14" s="300">
        <v>0</v>
      </c>
      <c r="DH14" s="295">
        <v>4875</v>
      </c>
      <c r="DI14" s="296">
        <v>10724</v>
      </c>
      <c r="DJ14" s="297">
        <v>15599</v>
      </c>
      <c r="DK14" s="298">
        <v>0</v>
      </c>
      <c r="DL14" s="296">
        <v>556471</v>
      </c>
      <c r="DM14" s="296">
        <v>927119</v>
      </c>
      <c r="DN14" s="296">
        <v>4210253</v>
      </c>
      <c r="DO14" s="296">
        <v>5616764</v>
      </c>
      <c r="DP14" s="296">
        <v>4216802</v>
      </c>
      <c r="DQ14" s="299">
        <v>15527409</v>
      </c>
      <c r="DR14" s="302">
        <v>15543008</v>
      </c>
      <c r="DS14" s="295">
        <v>0</v>
      </c>
      <c r="DT14" s="296">
        <v>0</v>
      </c>
      <c r="DU14" s="297">
        <v>0</v>
      </c>
      <c r="DV14" s="301"/>
      <c r="DW14" s="296">
        <v>175446</v>
      </c>
      <c r="DX14" s="296">
        <v>515831</v>
      </c>
      <c r="DY14" s="296">
        <v>3504323</v>
      </c>
      <c r="DZ14" s="296">
        <v>4923071</v>
      </c>
      <c r="EA14" s="296">
        <v>3835262</v>
      </c>
      <c r="EB14" s="299">
        <v>12953933</v>
      </c>
      <c r="EC14" s="300">
        <v>12953933</v>
      </c>
      <c r="ED14" s="295">
        <v>0</v>
      </c>
      <c r="EE14" s="296">
        <v>0</v>
      </c>
      <c r="EF14" s="297">
        <v>0</v>
      </c>
      <c r="EG14" s="301"/>
      <c r="EH14" s="296">
        <v>178697</v>
      </c>
      <c r="EI14" s="296">
        <v>67037</v>
      </c>
      <c r="EJ14" s="296">
        <v>95138</v>
      </c>
      <c r="EK14" s="296">
        <v>171004</v>
      </c>
      <c r="EL14" s="296">
        <v>64637</v>
      </c>
      <c r="EM14" s="299">
        <v>576513</v>
      </c>
      <c r="EN14" s="300">
        <v>576513</v>
      </c>
      <c r="EO14" s="295">
        <v>0</v>
      </c>
      <c r="EP14" s="296">
        <v>0</v>
      </c>
      <c r="EQ14" s="297">
        <v>0</v>
      </c>
      <c r="ER14" s="301"/>
      <c r="ES14" s="296">
        <v>0</v>
      </c>
      <c r="ET14" s="296">
        <v>0</v>
      </c>
      <c r="EU14" s="296">
        <v>0</v>
      </c>
      <c r="EV14" s="296">
        <v>217</v>
      </c>
      <c r="EW14" s="296">
        <v>651</v>
      </c>
      <c r="EX14" s="299">
        <v>868</v>
      </c>
      <c r="EY14" s="300">
        <v>868</v>
      </c>
      <c r="EZ14" s="295">
        <v>0</v>
      </c>
      <c r="FA14" s="296">
        <v>0</v>
      </c>
      <c r="FB14" s="297">
        <v>0</v>
      </c>
      <c r="FC14" s="301"/>
      <c r="FD14" s="296">
        <v>0</v>
      </c>
      <c r="FE14" s="296">
        <v>0</v>
      </c>
      <c r="FF14" s="296">
        <v>11687</v>
      </c>
      <c r="FG14" s="296">
        <v>0</v>
      </c>
      <c r="FH14" s="296">
        <v>1736</v>
      </c>
      <c r="FI14" s="299">
        <v>13423</v>
      </c>
      <c r="FJ14" s="300">
        <v>13423</v>
      </c>
      <c r="FK14" s="295">
        <v>0</v>
      </c>
      <c r="FL14" s="296">
        <v>0</v>
      </c>
      <c r="FM14" s="297">
        <v>0</v>
      </c>
      <c r="FN14" s="301"/>
      <c r="FO14" s="296">
        <v>0</v>
      </c>
      <c r="FP14" s="296">
        <v>0</v>
      </c>
      <c r="FQ14" s="296">
        <v>0</v>
      </c>
      <c r="FR14" s="296">
        <v>88009</v>
      </c>
      <c r="FS14" s="296">
        <v>116870</v>
      </c>
      <c r="FT14" s="299">
        <v>204879</v>
      </c>
      <c r="FU14" s="300">
        <v>204879</v>
      </c>
      <c r="FV14" s="295">
        <v>4875</v>
      </c>
      <c r="FW14" s="296">
        <v>10724</v>
      </c>
      <c r="FX14" s="297">
        <v>15599</v>
      </c>
      <c r="FY14" s="298">
        <v>0</v>
      </c>
      <c r="FZ14" s="296">
        <v>202265</v>
      </c>
      <c r="GA14" s="296">
        <v>344251</v>
      </c>
      <c r="GB14" s="296">
        <v>598972</v>
      </c>
      <c r="GC14" s="296">
        <v>432033</v>
      </c>
      <c r="GD14" s="296">
        <v>196193</v>
      </c>
      <c r="GE14" s="299">
        <v>1773714</v>
      </c>
      <c r="GF14" s="300">
        <v>1789313</v>
      </c>
      <c r="GG14" s="295">
        <v>0</v>
      </c>
      <c r="GH14" s="296">
        <v>0</v>
      </c>
      <c r="GI14" s="297">
        <v>0</v>
      </c>
      <c r="GJ14" s="298">
        <v>0</v>
      </c>
      <c r="GK14" s="296">
        <v>63</v>
      </c>
      <c r="GL14" s="296">
        <v>0</v>
      </c>
      <c r="GM14" s="296">
        <v>133</v>
      </c>
      <c r="GN14" s="296">
        <v>2430</v>
      </c>
      <c r="GO14" s="296">
        <v>1453</v>
      </c>
      <c r="GP14" s="299">
        <v>4079</v>
      </c>
      <c r="GQ14" s="300">
        <v>4079</v>
      </c>
      <c r="GR14" s="295">
        <v>0</v>
      </c>
      <c r="GS14" s="296">
        <v>0</v>
      </c>
      <c r="GT14" s="297">
        <v>0</v>
      </c>
      <c r="GU14" s="298">
        <v>0</v>
      </c>
      <c r="GV14" s="296">
        <v>0</v>
      </c>
      <c r="GW14" s="296">
        <v>0</v>
      </c>
      <c r="GX14" s="296">
        <v>0</v>
      </c>
      <c r="GY14" s="296">
        <v>0</v>
      </c>
      <c r="GZ14" s="296">
        <v>0</v>
      </c>
      <c r="HA14" s="299">
        <v>0</v>
      </c>
      <c r="HB14" s="300">
        <v>0</v>
      </c>
      <c r="HC14" s="295">
        <v>0</v>
      </c>
      <c r="HD14" s="296">
        <v>0</v>
      </c>
      <c r="HE14" s="297">
        <v>0</v>
      </c>
      <c r="HF14" s="301"/>
      <c r="HG14" s="296">
        <v>0</v>
      </c>
      <c r="HH14" s="296">
        <v>0</v>
      </c>
      <c r="HI14" s="296">
        <v>0</v>
      </c>
      <c r="HJ14" s="296">
        <v>0</v>
      </c>
      <c r="HK14" s="296">
        <v>0</v>
      </c>
      <c r="HL14" s="299">
        <v>0</v>
      </c>
      <c r="HM14" s="300">
        <v>0</v>
      </c>
      <c r="HN14" s="295">
        <v>9030</v>
      </c>
      <c r="HO14" s="296">
        <v>13374</v>
      </c>
      <c r="HP14" s="297">
        <v>22404</v>
      </c>
      <c r="HQ14" s="298">
        <v>0</v>
      </c>
      <c r="HR14" s="296">
        <v>1532923</v>
      </c>
      <c r="HS14" s="296">
        <v>2240871</v>
      </c>
      <c r="HT14" s="296">
        <v>7588148</v>
      </c>
      <c r="HU14" s="296">
        <v>10512940</v>
      </c>
      <c r="HV14" s="296">
        <v>8521685</v>
      </c>
      <c r="HW14" s="299">
        <v>30396567</v>
      </c>
      <c r="HX14" s="300">
        <v>30418971</v>
      </c>
    </row>
    <row r="15" spans="1:232" ht="16.5" customHeight="1" x14ac:dyDescent="0.2">
      <c r="A15" s="293" t="s">
        <v>11</v>
      </c>
      <c r="B15" s="295">
        <v>4005</v>
      </c>
      <c r="C15" s="296">
        <v>3760</v>
      </c>
      <c r="D15" s="297">
        <v>7765</v>
      </c>
      <c r="E15" s="298">
        <v>0</v>
      </c>
      <c r="F15" s="296">
        <v>945044</v>
      </c>
      <c r="G15" s="296">
        <v>980259</v>
      </c>
      <c r="H15" s="296">
        <v>3468419</v>
      </c>
      <c r="I15" s="296">
        <v>4170247</v>
      </c>
      <c r="J15" s="296">
        <v>1961740</v>
      </c>
      <c r="K15" s="299">
        <v>11525709</v>
      </c>
      <c r="L15" s="300">
        <v>11533474</v>
      </c>
      <c r="M15" s="295">
        <v>0</v>
      </c>
      <c r="N15" s="296">
        <v>0</v>
      </c>
      <c r="O15" s="297">
        <v>0</v>
      </c>
      <c r="P15" s="301"/>
      <c r="Q15" s="296">
        <v>24645</v>
      </c>
      <c r="R15" s="296">
        <v>95325</v>
      </c>
      <c r="S15" s="296">
        <v>2415600</v>
      </c>
      <c r="T15" s="296">
        <v>2867458</v>
      </c>
      <c r="U15" s="296">
        <v>1369655</v>
      </c>
      <c r="V15" s="299">
        <v>6772683</v>
      </c>
      <c r="W15" s="300">
        <v>6772683</v>
      </c>
      <c r="X15" s="295">
        <v>0</v>
      </c>
      <c r="Y15" s="296">
        <v>0</v>
      </c>
      <c r="Z15" s="297">
        <v>0</v>
      </c>
      <c r="AA15" s="301"/>
      <c r="AB15" s="296">
        <v>708950</v>
      </c>
      <c r="AC15" s="296">
        <v>779588</v>
      </c>
      <c r="AD15" s="296">
        <v>790432</v>
      </c>
      <c r="AE15" s="296">
        <v>1065705</v>
      </c>
      <c r="AF15" s="296">
        <v>345550</v>
      </c>
      <c r="AG15" s="299">
        <v>3690225</v>
      </c>
      <c r="AH15" s="300">
        <v>3690225</v>
      </c>
      <c r="AI15" s="295">
        <v>0</v>
      </c>
      <c r="AJ15" s="296">
        <v>0</v>
      </c>
      <c r="AK15" s="297">
        <v>0</v>
      </c>
      <c r="AL15" s="301"/>
      <c r="AM15" s="296">
        <v>0</v>
      </c>
      <c r="AN15" s="296">
        <v>0</v>
      </c>
      <c r="AO15" s="296">
        <v>0</v>
      </c>
      <c r="AP15" s="296">
        <v>0</v>
      </c>
      <c r="AQ15" s="296">
        <v>24645</v>
      </c>
      <c r="AR15" s="299">
        <v>24645</v>
      </c>
      <c r="AS15" s="300">
        <v>24645</v>
      </c>
      <c r="AT15" s="295">
        <v>0</v>
      </c>
      <c r="AU15" s="296">
        <v>0</v>
      </c>
      <c r="AV15" s="297">
        <v>0</v>
      </c>
      <c r="AW15" s="301"/>
      <c r="AX15" s="296">
        <v>95635</v>
      </c>
      <c r="AY15" s="296">
        <v>2635</v>
      </c>
      <c r="AZ15" s="296">
        <v>2635</v>
      </c>
      <c r="BA15" s="296">
        <v>35495</v>
      </c>
      <c r="BB15" s="296">
        <v>185842</v>
      </c>
      <c r="BC15" s="299">
        <v>322242</v>
      </c>
      <c r="BD15" s="300">
        <v>322242</v>
      </c>
      <c r="BE15" s="295">
        <v>0</v>
      </c>
      <c r="BF15" s="296">
        <v>0</v>
      </c>
      <c r="BG15" s="297">
        <v>0</v>
      </c>
      <c r="BH15" s="301"/>
      <c r="BI15" s="296">
        <v>0</v>
      </c>
      <c r="BJ15" s="296">
        <v>24645</v>
      </c>
      <c r="BK15" s="296">
        <v>32705</v>
      </c>
      <c r="BL15" s="296">
        <v>0</v>
      </c>
      <c r="BM15" s="296">
        <v>0</v>
      </c>
      <c r="BN15" s="299">
        <v>57350</v>
      </c>
      <c r="BO15" s="300">
        <v>57350</v>
      </c>
      <c r="BP15" s="295">
        <v>4005</v>
      </c>
      <c r="BQ15" s="296">
        <v>3760</v>
      </c>
      <c r="BR15" s="297">
        <v>7765</v>
      </c>
      <c r="BS15" s="298">
        <v>0</v>
      </c>
      <c r="BT15" s="296">
        <v>115814</v>
      </c>
      <c r="BU15" s="296">
        <v>74856</v>
      </c>
      <c r="BV15" s="296">
        <v>213729</v>
      </c>
      <c r="BW15" s="296">
        <v>192379</v>
      </c>
      <c r="BX15" s="296">
        <v>36048</v>
      </c>
      <c r="BY15" s="299">
        <v>632826</v>
      </c>
      <c r="BZ15" s="300">
        <v>640591</v>
      </c>
      <c r="CA15" s="295">
        <v>0</v>
      </c>
      <c r="CB15" s="296">
        <v>0</v>
      </c>
      <c r="CC15" s="297">
        <v>0</v>
      </c>
      <c r="CD15" s="298">
        <v>0</v>
      </c>
      <c r="CE15" s="296">
        <v>0</v>
      </c>
      <c r="CF15" s="296">
        <v>3210</v>
      </c>
      <c r="CG15" s="296">
        <v>13318</v>
      </c>
      <c r="CH15" s="296">
        <v>9210</v>
      </c>
      <c r="CI15" s="296">
        <v>0</v>
      </c>
      <c r="CJ15" s="299">
        <v>25738</v>
      </c>
      <c r="CK15" s="300">
        <v>25738</v>
      </c>
      <c r="CL15" s="295">
        <v>0</v>
      </c>
      <c r="CM15" s="296">
        <v>0</v>
      </c>
      <c r="CN15" s="297">
        <v>0</v>
      </c>
      <c r="CO15" s="298">
        <v>0</v>
      </c>
      <c r="CP15" s="296">
        <v>0</v>
      </c>
      <c r="CQ15" s="296">
        <v>0</v>
      </c>
      <c r="CR15" s="296">
        <v>0</v>
      </c>
      <c r="CS15" s="296">
        <v>0</v>
      </c>
      <c r="CT15" s="296">
        <v>0</v>
      </c>
      <c r="CU15" s="299">
        <v>0</v>
      </c>
      <c r="CV15" s="300">
        <v>0</v>
      </c>
      <c r="CW15" s="295">
        <v>0</v>
      </c>
      <c r="CX15" s="296">
        <v>0</v>
      </c>
      <c r="CY15" s="297">
        <v>0</v>
      </c>
      <c r="CZ15" s="301"/>
      <c r="DA15" s="296">
        <v>0</v>
      </c>
      <c r="DB15" s="296">
        <v>0</v>
      </c>
      <c r="DC15" s="296">
        <v>0</v>
      </c>
      <c r="DD15" s="296">
        <v>0</v>
      </c>
      <c r="DE15" s="296">
        <v>0</v>
      </c>
      <c r="DF15" s="299">
        <v>0</v>
      </c>
      <c r="DG15" s="300">
        <v>0</v>
      </c>
      <c r="DH15" s="295">
        <v>6320</v>
      </c>
      <c r="DI15" s="296">
        <v>4480</v>
      </c>
      <c r="DJ15" s="297">
        <v>10800</v>
      </c>
      <c r="DK15" s="298">
        <v>0</v>
      </c>
      <c r="DL15" s="296">
        <v>329021</v>
      </c>
      <c r="DM15" s="296">
        <v>420415</v>
      </c>
      <c r="DN15" s="296">
        <v>3400485</v>
      </c>
      <c r="DO15" s="296">
        <v>3616683</v>
      </c>
      <c r="DP15" s="296">
        <v>1711039</v>
      </c>
      <c r="DQ15" s="299">
        <v>9477643</v>
      </c>
      <c r="DR15" s="302">
        <v>9488443</v>
      </c>
      <c r="DS15" s="295">
        <v>0</v>
      </c>
      <c r="DT15" s="296">
        <v>0</v>
      </c>
      <c r="DU15" s="297">
        <v>0</v>
      </c>
      <c r="DV15" s="301"/>
      <c r="DW15" s="296">
        <v>15035</v>
      </c>
      <c r="DX15" s="296">
        <v>129797</v>
      </c>
      <c r="DY15" s="296">
        <v>2825892</v>
      </c>
      <c r="DZ15" s="296">
        <v>3274824</v>
      </c>
      <c r="EA15" s="296">
        <v>1604338</v>
      </c>
      <c r="EB15" s="299">
        <v>7849886</v>
      </c>
      <c r="EC15" s="300">
        <v>7849886</v>
      </c>
      <c r="ED15" s="295">
        <v>0</v>
      </c>
      <c r="EE15" s="296">
        <v>0</v>
      </c>
      <c r="EF15" s="297">
        <v>0</v>
      </c>
      <c r="EG15" s="301"/>
      <c r="EH15" s="296">
        <v>157512</v>
      </c>
      <c r="EI15" s="296">
        <v>171415</v>
      </c>
      <c r="EJ15" s="296">
        <v>149466</v>
      </c>
      <c r="EK15" s="296">
        <v>137111</v>
      </c>
      <c r="EL15" s="296">
        <v>31273</v>
      </c>
      <c r="EM15" s="299">
        <v>646777</v>
      </c>
      <c r="EN15" s="300">
        <v>646777</v>
      </c>
      <c r="EO15" s="295">
        <v>0</v>
      </c>
      <c r="EP15" s="296">
        <v>0</v>
      </c>
      <c r="EQ15" s="297">
        <v>0</v>
      </c>
      <c r="ER15" s="301"/>
      <c r="ES15" s="296">
        <v>0</v>
      </c>
      <c r="ET15" s="296">
        <v>0</v>
      </c>
      <c r="EU15" s="296">
        <v>0</v>
      </c>
      <c r="EV15" s="296">
        <v>0</v>
      </c>
      <c r="EW15" s="296">
        <v>217</v>
      </c>
      <c r="EX15" s="299">
        <v>217</v>
      </c>
      <c r="EY15" s="300">
        <v>217</v>
      </c>
      <c r="EZ15" s="295">
        <v>0</v>
      </c>
      <c r="FA15" s="296">
        <v>0</v>
      </c>
      <c r="FB15" s="297">
        <v>0</v>
      </c>
      <c r="FC15" s="301"/>
      <c r="FD15" s="296">
        <v>23591</v>
      </c>
      <c r="FE15" s="296">
        <v>217</v>
      </c>
      <c r="FF15" s="296">
        <v>217</v>
      </c>
      <c r="FG15" s="296">
        <v>11687</v>
      </c>
      <c r="FH15" s="296">
        <v>24921</v>
      </c>
      <c r="FI15" s="299">
        <v>60633</v>
      </c>
      <c r="FJ15" s="300">
        <v>60633</v>
      </c>
      <c r="FK15" s="295">
        <v>0</v>
      </c>
      <c r="FL15" s="296">
        <v>0</v>
      </c>
      <c r="FM15" s="297">
        <v>0</v>
      </c>
      <c r="FN15" s="301"/>
      <c r="FO15" s="296">
        <v>0</v>
      </c>
      <c r="FP15" s="296">
        <v>21576</v>
      </c>
      <c r="FQ15" s="296">
        <v>23281</v>
      </c>
      <c r="FR15" s="296">
        <v>0</v>
      </c>
      <c r="FS15" s="296">
        <v>0</v>
      </c>
      <c r="FT15" s="299">
        <v>44857</v>
      </c>
      <c r="FU15" s="300">
        <v>44857</v>
      </c>
      <c r="FV15" s="295">
        <v>6320</v>
      </c>
      <c r="FW15" s="296">
        <v>4480</v>
      </c>
      <c r="FX15" s="297">
        <v>10800</v>
      </c>
      <c r="FY15" s="298">
        <v>0</v>
      </c>
      <c r="FZ15" s="296">
        <v>132883</v>
      </c>
      <c r="GA15" s="296">
        <v>97382</v>
      </c>
      <c r="GB15" s="296">
        <v>387444</v>
      </c>
      <c r="GC15" s="296">
        <v>192928</v>
      </c>
      <c r="GD15" s="296">
        <v>50290</v>
      </c>
      <c r="GE15" s="299">
        <v>860927</v>
      </c>
      <c r="GF15" s="300">
        <v>871727</v>
      </c>
      <c r="GG15" s="295">
        <v>0</v>
      </c>
      <c r="GH15" s="296">
        <v>0</v>
      </c>
      <c r="GI15" s="297">
        <v>0</v>
      </c>
      <c r="GJ15" s="298">
        <v>0</v>
      </c>
      <c r="GK15" s="296">
        <v>0</v>
      </c>
      <c r="GL15" s="296">
        <v>28</v>
      </c>
      <c r="GM15" s="296">
        <v>14185</v>
      </c>
      <c r="GN15" s="296">
        <v>133</v>
      </c>
      <c r="GO15" s="296">
        <v>0</v>
      </c>
      <c r="GP15" s="299">
        <v>14346</v>
      </c>
      <c r="GQ15" s="300">
        <v>14346</v>
      </c>
      <c r="GR15" s="295">
        <v>0</v>
      </c>
      <c r="GS15" s="296">
        <v>0</v>
      </c>
      <c r="GT15" s="297">
        <v>0</v>
      </c>
      <c r="GU15" s="298">
        <v>0</v>
      </c>
      <c r="GV15" s="296">
        <v>0</v>
      </c>
      <c r="GW15" s="296">
        <v>0</v>
      </c>
      <c r="GX15" s="296">
        <v>0</v>
      </c>
      <c r="GY15" s="296">
        <v>0</v>
      </c>
      <c r="GZ15" s="296">
        <v>0</v>
      </c>
      <c r="HA15" s="299">
        <v>0</v>
      </c>
      <c r="HB15" s="300">
        <v>0</v>
      </c>
      <c r="HC15" s="295">
        <v>0</v>
      </c>
      <c r="HD15" s="296">
        <v>0</v>
      </c>
      <c r="HE15" s="297">
        <v>0</v>
      </c>
      <c r="HF15" s="301"/>
      <c r="HG15" s="296">
        <v>0</v>
      </c>
      <c r="HH15" s="296">
        <v>0</v>
      </c>
      <c r="HI15" s="296">
        <v>0</v>
      </c>
      <c r="HJ15" s="296">
        <v>0</v>
      </c>
      <c r="HK15" s="296">
        <v>0</v>
      </c>
      <c r="HL15" s="299">
        <v>0</v>
      </c>
      <c r="HM15" s="300">
        <v>0</v>
      </c>
      <c r="HN15" s="295">
        <v>10325</v>
      </c>
      <c r="HO15" s="296">
        <v>8240</v>
      </c>
      <c r="HP15" s="297">
        <v>18565</v>
      </c>
      <c r="HQ15" s="298">
        <v>0</v>
      </c>
      <c r="HR15" s="296">
        <v>1274065</v>
      </c>
      <c r="HS15" s="296">
        <v>1400674</v>
      </c>
      <c r="HT15" s="296">
        <v>6868904</v>
      </c>
      <c r="HU15" s="296">
        <v>7786930</v>
      </c>
      <c r="HV15" s="296">
        <v>3672779</v>
      </c>
      <c r="HW15" s="299">
        <v>21003352</v>
      </c>
      <c r="HX15" s="300">
        <v>21021917</v>
      </c>
    </row>
    <row r="16" spans="1:232" ht="16.5" customHeight="1" x14ac:dyDescent="0.2">
      <c r="A16" s="293" t="s">
        <v>12</v>
      </c>
      <c r="B16" s="295">
        <v>3305</v>
      </c>
      <c r="C16" s="296">
        <v>435</v>
      </c>
      <c r="D16" s="297">
        <v>3740</v>
      </c>
      <c r="E16" s="298">
        <v>0</v>
      </c>
      <c r="F16" s="296">
        <v>348799</v>
      </c>
      <c r="G16" s="296">
        <v>580889</v>
      </c>
      <c r="H16" s="296">
        <v>2532932</v>
      </c>
      <c r="I16" s="296">
        <v>3929496</v>
      </c>
      <c r="J16" s="296">
        <v>2300686</v>
      </c>
      <c r="K16" s="299">
        <v>9692802</v>
      </c>
      <c r="L16" s="300">
        <v>9696542</v>
      </c>
      <c r="M16" s="295">
        <v>0</v>
      </c>
      <c r="N16" s="296">
        <v>0</v>
      </c>
      <c r="O16" s="297">
        <v>0</v>
      </c>
      <c r="P16" s="301"/>
      <c r="Q16" s="296">
        <v>2635</v>
      </c>
      <c r="R16" s="296">
        <v>113925</v>
      </c>
      <c r="S16" s="296">
        <v>1183614</v>
      </c>
      <c r="T16" s="296">
        <v>2448225</v>
      </c>
      <c r="U16" s="296">
        <v>1651595</v>
      </c>
      <c r="V16" s="299">
        <v>5399994</v>
      </c>
      <c r="W16" s="300">
        <v>5399994</v>
      </c>
      <c r="X16" s="295">
        <v>0</v>
      </c>
      <c r="Y16" s="296">
        <v>0</v>
      </c>
      <c r="Z16" s="297">
        <v>0</v>
      </c>
      <c r="AA16" s="301"/>
      <c r="AB16" s="296">
        <v>293385</v>
      </c>
      <c r="AC16" s="296">
        <v>358532</v>
      </c>
      <c r="AD16" s="296">
        <v>858368</v>
      </c>
      <c r="AE16" s="296">
        <v>1168143</v>
      </c>
      <c r="AF16" s="296">
        <v>357425</v>
      </c>
      <c r="AG16" s="299">
        <v>3035853</v>
      </c>
      <c r="AH16" s="300">
        <v>3035853</v>
      </c>
      <c r="AI16" s="295">
        <v>0</v>
      </c>
      <c r="AJ16" s="296">
        <v>0</v>
      </c>
      <c r="AK16" s="297">
        <v>0</v>
      </c>
      <c r="AL16" s="301"/>
      <c r="AM16" s="296">
        <v>0</v>
      </c>
      <c r="AN16" s="296">
        <v>0</v>
      </c>
      <c r="AO16" s="296">
        <v>0</v>
      </c>
      <c r="AP16" s="296">
        <v>35340</v>
      </c>
      <c r="AQ16" s="296">
        <v>58400</v>
      </c>
      <c r="AR16" s="299">
        <v>93740</v>
      </c>
      <c r="AS16" s="300">
        <v>93740</v>
      </c>
      <c r="AT16" s="295">
        <v>0</v>
      </c>
      <c r="AU16" s="296">
        <v>0</v>
      </c>
      <c r="AV16" s="297">
        <v>0</v>
      </c>
      <c r="AW16" s="301"/>
      <c r="AX16" s="296">
        <v>0</v>
      </c>
      <c r="AY16" s="296">
        <v>0</v>
      </c>
      <c r="AZ16" s="296">
        <v>0</v>
      </c>
      <c r="BA16" s="296">
        <v>2635</v>
      </c>
      <c r="BB16" s="296">
        <v>37975</v>
      </c>
      <c r="BC16" s="299">
        <v>40610</v>
      </c>
      <c r="BD16" s="300">
        <v>40610</v>
      </c>
      <c r="BE16" s="295">
        <v>0</v>
      </c>
      <c r="BF16" s="296">
        <v>0</v>
      </c>
      <c r="BG16" s="297">
        <v>0</v>
      </c>
      <c r="BH16" s="301"/>
      <c r="BI16" s="296">
        <v>2635</v>
      </c>
      <c r="BJ16" s="296">
        <v>0</v>
      </c>
      <c r="BK16" s="296">
        <v>238665</v>
      </c>
      <c r="BL16" s="296">
        <v>67515</v>
      </c>
      <c r="BM16" s="296">
        <v>27280</v>
      </c>
      <c r="BN16" s="299">
        <v>336095</v>
      </c>
      <c r="BO16" s="300">
        <v>336095</v>
      </c>
      <c r="BP16" s="295">
        <v>3305</v>
      </c>
      <c r="BQ16" s="296">
        <v>435</v>
      </c>
      <c r="BR16" s="297">
        <v>3740</v>
      </c>
      <c r="BS16" s="298">
        <v>0</v>
      </c>
      <c r="BT16" s="296">
        <v>50144</v>
      </c>
      <c r="BU16" s="296">
        <v>105317</v>
      </c>
      <c r="BV16" s="296">
        <v>250505</v>
      </c>
      <c r="BW16" s="296">
        <v>207203</v>
      </c>
      <c r="BX16" s="296">
        <v>168011</v>
      </c>
      <c r="BY16" s="299">
        <v>781180</v>
      </c>
      <c r="BZ16" s="300">
        <v>784920</v>
      </c>
      <c r="CA16" s="295">
        <v>0</v>
      </c>
      <c r="CB16" s="296">
        <v>0</v>
      </c>
      <c r="CC16" s="297">
        <v>0</v>
      </c>
      <c r="CD16" s="298">
        <v>0</v>
      </c>
      <c r="CE16" s="296">
        <v>0</v>
      </c>
      <c r="CF16" s="296">
        <v>3115</v>
      </c>
      <c r="CG16" s="296">
        <v>1780</v>
      </c>
      <c r="CH16" s="296">
        <v>435</v>
      </c>
      <c r="CI16" s="296">
        <v>0</v>
      </c>
      <c r="CJ16" s="299">
        <v>5330</v>
      </c>
      <c r="CK16" s="300">
        <v>5330</v>
      </c>
      <c r="CL16" s="295">
        <v>0</v>
      </c>
      <c r="CM16" s="296">
        <v>0</v>
      </c>
      <c r="CN16" s="297">
        <v>0</v>
      </c>
      <c r="CO16" s="298">
        <v>0</v>
      </c>
      <c r="CP16" s="296">
        <v>0</v>
      </c>
      <c r="CQ16" s="296">
        <v>0</v>
      </c>
      <c r="CR16" s="296">
        <v>0</v>
      </c>
      <c r="CS16" s="296">
        <v>0</v>
      </c>
      <c r="CT16" s="296">
        <v>0</v>
      </c>
      <c r="CU16" s="299">
        <v>0</v>
      </c>
      <c r="CV16" s="300">
        <v>0</v>
      </c>
      <c r="CW16" s="295">
        <v>0</v>
      </c>
      <c r="CX16" s="296">
        <v>0</v>
      </c>
      <c r="CY16" s="297">
        <v>0</v>
      </c>
      <c r="CZ16" s="301"/>
      <c r="DA16" s="296">
        <v>0</v>
      </c>
      <c r="DB16" s="296">
        <v>0</v>
      </c>
      <c r="DC16" s="296">
        <v>0</v>
      </c>
      <c r="DD16" s="296">
        <v>0</v>
      </c>
      <c r="DE16" s="296">
        <v>0</v>
      </c>
      <c r="DF16" s="299">
        <v>0</v>
      </c>
      <c r="DG16" s="300">
        <v>0</v>
      </c>
      <c r="DH16" s="295">
        <v>4159</v>
      </c>
      <c r="DI16" s="296">
        <v>3480</v>
      </c>
      <c r="DJ16" s="297">
        <v>7639</v>
      </c>
      <c r="DK16" s="298">
        <v>0</v>
      </c>
      <c r="DL16" s="296">
        <v>154009</v>
      </c>
      <c r="DM16" s="296">
        <v>488345</v>
      </c>
      <c r="DN16" s="296">
        <v>2684752</v>
      </c>
      <c r="DO16" s="296">
        <v>3766392</v>
      </c>
      <c r="DP16" s="296">
        <v>2218977</v>
      </c>
      <c r="DQ16" s="299">
        <v>9312475</v>
      </c>
      <c r="DR16" s="302">
        <v>9320114</v>
      </c>
      <c r="DS16" s="295">
        <v>0</v>
      </c>
      <c r="DT16" s="296">
        <v>0</v>
      </c>
      <c r="DU16" s="297">
        <v>0</v>
      </c>
      <c r="DV16" s="301"/>
      <c r="DW16" s="296">
        <v>21576</v>
      </c>
      <c r="DX16" s="296">
        <v>244373</v>
      </c>
      <c r="DY16" s="296">
        <v>1857918</v>
      </c>
      <c r="DZ16" s="296">
        <v>3245850</v>
      </c>
      <c r="EA16" s="296">
        <v>1924383</v>
      </c>
      <c r="EB16" s="299">
        <v>7294100</v>
      </c>
      <c r="EC16" s="300">
        <v>7294100</v>
      </c>
      <c r="ED16" s="295">
        <v>0</v>
      </c>
      <c r="EE16" s="296">
        <v>0</v>
      </c>
      <c r="EF16" s="297">
        <v>0</v>
      </c>
      <c r="EG16" s="301"/>
      <c r="EH16" s="296">
        <v>43659</v>
      </c>
      <c r="EI16" s="296">
        <v>58453</v>
      </c>
      <c r="EJ16" s="296">
        <v>135172</v>
      </c>
      <c r="EK16" s="296">
        <v>141039</v>
      </c>
      <c r="EL16" s="296">
        <v>59441</v>
      </c>
      <c r="EM16" s="299">
        <v>437764</v>
      </c>
      <c r="EN16" s="300">
        <v>437764</v>
      </c>
      <c r="EO16" s="295">
        <v>0</v>
      </c>
      <c r="EP16" s="296">
        <v>0</v>
      </c>
      <c r="EQ16" s="297">
        <v>0</v>
      </c>
      <c r="ER16" s="301"/>
      <c r="ES16" s="296">
        <v>0</v>
      </c>
      <c r="ET16" s="296">
        <v>0</v>
      </c>
      <c r="EU16" s="296">
        <v>0</v>
      </c>
      <c r="EV16" s="296">
        <v>434</v>
      </c>
      <c r="EW16" s="296">
        <v>868</v>
      </c>
      <c r="EX16" s="299">
        <v>1302</v>
      </c>
      <c r="EY16" s="300">
        <v>1302</v>
      </c>
      <c r="EZ16" s="295">
        <v>0</v>
      </c>
      <c r="FA16" s="296">
        <v>0</v>
      </c>
      <c r="FB16" s="297">
        <v>0</v>
      </c>
      <c r="FC16" s="301"/>
      <c r="FD16" s="296">
        <v>0</v>
      </c>
      <c r="FE16" s="296">
        <v>0</v>
      </c>
      <c r="FF16" s="296">
        <v>0</v>
      </c>
      <c r="FG16" s="296">
        <v>217</v>
      </c>
      <c r="FH16" s="296">
        <v>651</v>
      </c>
      <c r="FI16" s="299">
        <v>868</v>
      </c>
      <c r="FJ16" s="300">
        <v>868</v>
      </c>
      <c r="FK16" s="295">
        <v>0</v>
      </c>
      <c r="FL16" s="296">
        <v>0</v>
      </c>
      <c r="FM16" s="297">
        <v>0</v>
      </c>
      <c r="FN16" s="301"/>
      <c r="FO16" s="296">
        <v>21576</v>
      </c>
      <c r="FP16" s="296">
        <v>0</v>
      </c>
      <c r="FQ16" s="296">
        <v>309232</v>
      </c>
      <c r="FR16" s="296">
        <v>116684</v>
      </c>
      <c r="FS16" s="296">
        <v>43152</v>
      </c>
      <c r="FT16" s="299">
        <v>490644</v>
      </c>
      <c r="FU16" s="300">
        <v>490644</v>
      </c>
      <c r="FV16" s="295">
        <v>4159</v>
      </c>
      <c r="FW16" s="296">
        <v>3480</v>
      </c>
      <c r="FX16" s="297">
        <v>7639</v>
      </c>
      <c r="FY16" s="298">
        <v>0</v>
      </c>
      <c r="FZ16" s="296">
        <v>67198</v>
      </c>
      <c r="GA16" s="296">
        <v>185519</v>
      </c>
      <c r="GB16" s="296">
        <v>381110</v>
      </c>
      <c r="GC16" s="296">
        <v>261178</v>
      </c>
      <c r="GD16" s="296">
        <v>190482</v>
      </c>
      <c r="GE16" s="299">
        <v>1085487</v>
      </c>
      <c r="GF16" s="300">
        <v>1093126</v>
      </c>
      <c r="GG16" s="295">
        <v>0</v>
      </c>
      <c r="GH16" s="296">
        <v>0</v>
      </c>
      <c r="GI16" s="297">
        <v>0</v>
      </c>
      <c r="GJ16" s="298">
        <v>0</v>
      </c>
      <c r="GK16" s="296">
        <v>0</v>
      </c>
      <c r="GL16" s="296">
        <v>0</v>
      </c>
      <c r="GM16" s="296">
        <v>1320</v>
      </c>
      <c r="GN16" s="296">
        <v>990</v>
      </c>
      <c r="GO16" s="296">
        <v>0</v>
      </c>
      <c r="GP16" s="299">
        <v>2310</v>
      </c>
      <c r="GQ16" s="300">
        <v>2310</v>
      </c>
      <c r="GR16" s="295">
        <v>0</v>
      </c>
      <c r="GS16" s="296">
        <v>0</v>
      </c>
      <c r="GT16" s="297">
        <v>0</v>
      </c>
      <c r="GU16" s="298">
        <v>0</v>
      </c>
      <c r="GV16" s="296">
        <v>0</v>
      </c>
      <c r="GW16" s="296">
        <v>0</v>
      </c>
      <c r="GX16" s="296">
        <v>0</v>
      </c>
      <c r="GY16" s="296">
        <v>0</v>
      </c>
      <c r="GZ16" s="296">
        <v>0</v>
      </c>
      <c r="HA16" s="299">
        <v>0</v>
      </c>
      <c r="HB16" s="300">
        <v>0</v>
      </c>
      <c r="HC16" s="295">
        <v>0</v>
      </c>
      <c r="HD16" s="296">
        <v>0</v>
      </c>
      <c r="HE16" s="297">
        <v>0</v>
      </c>
      <c r="HF16" s="301"/>
      <c r="HG16" s="296">
        <v>0</v>
      </c>
      <c r="HH16" s="296">
        <v>0</v>
      </c>
      <c r="HI16" s="296">
        <v>0</v>
      </c>
      <c r="HJ16" s="296">
        <v>0</v>
      </c>
      <c r="HK16" s="296">
        <v>0</v>
      </c>
      <c r="HL16" s="299">
        <v>0</v>
      </c>
      <c r="HM16" s="300">
        <v>0</v>
      </c>
      <c r="HN16" s="295">
        <v>7464</v>
      </c>
      <c r="HO16" s="296">
        <v>3915</v>
      </c>
      <c r="HP16" s="297">
        <v>11379</v>
      </c>
      <c r="HQ16" s="298">
        <v>0</v>
      </c>
      <c r="HR16" s="296">
        <v>502808</v>
      </c>
      <c r="HS16" s="296">
        <v>1069234</v>
      </c>
      <c r="HT16" s="296">
        <v>5217684</v>
      </c>
      <c r="HU16" s="296">
        <v>7695888</v>
      </c>
      <c r="HV16" s="296">
        <v>4519663</v>
      </c>
      <c r="HW16" s="299">
        <v>19005277</v>
      </c>
      <c r="HX16" s="300">
        <v>19016656</v>
      </c>
    </row>
    <row r="17" spans="1:232" ht="16.5" customHeight="1" x14ac:dyDescent="0.2">
      <c r="A17" s="293" t="s">
        <v>13</v>
      </c>
      <c r="B17" s="295">
        <v>0</v>
      </c>
      <c r="C17" s="296">
        <v>0</v>
      </c>
      <c r="D17" s="297">
        <v>0</v>
      </c>
      <c r="E17" s="298">
        <v>0</v>
      </c>
      <c r="F17" s="296">
        <v>78548</v>
      </c>
      <c r="G17" s="296">
        <v>144967</v>
      </c>
      <c r="H17" s="296">
        <v>529959</v>
      </c>
      <c r="I17" s="296">
        <v>918122</v>
      </c>
      <c r="J17" s="296">
        <v>743067</v>
      </c>
      <c r="K17" s="299">
        <v>2414663</v>
      </c>
      <c r="L17" s="300">
        <v>2414663</v>
      </c>
      <c r="M17" s="295">
        <v>0</v>
      </c>
      <c r="N17" s="296">
        <v>0</v>
      </c>
      <c r="O17" s="297">
        <v>0</v>
      </c>
      <c r="P17" s="301"/>
      <c r="Q17" s="296">
        <v>2635</v>
      </c>
      <c r="R17" s="296">
        <v>0</v>
      </c>
      <c r="S17" s="296">
        <v>393715</v>
      </c>
      <c r="T17" s="296">
        <v>819467</v>
      </c>
      <c r="U17" s="296">
        <v>650782</v>
      </c>
      <c r="V17" s="299">
        <v>1866599</v>
      </c>
      <c r="W17" s="300">
        <v>1866599</v>
      </c>
      <c r="X17" s="295">
        <v>0</v>
      </c>
      <c r="Y17" s="296">
        <v>0</v>
      </c>
      <c r="Z17" s="297">
        <v>0</v>
      </c>
      <c r="AA17" s="301"/>
      <c r="AB17" s="296">
        <v>73315</v>
      </c>
      <c r="AC17" s="296">
        <v>118172</v>
      </c>
      <c r="AD17" s="296">
        <v>107012</v>
      </c>
      <c r="AE17" s="296">
        <v>60845</v>
      </c>
      <c r="AF17" s="296">
        <v>81375</v>
      </c>
      <c r="AG17" s="299">
        <v>440719</v>
      </c>
      <c r="AH17" s="300">
        <v>440719</v>
      </c>
      <c r="AI17" s="295">
        <v>0</v>
      </c>
      <c r="AJ17" s="296">
        <v>0</v>
      </c>
      <c r="AK17" s="297">
        <v>0</v>
      </c>
      <c r="AL17" s="301"/>
      <c r="AM17" s="296">
        <v>0</v>
      </c>
      <c r="AN17" s="296">
        <v>0</v>
      </c>
      <c r="AO17" s="296">
        <v>0</v>
      </c>
      <c r="AP17" s="296">
        <v>0</v>
      </c>
      <c r="AQ17" s="296">
        <v>0</v>
      </c>
      <c r="AR17" s="299">
        <v>0</v>
      </c>
      <c r="AS17" s="300">
        <v>0</v>
      </c>
      <c r="AT17" s="295">
        <v>0</v>
      </c>
      <c r="AU17" s="296">
        <v>0</v>
      </c>
      <c r="AV17" s="297">
        <v>0</v>
      </c>
      <c r="AW17" s="301"/>
      <c r="AX17" s="296">
        <v>0</v>
      </c>
      <c r="AY17" s="296">
        <v>0</v>
      </c>
      <c r="AZ17" s="296">
        <v>0</v>
      </c>
      <c r="BA17" s="296">
        <v>0</v>
      </c>
      <c r="BB17" s="296">
        <v>0</v>
      </c>
      <c r="BC17" s="299">
        <v>0</v>
      </c>
      <c r="BD17" s="300">
        <v>0</v>
      </c>
      <c r="BE17" s="295">
        <v>0</v>
      </c>
      <c r="BF17" s="296">
        <v>0</v>
      </c>
      <c r="BG17" s="297">
        <v>0</v>
      </c>
      <c r="BH17" s="301"/>
      <c r="BI17" s="296">
        <v>0</v>
      </c>
      <c r="BJ17" s="296">
        <v>0</v>
      </c>
      <c r="BK17" s="296">
        <v>0</v>
      </c>
      <c r="BL17" s="296">
        <v>0</v>
      </c>
      <c r="BM17" s="296">
        <v>0</v>
      </c>
      <c r="BN17" s="299">
        <v>0</v>
      </c>
      <c r="BO17" s="300">
        <v>0</v>
      </c>
      <c r="BP17" s="295">
        <v>0</v>
      </c>
      <c r="BQ17" s="296">
        <v>0</v>
      </c>
      <c r="BR17" s="297">
        <v>0</v>
      </c>
      <c r="BS17" s="298">
        <v>0</v>
      </c>
      <c r="BT17" s="296">
        <v>2598</v>
      </c>
      <c r="BU17" s="296">
        <v>26795</v>
      </c>
      <c r="BV17" s="296">
        <v>29232</v>
      </c>
      <c r="BW17" s="296">
        <v>37810</v>
      </c>
      <c r="BX17" s="296">
        <v>10910</v>
      </c>
      <c r="BY17" s="299">
        <v>107345</v>
      </c>
      <c r="BZ17" s="300">
        <v>107345</v>
      </c>
      <c r="CA17" s="295">
        <v>0</v>
      </c>
      <c r="CB17" s="296">
        <v>0</v>
      </c>
      <c r="CC17" s="297">
        <v>0</v>
      </c>
      <c r="CD17" s="298">
        <v>0</v>
      </c>
      <c r="CE17" s="296">
        <v>0</v>
      </c>
      <c r="CF17" s="296">
        <v>0</v>
      </c>
      <c r="CG17" s="296">
        <v>0</v>
      </c>
      <c r="CH17" s="296">
        <v>0</v>
      </c>
      <c r="CI17" s="296">
        <v>0</v>
      </c>
      <c r="CJ17" s="299">
        <v>0</v>
      </c>
      <c r="CK17" s="300">
        <v>0</v>
      </c>
      <c r="CL17" s="295">
        <v>0</v>
      </c>
      <c r="CM17" s="296">
        <v>0</v>
      </c>
      <c r="CN17" s="297">
        <v>0</v>
      </c>
      <c r="CO17" s="298">
        <v>0</v>
      </c>
      <c r="CP17" s="296">
        <v>0</v>
      </c>
      <c r="CQ17" s="296">
        <v>0</v>
      </c>
      <c r="CR17" s="296">
        <v>0</v>
      </c>
      <c r="CS17" s="296">
        <v>0</v>
      </c>
      <c r="CT17" s="296">
        <v>0</v>
      </c>
      <c r="CU17" s="299">
        <v>0</v>
      </c>
      <c r="CV17" s="300">
        <v>0</v>
      </c>
      <c r="CW17" s="295">
        <v>0</v>
      </c>
      <c r="CX17" s="296">
        <v>0</v>
      </c>
      <c r="CY17" s="297">
        <v>0</v>
      </c>
      <c r="CZ17" s="301"/>
      <c r="DA17" s="296">
        <v>0</v>
      </c>
      <c r="DB17" s="296">
        <v>0</v>
      </c>
      <c r="DC17" s="296">
        <v>0</v>
      </c>
      <c r="DD17" s="296">
        <v>0</v>
      </c>
      <c r="DE17" s="296">
        <v>0</v>
      </c>
      <c r="DF17" s="299">
        <v>0</v>
      </c>
      <c r="DG17" s="300">
        <v>0</v>
      </c>
      <c r="DH17" s="295">
        <v>0</v>
      </c>
      <c r="DI17" s="296">
        <v>0</v>
      </c>
      <c r="DJ17" s="297">
        <v>0</v>
      </c>
      <c r="DK17" s="298">
        <v>0</v>
      </c>
      <c r="DL17" s="296">
        <v>40913</v>
      </c>
      <c r="DM17" s="296">
        <v>43234</v>
      </c>
      <c r="DN17" s="296">
        <v>668127</v>
      </c>
      <c r="DO17" s="296">
        <v>1072069</v>
      </c>
      <c r="DP17" s="296">
        <v>730538</v>
      </c>
      <c r="DQ17" s="299">
        <v>2554881</v>
      </c>
      <c r="DR17" s="302">
        <v>2554881</v>
      </c>
      <c r="DS17" s="295">
        <v>0</v>
      </c>
      <c r="DT17" s="296">
        <v>0</v>
      </c>
      <c r="DU17" s="297">
        <v>0</v>
      </c>
      <c r="DV17" s="301"/>
      <c r="DW17" s="296">
        <v>21576</v>
      </c>
      <c r="DX17" s="296">
        <v>0</v>
      </c>
      <c r="DY17" s="296">
        <v>548256</v>
      </c>
      <c r="DZ17" s="296">
        <v>960944</v>
      </c>
      <c r="EA17" s="296">
        <v>651668</v>
      </c>
      <c r="EB17" s="299">
        <v>2182444</v>
      </c>
      <c r="EC17" s="300">
        <v>2182444</v>
      </c>
      <c r="ED17" s="295">
        <v>0</v>
      </c>
      <c r="EE17" s="296">
        <v>0</v>
      </c>
      <c r="EF17" s="297">
        <v>0</v>
      </c>
      <c r="EG17" s="301"/>
      <c r="EH17" s="296">
        <v>11966</v>
      </c>
      <c r="EI17" s="296">
        <v>1953</v>
      </c>
      <c r="EJ17" s="296">
        <v>37820</v>
      </c>
      <c r="EK17" s="296">
        <v>1344</v>
      </c>
      <c r="EL17" s="296">
        <v>34348</v>
      </c>
      <c r="EM17" s="299">
        <v>87431</v>
      </c>
      <c r="EN17" s="300">
        <v>87431</v>
      </c>
      <c r="EO17" s="295">
        <v>0</v>
      </c>
      <c r="EP17" s="296">
        <v>0</v>
      </c>
      <c r="EQ17" s="297">
        <v>0</v>
      </c>
      <c r="ER17" s="301"/>
      <c r="ES17" s="296">
        <v>0</v>
      </c>
      <c r="ET17" s="296">
        <v>0</v>
      </c>
      <c r="EU17" s="296">
        <v>0</v>
      </c>
      <c r="EV17" s="296">
        <v>0</v>
      </c>
      <c r="EW17" s="296">
        <v>0</v>
      </c>
      <c r="EX17" s="299">
        <v>0</v>
      </c>
      <c r="EY17" s="300">
        <v>0</v>
      </c>
      <c r="EZ17" s="295">
        <v>0</v>
      </c>
      <c r="FA17" s="296">
        <v>0</v>
      </c>
      <c r="FB17" s="297">
        <v>0</v>
      </c>
      <c r="FC17" s="301"/>
      <c r="FD17" s="296">
        <v>0</v>
      </c>
      <c r="FE17" s="296">
        <v>0</v>
      </c>
      <c r="FF17" s="296">
        <v>0</v>
      </c>
      <c r="FG17" s="296">
        <v>0</v>
      </c>
      <c r="FH17" s="296">
        <v>0</v>
      </c>
      <c r="FI17" s="299">
        <v>0</v>
      </c>
      <c r="FJ17" s="300">
        <v>0</v>
      </c>
      <c r="FK17" s="295">
        <v>0</v>
      </c>
      <c r="FL17" s="296">
        <v>0</v>
      </c>
      <c r="FM17" s="297">
        <v>0</v>
      </c>
      <c r="FN17" s="301"/>
      <c r="FO17" s="296">
        <v>0</v>
      </c>
      <c r="FP17" s="296">
        <v>0</v>
      </c>
      <c r="FQ17" s="296">
        <v>0</v>
      </c>
      <c r="FR17" s="296">
        <v>0</v>
      </c>
      <c r="FS17" s="296">
        <v>0</v>
      </c>
      <c r="FT17" s="299">
        <v>0</v>
      </c>
      <c r="FU17" s="300">
        <v>0</v>
      </c>
      <c r="FV17" s="295">
        <v>0</v>
      </c>
      <c r="FW17" s="296">
        <v>0</v>
      </c>
      <c r="FX17" s="297">
        <v>0</v>
      </c>
      <c r="FY17" s="298">
        <v>0</v>
      </c>
      <c r="FZ17" s="296">
        <v>7371</v>
      </c>
      <c r="GA17" s="296">
        <v>41281</v>
      </c>
      <c r="GB17" s="296">
        <v>82051</v>
      </c>
      <c r="GC17" s="296">
        <v>109781</v>
      </c>
      <c r="GD17" s="296">
        <v>44522</v>
      </c>
      <c r="GE17" s="299">
        <v>285006</v>
      </c>
      <c r="GF17" s="300">
        <v>285006</v>
      </c>
      <c r="GG17" s="295">
        <v>0</v>
      </c>
      <c r="GH17" s="296">
        <v>0</v>
      </c>
      <c r="GI17" s="297">
        <v>0</v>
      </c>
      <c r="GJ17" s="298">
        <v>0</v>
      </c>
      <c r="GK17" s="296">
        <v>0</v>
      </c>
      <c r="GL17" s="296">
        <v>0</v>
      </c>
      <c r="GM17" s="296">
        <v>0</v>
      </c>
      <c r="GN17" s="296">
        <v>0</v>
      </c>
      <c r="GO17" s="296">
        <v>0</v>
      </c>
      <c r="GP17" s="299">
        <v>0</v>
      </c>
      <c r="GQ17" s="300">
        <v>0</v>
      </c>
      <c r="GR17" s="295">
        <v>0</v>
      </c>
      <c r="GS17" s="296">
        <v>0</v>
      </c>
      <c r="GT17" s="297">
        <v>0</v>
      </c>
      <c r="GU17" s="298">
        <v>0</v>
      </c>
      <c r="GV17" s="296">
        <v>0</v>
      </c>
      <c r="GW17" s="296">
        <v>0</v>
      </c>
      <c r="GX17" s="296">
        <v>0</v>
      </c>
      <c r="GY17" s="296">
        <v>0</v>
      </c>
      <c r="GZ17" s="296">
        <v>0</v>
      </c>
      <c r="HA17" s="299">
        <v>0</v>
      </c>
      <c r="HB17" s="300">
        <v>0</v>
      </c>
      <c r="HC17" s="295">
        <v>0</v>
      </c>
      <c r="HD17" s="296">
        <v>0</v>
      </c>
      <c r="HE17" s="297">
        <v>0</v>
      </c>
      <c r="HF17" s="301"/>
      <c r="HG17" s="296">
        <v>0</v>
      </c>
      <c r="HH17" s="296">
        <v>0</v>
      </c>
      <c r="HI17" s="296">
        <v>0</v>
      </c>
      <c r="HJ17" s="296">
        <v>0</v>
      </c>
      <c r="HK17" s="296">
        <v>0</v>
      </c>
      <c r="HL17" s="299">
        <v>0</v>
      </c>
      <c r="HM17" s="300">
        <v>0</v>
      </c>
      <c r="HN17" s="295">
        <v>0</v>
      </c>
      <c r="HO17" s="296">
        <v>0</v>
      </c>
      <c r="HP17" s="297">
        <v>0</v>
      </c>
      <c r="HQ17" s="298">
        <v>0</v>
      </c>
      <c r="HR17" s="296">
        <v>119461</v>
      </c>
      <c r="HS17" s="296">
        <v>188201</v>
      </c>
      <c r="HT17" s="296">
        <v>1198086</v>
      </c>
      <c r="HU17" s="296">
        <v>1990191</v>
      </c>
      <c r="HV17" s="296">
        <v>1473605</v>
      </c>
      <c r="HW17" s="299">
        <v>4969544</v>
      </c>
      <c r="HX17" s="300">
        <v>4969544</v>
      </c>
    </row>
    <row r="18" spans="1:232" ht="16.5" customHeight="1" x14ac:dyDescent="0.2">
      <c r="A18" s="293" t="s">
        <v>15</v>
      </c>
      <c r="B18" s="295">
        <v>0</v>
      </c>
      <c r="C18" s="296">
        <v>0</v>
      </c>
      <c r="D18" s="297">
        <v>0</v>
      </c>
      <c r="E18" s="298">
        <v>0</v>
      </c>
      <c r="F18" s="296">
        <v>212489</v>
      </c>
      <c r="G18" s="296">
        <v>481505</v>
      </c>
      <c r="H18" s="296">
        <v>1732288</v>
      </c>
      <c r="I18" s="296">
        <v>2031726</v>
      </c>
      <c r="J18" s="296">
        <v>1144602</v>
      </c>
      <c r="K18" s="299">
        <v>5602610</v>
      </c>
      <c r="L18" s="300">
        <v>5602610</v>
      </c>
      <c r="M18" s="295">
        <v>0</v>
      </c>
      <c r="N18" s="296">
        <v>0</v>
      </c>
      <c r="O18" s="297">
        <v>0</v>
      </c>
      <c r="P18" s="301"/>
      <c r="Q18" s="296">
        <v>0</v>
      </c>
      <c r="R18" s="296">
        <v>35495</v>
      </c>
      <c r="S18" s="296">
        <v>1056175</v>
      </c>
      <c r="T18" s="296">
        <v>1399380</v>
      </c>
      <c r="U18" s="296">
        <v>833445</v>
      </c>
      <c r="V18" s="299">
        <v>3324495</v>
      </c>
      <c r="W18" s="300">
        <v>3324495</v>
      </c>
      <c r="X18" s="295">
        <v>0</v>
      </c>
      <c r="Y18" s="296">
        <v>0</v>
      </c>
      <c r="Z18" s="297">
        <v>0</v>
      </c>
      <c r="AA18" s="301"/>
      <c r="AB18" s="296">
        <v>207180</v>
      </c>
      <c r="AC18" s="296">
        <v>400045</v>
      </c>
      <c r="AD18" s="296">
        <v>412652</v>
      </c>
      <c r="AE18" s="296">
        <v>441737</v>
      </c>
      <c r="AF18" s="296">
        <v>134896</v>
      </c>
      <c r="AG18" s="299">
        <v>1596510</v>
      </c>
      <c r="AH18" s="300">
        <v>1596510</v>
      </c>
      <c r="AI18" s="295">
        <v>0</v>
      </c>
      <c r="AJ18" s="296">
        <v>0</v>
      </c>
      <c r="AK18" s="297">
        <v>0</v>
      </c>
      <c r="AL18" s="301"/>
      <c r="AM18" s="296">
        <v>0</v>
      </c>
      <c r="AN18" s="296">
        <v>0</v>
      </c>
      <c r="AO18" s="296">
        <v>0</v>
      </c>
      <c r="AP18" s="296">
        <v>0</v>
      </c>
      <c r="AQ18" s="296">
        <v>2635</v>
      </c>
      <c r="AR18" s="299">
        <v>2635</v>
      </c>
      <c r="AS18" s="300">
        <v>2635</v>
      </c>
      <c r="AT18" s="295">
        <v>0</v>
      </c>
      <c r="AU18" s="296">
        <v>0</v>
      </c>
      <c r="AV18" s="297">
        <v>0</v>
      </c>
      <c r="AW18" s="301"/>
      <c r="AX18" s="296">
        <v>0</v>
      </c>
      <c r="AY18" s="296">
        <v>0</v>
      </c>
      <c r="AZ18" s="296">
        <v>0</v>
      </c>
      <c r="BA18" s="296">
        <v>0</v>
      </c>
      <c r="BB18" s="296">
        <v>0</v>
      </c>
      <c r="BC18" s="299">
        <v>0</v>
      </c>
      <c r="BD18" s="300">
        <v>0</v>
      </c>
      <c r="BE18" s="295">
        <v>0</v>
      </c>
      <c r="BF18" s="296">
        <v>0</v>
      </c>
      <c r="BG18" s="297">
        <v>0</v>
      </c>
      <c r="BH18" s="301"/>
      <c r="BI18" s="296">
        <v>0</v>
      </c>
      <c r="BJ18" s="296">
        <v>0</v>
      </c>
      <c r="BK18" s="296">
        <v>173910</v>
      </c>
      <c r="BL18" s="296">
        <v>7905</v>
      </c>
      <c r="BM18" s="296">
        <v>56600</v>
      </c>
      <c r="BN18" s="299">
        <v>238415</v>
      </c>
      <c r="BO18" s="300">
        <v>238415</v>
      </c>
      <c r="BP18" s="295">
        <v>0</v>
      </c>
      <c r="BQ18" s="296">
        <v>0</v>
      </c>
      <c r="BR18" s="297">
        <v>0</v>
      </c>
      <c r="BS18" s="298">
        <v>0</v>
      </c>
      <c r="BT18" s="296">
        <v>5309</v>
      </c>
      <c r="BU18" s="296">
        <v>45965</v>
      </c>
      <c r="BV18" s="296">
        <v>84971</v>
      </c>
      <c r="BW18" s="296">
        <v>182704</v>
      </c>
      <c r="BX18" s="296">
        <v>117026</v>
      </c>
      <c r="BY18" s="299">
        <v>435975</v>
      </c>
      <c r="BZ18" s="300">
        <v>435975</v>
      </c>
      <c r="CA18" s="295">
        <v>0</v>
      </c>
      <c r="CB18" s="296">
        <v>0</v>
      </c>
      <c r="CC18" s="297">
        <v>0</v>
      </c>
      <c r="CD18" s="298">
        <v>0</v>
      </c>
      <c r="CE18" s="296">
        <v>0</v>
      </c>
      <c r="CF18" s="296">
        <v>0</v>
      </c>
      <c r="CG18" s="296">
        <v>4580</v>
      </c>
      <c r="CH18" s="296">
        <v>0</v>
      </c>
      <c r="CI18" s="296">
        <v>0</v>
      </c>
      <c r="CJ18" s="299">
        <v>4580</v>
      </c>
      <c r="CK18" s="300">
        <v>4580</v>
      </c>
      <c r="CL18" s="295">
        <v>0</v>
      </c>
      <c r="CM18" s="296">
        <v>0</v>
      </c>
      <c r="CN18" s="297">
        <v>0</v>
      </c>
      <c r="CO18" s="298">
        <v>0</v>
      </c>
      <c r="CP18" s="296">
        <v>0</v>
      </c>
      <c r="CQ18" s="296">
        <v>0</v>
      </c>
      <c r="CR18" s="296">
        <v>0</v>
      </c>
      <c r="CS18" s="296">
        <v>0</v>
      </c>
      <c r="CT18" s="296">
        <v>0</v>
      </c>
      <c r="CU18" s="299">
        <v>0</v>
      </c>
      <c r="CV18" s="300">
        <v>0</v>
      </c>
      <c r="CW18" s="295">
        <v>0</v>
      </c>
      <c r="CX18" s="296">
        <v>0</v>
      </c>
      <c r="CY18" s="297">
        <v>0</v>
      </c>
      <c r="CZ18" s="301"/>
      <c r="DA18" s="296">
        <v>0</v>
      </c>
      <c r="DB18" s="296">
        <v>0</v>
      </c>
      <c r="DC18" s="296">
        <v>0</v>
      </c>
      <c r="DD18" s="296">
        <v>0</v>
      </c>
      <c r="DE18" s="296">
        <v>0</v>
      </c>
      <c r="DF18" s="299">
        <v>0</v>
      </c>
      <c r="DG18" s="300">
        <v>0</v>
      </c>
      <c r="DH18" s="295">
        <v>0</v>
      </c>
      <c r="DI18" s="296">
        <v>0</v>
      </c>
      <c r="DJ18" s="297">
        <v>0</v>
      </c>
      <c r="DK18" s="298">
        <v>0</v>
      </c>
      <c r="DL18" s="296">
        <v>28834</v>
      </c>
      <c r="DM18" s="296">
        <v>161806</v>
      </c>
      <c r="DN18" s="296">
        <v>1734273</v>
      </c>
      <c r="DO18" s="296">
        <v>1707096</v>
      </c>
      <c r="DP18" s="296">
        <v>1167781</v>
      </c>
      <c r="DQ18" s="299">
        <v>4799790</v>
      </c>
      <c r="DR18" s="302">
        <v>4799790</v>
      </c>
      <c r="DS18" s="295">
        <v>0</v>
      </c>
      <c r="DT18" s="296">
        <v>0</v>
      </c>
      <c r="DU18" s="297">
        <v>0</v>
      </c>
      <c r="DV18" s="301"/>
      <c r="DW18" s="296">
        <v>0</v>
      </c>
      <c r="DX18" s="296">
        <v>26505</v>
      </c>
      <c r="DY18" s="296">
        <v>1224455</v>
      </c>
      <c r="DZ18" s="296">
        <v>1401987</v>
      </c>
      <c r="EA18" s="296">
        <v>872884</v>
      </c>
      <c r="EB18" s="299">
        <v>3525831</v>
      </c>
      <c r="EC18" s="300">
        <v>3525831</v>
      </c>
      <c r="ED18" s="295">
        <v>0</v>
      </c>
      <c r="EE18" s="296">
        <v>0</v>
      </c>
      <c r="EF18" s="297">
        <v>0</v>
      </c>
      <c r="EG18" s="301"/>
      <c r="EH18" s="296">
        <v>13444</v>
      </c>
      <c r="EI18" s="296">
        <v>84804</v>
      </c>
      <c r="EJ18" s="296">
        <v>25864</v>
      </c>
      <c r="EK18" s="296">
        <v>37978</v>
      </c>
      <c r="EL18" s="296">
        <v>43443</v>
      </c>
      <c r="EM18" s="299">
        <v>205533</v>
      </c>
      <c r="EN18" s="300">
        <v>205533</v>
      </c>
      <c r="EO18" s="295">
        <v>0</v>
      </c>
      <c r="EP18" s="296">
        <v>0</v>
      </c>
      <c r="EQ18" s="297">
        <v>0</v>
      </c>
      <c r="ER18" s="301"/>
      <c r="ES18" s="296">
        <v>0</v>
      </c>
      <c r="ET18" s="296">
        <v>0</v>
      </c>
      <c r="EU18" s="296">
        <v>0</v>
      </c>
      <c r="EV18" s="296">
        <v>0</v>
      </c>
      <c r="EW18" s="296">
        <v>217</v>
      </c>
      <c r="EX18" s="299">
        <v>217</v>
      </c>
      <c r="EY18" s="300">
        <v>217</v>
      </c>
      <c r="EZ18" s="295">
        <v>0</v>
      </c>
      <c r="FA18" s="296">
        <v>0</v>
      </c>
      <c r="FB18" s="297">
        <v>0</v>
      </c>
      <c r="FC18" s="301"/>
      <c r="FD18" s="296">
        <v>0</v>
      </c>
      <c r="FE18" s="296">
        <v>0</v>
      </c>
      <c r="FF18" s="296">
        <v>0</v>
      </c>
      <c r="FG18" s="296">
        <v>0</v>
      </c>
      <c r="FH18" s="296">
        <v>0</v>
      </c>
      <c r="FI18" s="299">
        <v>0</v>
      </c>
      <c r="FJ18" s="300">
        <v>0</v>
      </c>
      <c r="FK18" s="295">
        <v>0</v>
      </c>
      <c r="FL18" s="296">
        <v>0</v>
      </c>
      <c r="FM18" s="297">
        <v>0</v>
      </c>
      <c r="FN18" s="301"/>
      <c r="FO18" s="296">
        <v>0</v>
      </c>
      <c r="FP18" s="296">
        <v>0</v>
      </c>
      <c r="FQ18" s="296">
        <v>319672</v>
      </c>
      <c r="FR18" s="296">
        <v>64728</v>
      </c>
      <c r="FS18" s="296">
        <v>107184</v>
      </c>
      <c r="FT18" s="299">
        <v>491584</v>
      </c>
      <c r="FU18" s="300">
        <v>491584</v>
      </c>
      <c r="FV18" s="295">
        <v>0</v>
      </c>
      <c r="FW18" s="296">
        <v>0</v>
      </c>
      <c r="FX18" s="297">
        <v>0</v>
      </c>
      <c r="FY18" s="298">
        <v>0</v>
      </c>
      <c r="FZ18" s="296">
        <v>15390</v>
      </c>
      <c r="GA18" s="296">
        <v>50497</v>
      </c>
      <c r="GB18" s="296">
        <v>159570</v>
      </c>
      <c r="GC18" s="296">
        <v>202403</v>
      </c>
      <c r="GD18" s="296">
        <v>144053</v>
      </c>
      <c r="GE18" s="299">
        <v>571913</v>
      </c>
      <c r="GF18" s="300">
        <v>571913</v>
      </c>
      <c r="GG18" s="295">
        <v>0</v>
      </c>
      <c r="GH18" s="296">
        <v>0</v>
      </c>
      <c r="GI18" s="297">
        <v>0</v>
      </c>
      <c r="GJ18" s="298">
        <v>0</v>
      </c>
      <c r="GK18" s="296">
        <v>0</v>
      </c>
      <c r="GL18" s="296">
        <v>0</v>
      </c>
      <c r="GM18" s="296">
        <v>4712</v>
      </c>
      <c r="GN18" s="296">
        <v>0</v>
      </c>
      <c r="GO18" s="296">
        <v>0</v>
      </c>
      <c r="GP18" s="299">
        <v>4712</v>
      </c>
      <c r="GQ18" s="300">
        <v>4712</v>
      </c>
      <c r="GR18" s="295">
        <v>0</v>
      </c>
      <c r="GS18" s="296">
        <v>0</v>
      </c>
      <c r="GT18" s="297">
        <v>0</v>
      </c>
      <c r="GU18" s="298">
        <v>0</v>
      </c>
      <c r="GV18" s="296">
        <v>0</v>
      </c>
      <c r="GW18" s="296">
        <v>0</v>
      </c>
      <c r="GX18" s="296">
        <v>0</v>
      </c>
      <c r="GY18" s="296">
        <v>0</v>
      </c>
      <c r="GZ18" s="296">
        <v>0</v>
      </c>
      <c r="HA18" s="299">
        <v>0</v>
      </c>
      <c r="HB18" s="300">
        <v>0</v>
      </c>
      <c r="HC18" s="295">
        <v>0</v>
      </c>
      <c r="HD18" s="296">
        <v>0</v>
      </c>
      <c r="HE18" s="297">
        <v>0</v>
      </c>
      <c r="HF18" s="301"/>
      <c r="HG18" s="296">
        <v>0</v>
      </c>
      <c r="HH18" s="296">
        <v>0</v>
      </c>
      <c r="HI18" s="296">
        <v>0</v>
      </c>
      <c r="HJ18" s="296">
        <v>0</v>
      </c>
      <c r="HK18" s="296">
        <v>0</v>
      </c>
      <c r="HL18" s="299">
        <v>0</v>
      </c>
      <c r="HM18" s="300">
        <v>0</v>
      </c>
      <c r="HN18" s="295">
        <v>0</v>
      </c>
      <c r="HO18" s="296">
        <v>0</v>
      </c>
      <c r="HP18" s="297">
        <v>0</v>
      </c>
      <c r="HQ18" s="298">
        <v>0</v>
      </c>
      <c r="HR18" s="296">
        <v>241323</v>
      </c>
      <c r="HS18" s="296">
        <v>643311</v>
      </c>
      <c r="HT18" s="296">
        <v>3466561</v>
      </c>
      <c r="HU18" s="296">
        <v>3738822</v>
      </c>
      <c r="HV18" s="296">
        <v>2312383</v>
      </c>
      <c r="HW18" s="299">
        <v>10402400</v>
      </c>
      <c r="HX18" s="300">
        <v>10402400</v>
      </c>
    </row>
    <row r="19" spans="1:232" ht="16.5" customHeight="1" x14ac:dyDescent="0.2">
      <c r="A19" s="293" t="s">
        <v>16</v>
      </c>
      <c r="B19" s="295">
        <v>0</v>
      </c>
      <c r="C19" s="296">
        <v>0</v>
      </c>
      <c r="D19" s="297">
        <v>0</v>
      </c>
      <c r="E19" s="298">
        <v>0</v>
      </c>
      <c r="F19" s="296">
        <v>495858</v>
      </c>
      <c r="G19" s="296">
        <v>1089257</v>
      </c>
      <c r="H19" s="296">
        <v>2790676</v>
      </c>
      <c r="I19" s="296">
        <v>3395722</v>
      </c>
      <c r="J19" s="296">
        <v>2201934</v>
      </c>
      <c r="K19" s="299">
        <v>9973447</v>
      </c>
      <c r="L19" s="300">
        <v>9973447</v>
      </c>
      <c r="M19" s="295">
        <v>0</v>
      </c>
      <c r="N19" s="296">
        <v>0</v>
      </c>
      <c r="O19" s="297">
        <v>0</v>
      </c>
      <c r="P19" s="301"/>
      <c r="Q19" s="296">
        <v>70440</v>
      </c>
      <c r="R19" s="296">
        <v>199020</v>
      </c>
      <c r="S19" s="296">
        <v>1680869</v>
      </c>
      <c r="T19" s="296">
        <v>2200323</v>
      </c>
      <c r="U19" s="296">
        <v>1653023</v>
      </c>
      <c r="V19" s="299">
        <v>5803675</v>
      </c>
      <c r="W19" s="300">
        <v>5803675</v>
      </c>
      <c r="X19" s="295">
        <v>0</v>
      </c>
      <c r="Y19" s="296">
        <v>0</v>
      </c>
      <c r="Z19" s="297">
        <v>0</v>
      </c>
      <c r="AA19" s="301"/>
      <c r="AB19" s="296">
        <v>385142</v>
      </c>
      <c r="AC19" s="296">
        <v>812320</v>
      </c>
      <c r="AD19" s="296">
        <v>808108</v>
      </c>
      <c r="AE19" s="296">
        <v>950008</v>
      </c>
      <c r="AF19" s="296">
        <v>306415</v>
      </c>
      <c r="AG19" s="299">
        <v>3261993</v>
      </c>
      <c r="AH19" s="300">
        <v>3261993</v>
      </c>
      <c r="AI19" s="295">
        <v>0</v>
      </c>
      <c r="AJ19" s="296">
        <v>0</v>
      </c>
      <c r="AK19" s="297">
        <v>0</v>
      </c>
      <c r="AL19" s="301"/>
      <c r="AM19" s="296">
        <v>0</v>
      </c>
      <c r="AN19" s="296">
        <v>0</v>
      </c>
      <c r="AO19" s="296">
        <v>0</v>
      </c>
      <c r="AP19" s="296">
        <v>0</v>
      </c>
      <c r="AQ19" s="296">
        <v>2635</v>
      </c>
      <c r="AR19" s="299">
        <v>2635</v>
      </c>
      <c r="AS19" s="300">
        <v>2635</v>
      </c>
      <c r="AT19" s="295">
        <v>0</v>
      </c>
      <c r="AU19" s="296">
        <v>0</v>
      </c>
      <c r="AV19" s="297">
        <v>0</v>
      </c>
      <c r="AW19" s="301"/>
      <c r="AX19" s="296">
        <v>0</v>
      </c>
      <c r="AY19" s="296">
        <v>0</v>
      </c>
      <c r="AZ19" s="296">
        <v>98795</v>
      </c>
      <c r="BA19" s="296">
        <v>97205</v>
      </c>
      <c r="BB19" s="296">
        <v>57853</v>
      </c>
      <c r="BC19" s="299">
        <v>253853</v>
      </c>
      <c r="BD19" s="300">
        <v>253853</v>
      </c>
      <c r="BE19" s="295">
        <v>0</v>
      </c>
      <c r="BF19" s="296">
        <v>0</v>
      </c>
      <c r="BG19" s="297">
        <v>0</v>
      </c>
      <c r="BH19" s="301"/>
      <c r="BI19" s="296">
        <v>2635</v>
      </c>
      <c r="BJ19" s="296">
        <v>27280</v>
      </c>
      <c r="BK19" s="296">
        <v>65625</v>
      </c>
      <c r="BL19" s="296">
        <v>74760</v>
      </c>
      <c r="BM19" s="296">
        <v>103230</v>
      </c>
      <c r="BN19" s="299">
        <v>273530</v>
      </c>
      <c r="BO19" s="300">
        <v>273530</v>
      </c>
      <c r="BP19" s="295">
        <v>0</v>
      </c>
      <c r="BQ19" s="296">
        <v>0</v>
      </c>
      <c r="BR19" s="297">
        <v>0</v>
      </c>
      <c r="BS19" s="298">
        <v>0</v>
      </c>
      <c r="BT19" s="296">
        <v>37045</v>
      </c>
      <c r="BU19" s="296">
        <v>45371</v>
      </c>
      <c r="BV19" s="296">
        <v>137279</v>
      </c>
      <c r="BW19" s="296">
        <v>69223</v>
      </c>
      <c r="BX19" s="296">
        <v>78778</v>
      </c>
      <c r="BY19" s="299">
        <v>367696</v>
      </c>
      <c r="BZ19" s="300">
        <v>367696</v>
      </c>
      <c r="CA19" s="295">
        <v>0</v>
      </c>
      <c r="CB19" s="296">
        <v>0</v>
      </c>
      <c r="CC19" s="297">
        <v>0</v>
      </c>
      <c r="CD19" s="298">
        <v>0</v>
      </c>
      <c r="CE19" s="296">
        <v>596</v>
      </c>
      <c r="CF19" s="296">
        <v>5266</v>
      </c>
      <c r="CG19" s="296">
        <v>0</v>
      </c>
      <c r="CH19" s="296">
        <v>4203</v>
      </c>
      <c r="CI19" s="296">
        <v>0</v>
      </c>
      <c r="CJ19" s="299">
        <v>10065</v>
      </c>
      <c r="CK19" s="300">
        <v>10065</v>
      </c>
      <c r="CL19" s="295">
        <v>0</v>
      </c>
      <c r="CM19" s="296">
        <v>0</v>
      </c>
      <c r="CN19" s="297">
        <v>0</v>
      </c>
      <c r="CO19" s="298">
        <v>0</v>
      </c>
      <c r="CP19" s="296">
        <v>0</v>
      </c>
      <c r="CQ19" s="296">
        <v>0</v>
      </c>
      <c r="CR19" s="296">
        <v>0</v>
      </c>
      <c r="CS19" s="296">
        <v>0</v>
      </c>
      <c r="CT19" s="296">
        <v>0</v>
      </c>
      <c r="CU19" s="299">
        <v>0</v>
      </c>
      <c r="CV19" s="300">
        <v>0</v>
      </c>
      <c r="CW19" s="295">
        <v>0</v>
      </c>
      <c r="CX19" s="296">
        <v>0</v>
      </c>
      <c r="CY19" s="297">
        <v>0</v>
      </c>
      <c r="CZ19" s="301"/>
      <c r="DA19" s="296">
        <v>0</v>
      </c>
      <c r="DB19" s="296">
        <v>0</v>
      </c>
      <c r="DC19" s="296">
        <v>0</v>
      </c>
      <c r="DD19" s="296">
        <v>0</v>
      </c>
      <c r="DE19" s="296">
        <v>0</v>
      </c>
      <c r="DF19" s="299">
        <v>0</v>
      </c>
      <c r="DG19" s="300">
        <v>0</v>
      </c>
      <c r="DH19" s="295">
        <v>0</v>
      </c>
      <c r="DI19" s="296">
        <v>0</v>
      </c>
      <c r="DJ19" s="297">
        <v>0</v>
      </c>
      <c r="DK19" s="298">
        <v>0</v>
      </c>
      <c r="DL19" s="296">
        <v>373018</v>
      </c>
      <c r="DM19" s="296">
        <v>820455</v>
      </c>
      <c r="DN19" s="296">
        <v>2979698</v>
      </c>
      <c r="DO19" s="296">
        <v>3601027</v>
      </c>
      <c r="DP19" s="296">
        <v>2305308</v>
      </c>
      <c r="DQ19" s="299">
        <v>10079506</v>
      </c>
      <c r="DR19" s="302">
        <v>10079506</v>
      </c>
      <c r="DS19" s="295">
        <v>0</v>
      </c>
      <c r="DT19" s="296">
        <v>0</v>
      </c>
      <c r="DU19" s="297">
        <v>0</v>
      </c>
      <c r="DV19" s="301"/>
      <c r="DW19" s="296">
        <v>112933</v>
      </c>
      <c r="DX19" s="296">
        <v>371876</v>
      </c>
      <c r="DY19" s="296">
        <v>2359329</v>
      </c>
      <c r="DZ19" s="296">
        <v>3053155</v>
      </c>
      <c r="EA19" s="296">
        <v>1959483</v>
      </c>
      <c r="EB19" s="299">
        <v>7856776</v>
      </c>
      <c r="EC19" s="300">
        <v>7856776</v>
      </c>
      <c r="ED19" s="295">
        <v>0</v>
      </c>
      <c r="EE19" s="296">
        <v>0</v>
      </c>
      <c r="EF19" s="297">
        <v>0</v>
      </c>
      <c r="EG19" s="301"/>
      <c r="EH19" s="296">
        <v>187134</v>
      </c>
      <c r="EI19" s="296">
        <v>318817</v>
      </c>
      <c r="EJ19" s="296">
        <v>255779</v>
      </c>
      <c r="EK19" s="296">
        <v>269896</v>
      </c>
      <c r="EL19" s="296">
        <v>45617</v>
      </c>
      <c r="EM19" s="299">
        <v>1077243</v>
      </c>
      <c r="EN19" s="300">
        <v>1077243</v>
      </c>
      <c r="EO19" s="295">
        <v>0</v>
      </c>
      <c r="EP19" s="296">
        <v>0</v>
      </c>
      <c r="EQ19" s="297">
        <v>0</v>
      </c>
      <c r="ER19" s="301"/>
      <c r="ES19" s="296">
        <v>0</v>
      </c>
      <c r="ET19" s="296">
        <v>0</v>
      </c>
      <c r="EU19" s="296">
        <v>0</v>
      </c>
      <c r="EV19" s="296">
        <v>0</v>
      </c>
      <c r="EW19" s="296">
        <v>217</v>
      </c>
      <c r="EX19" s="299">
        <v>217</v>
      </c>
      <c r="EY19" s="300">
        <v>217</v>
      </c>
      <c r="EZ19" s="295">
        <v>0</v>
      </c>
      <c r="FA19" s="296">
        <v>0</v>
      </c>
      <c r="FB19" s="297">
        <v>0</v>
      </c>
      <c r="FC19" s="301"/>
      <c r="FD19" s="296">
        <v>0</v>
      </c>
      <c r="FE19" s="296">
        <v>0</v>
      </c>
      <c r="FF19" s="296">
        <v>12121</v>
      </c>
      <c r="FG19" s="296">
        <v>12695</v>
      </c>
      <c r="FH19" s="296">
        <v>12170</v>
      </c>
      <c r="FI19" s="299">
        <v>36986</v>
      </c>
      <c r="FJ19" s="300">
        <v>36986</v>
      </c>
      <c r="FK19" s="295">
        <v>0</v>
      </c>
      <c r="FL19" s="296">
        <v>0</v>
      </c>
      <c r="FM19" s="297">
        <v>0</v>
      </c>
      <c r="FN19" s="301"/>
      <c r="FO19" s="296">
        <v>21576</v>
      </c>
      <c r="FP19" s="296">
        <v>43152</v>
      </c>
      <c r="FQ19" s="296">
        <v>144874</v>
      </c>
      <c r="FR19" s="296">
        <v>162620</v>
      </c>
      <c r="FS19" s="296">
        <v>202988</v>
      </c>
      <c r="FT19" s="299">
        <v>575210</v>
      </c>
      <c r="FU19" s="300">
        <v>575210</v>
      </c>
      <c r="FV19" s="295">
        <v>0</v>
      </c>
      <c r="FW19" s="296">
        <v>0</v>
      </c>
      <c r="FX19" s="297">
        <v>0</v>
      </c>
      <c r="FY19" s="298">
        <v>0</v>
      </c>
      <c r="FZ19" s="296">
        <v>51333</v>
      </c>
      <c r="GA19" s="296">
        <v>79445</v>
      </c>
      <c r="GB19" s="296">
        <v>207595</v>
      </c>
      <c r="GC19" s="296">
        <v>95680</v>
      </c>
      <c r="GD19" s="296">
        <v>84833</v>
      </c>
      <c r="GE19" s="299">
        <v>518886</v>
      </c>
      <c r="GF19" s="300">
        <v>518886</v>
      </c>
      <c r="GG19" s="295">
        <v>0</v>
      </c>
      <c r="GH19" s="296">
        <v>0</v>
      </c>
      <c r="GI19" s="297">
        <v>0</v>
      </c>
      <c r="GJ19" s="298">
        <v>0</v>
      </c>
      <c r="GK19" s="296">
        <v>42</v>
      </c>
      <c r="GL19" s="296">
        <v>7165</v>
      </c>
      <c r="GM19" s="296">
        <v>0</v>
      </c>
      <c r="GN19" s="296">
        <v>6981</v>
      </c>
      <c r="GO19" s="296">
        <v>0</v>
      </c>
      <c r="GP19" s="299">
        <v>14188</v>
      </c>
      <c r="GQ19" s="300">
        <v>14188</v>
      </c>
      <c r="GR19" s="295">
        <v>0</v>
      </c>
      <c r="GS19" s="296">
        <v>0</v>
      </c>
      <c r="GT19" s="297">
        <v>0</v>
      </c>
      <c r="GU19" s="298">
        <v>0</v>
      </c>
      <c r="GV19" s="296">
        <v>0</v>
      </c>
      <c r="GW19" s="296">
        <v>0</v>
      </c>
      <c r="GX19" s="296">
        <v>0</v>
      </c>
      <c r="GY19" s="296">
        <v>0</v>
      </c>
      <c r="GZ19" s="296">
        <v>0</v>
      </c>
      <c r="HA19" s="299">
        <v>0</v>
      </c>
      <c r="HB19" s="300">
        <v>0</v>
      </c>
      <c r="HC19" s="295">
        <v>0</v>
      </c>
      <c r="HD19" s="296">
        <v>0</v>
      </c>
      <c r="HE19" s="297">
        <v>0</v>
      </c>
      <c r="HF19" s="301"/>
      <c r="HG19" s="296">
        <v>0</v>
      </c>
      <c r="HH19" s="296">
        <v>0</v>
      </c>
      <c r="HI19" s="296">
        <v>0</v>
      </c>
      <c r="HJ19" s="296">
        <v>0</v>
      </c>
      <c r="HK19" s="296">
        <v>0</v>
      </c>
      <c r="HL19" s="299">
        <v>0</v>
      </c>
      <c r="HM19" s="300">
        <v>0</v>
      </c>
      <c r="HN19" s="295">
        <v>0</v>
      </c>
      <c r="HO19" s="296">
        <v>0</v>
      </c>
      <c r="HP19" s="297">
        <v>0</v>
      </c>
      <c r="HQ19" s="298">
        <v>0</v>
      </c>
      <c r="HR19" s="296">
        <v>868876</v>
      </c>
      <c r="HS19" s="296">
        <v>1909712</v>
      </c>
      <c r="HT19" s="296">
        <v>5770374</v>
      </c>
      <c r="HU19" s="296">
        <v>6996749</v>
      </c>
      <c r="HV19" s="296">
        <v>4507242</v>
      </c>
      <c r="HW19" s="299">
        <v>20052953</v>
      </c>
      <c r="HX19" s="300">
        <v>20052953</v>
      </c>
    </row>
    <row r="20" spans="1:232" ht="16.5" customHeight="1" x14ac:dyDescent="0.2">
      <c r="A20" s="293" t="s">
        <v>17</v>
      </c>
      <c r="B20" s="295">
        <v>945</v>
      </c>
      <c r="C20" s="296">
        <v>0</v>
      </c>
      <c r="D20" s="297">
        <v>945</v>
      </c>
      <c r="E20" s="298">
        <v>0</v>
      </c>
      <c r="F20" s="296">
        <v>264853</v>
      </c>
      <c r="G20" s="296">
        <v>961421</v>
      </c>
      <c r="H20" s="296">
        <v>2830003</v>
      </c>
      <c r="I20" s="296">
        <v>3042410</v>
      </c>
      <c r="J20" s="296">
        <v>2449915</v>
      </c>
      <c r="K20" s="299">
        <v>9548602</v>
      </c>
      <c r="L20" s="300">
        <v>9549547</v>
      </c>
      <c r="M20" s="295">
        <v>0</v>
      </c>
      <c r="N20" s="296">
        <v>0</v>
      </c>
      <c r="O20" s="297">
        <v>0</v>
      </c>
      <c r="P20" s="301"/>
      <c r="Q20" s="296">
        <v>54560</v>
      </c>
      <c r="R20" s="296">
        <v>284740</v>
      </c>
      <c r="S20" s="296">
        <v>1607956</v>
      </c>
      <c r="T20" s="296">
        <v>2438250</v>
      </c>
      <c r="U20" s="296">
        <v>1756485</v>
      </c>
      <c r="V20" s="299">
        <v>6141991</v>
      </c>
      <c r="W20" s="300">
        <v>6141991</v>
      </c>
      <c r="X20" s="295">
        <v>0</v>
      </c>
      <c r="Y20" s="296">
        <v>0</v>
      </c>
      <c r="Z20" s="297">
        <v>0</v>
      </c>
      <c r="AA20" s="301"/>
      <c r="AB20" s="296">
        <v>157430</v>
      </c>
      <c r="AC20" s="296">
        <v>547815</v>
      </c>
      <c r="AD20" s="296">
        <v>806642</v>
      </c>
      <c r="AE20" s="296">
        <v>349823</v>
      </c>
      <c r="AF20" s="296">
        <v>255430</v>
      </c>
      <c r="AG20" s="299">
        <v>2117140</v>
      </c>
      <c r="AH20" s="300">
        <v>2117140</v>
      </c>
      <c r="AI20" s="295">
        <v>0</v>
      </c>
      <c r="AJ20" s="296">
        <v>0</v>
      </c>
      <c r="AK20" s="297">
        <v>0</v>
      </c>
      <c r="AL20" s="301"/>
      <c r="AM20" s="296">
        <v>0</v>
      </c>
      <c r="AN20" s="296">
        <v>0</v>
      </c>
      <c r="AO20" s="296">
        <v>32705</v>
      </c>
      <c r="AP20" s="296">
        <v>0</v>
      </c>
      <c r="AQ20" s="296">
        <v>2635</v>
      </c>
      <c r="AR20" s="299">
        <v>35340</v>
      </c>
      <c r="AS20" s="300">
        <v>35340</v>
      </c>
      <c r="AT20" s="295">
        <v>0</v>
      </c>
      <c r="AU20" s="296">
        <v>0</v>
      </c>
      <c r="AV20" s="297">
        <v>0</v>
      </c>
      <c r="AW20" s="301"/>
      <c r="AX20" s="296">
        <v>0</v>
      </c>
      <c r="AY20" s="296">
        <v>0</v>
      </c>
      <c r="AZ20" s="296">
        <v>0</v>
      </c>
      <c r="BA20" s="296">
        <v>2635</v>
      </c>
      <c r="BB20" s="296">
        <v>62620</v>
      </c>
      <c r="BC20" s="299">
        <v>65255</v>
      </c>
      <c r="BD20" s="300">
        <v>65255</v>
      </c>
      <c r="BE20" s="295">
        <v>0</v>
      </c>
      <c r="BF20" s="296">
        <v>0</v>
      </c>
      <c r="BG20" s="297">
        <v>0</v>
      </c>
      <c r="BH20" s="301"/>
      <c r="BI20" s="296">
        <v>0</v>
      </c>
      <c r="BJ20" s="296">
        <v>2635</v>
      </c>
      <c r="BK20" s="296">
        <v>203980</v>
      </c>
      <c r="BL20" s="296">
        <v>138570</v>
      </c>
      <c r="BM20" s="296">
        <v>224635</v>
      </c>
      <c r="BN20" s="299">
        <v>569820</v>
      </c>
      <c r="BO20" s="300">
        <v>569820</v>
      </c>
      <c r="BP20" s="295">
        <v>945</v>
      </c>
      <c r="BQ20" s="296">
        <v>0</v>
      </c>
      <c r="BR20" s="297">
        <v>945</v>
      </c>
      <c r="BS20" s="298">
        <v>0</v>
      </c>
      <c r="BT20" s="296">
        <v>46963</v>
      </c>
      <c r="BU20" s="296">
        <v>121775</v>
      </c>
      <c r="BV20" s="296">
        <v>177415</v>
      </c>
      <c r="BW20" s="296">
        <v>113132</v>
      </c>
      <c r="BX20" s="296">
        <v>106875</v>
      </c>
      <c r="BY20" s="299">
        <v>566160</v>
      </c>
      <c r="BZ20" s="300">
        <v>567105</v>
      </c>
      <c r="CA20" s="295">
        <v>0</v>
      </c>
      <c r="CB20" s="296">
        <v>0</v>
      </c>
      <c r="CC20" s="297">
        <v>0</v>
      </c>
      <c r="CD20" s="298">
        <v>0</v>
      </c>
      <c r="CE20" s="296">
        <v>5900</v>
      </c>
      <c r="CF20" s="296">
        <v>4456</v>
      </c>
      <c r="CG20" s="296">
        <v>1305</v>
      </c>
      <c r="CH20" s="296">
        <v>0</v>
      </c>
      <c r="CI20" s="296">
        <v>41235</v>
      </c>
      <c r="CJ20" s="299">
        <v>52896</v>
      </c>
      <c r="CK20" s="300">
        <v>52896</v>
      </c>
      <c r="CL20" s="295">
        <v>0</v>
      </c>
      <c r="CM20" s="296">
        <v>0</v>
      </c>
      <c r="CN20" s="297">
        <v>0</v>
      </c>
      <c r="CO20" s="298">
        <v>0</v>
      </c>
      <c r="CP20" s="296">
        <v>0</v>
      </c>
      <c r="CQ20" s="296">
        <v>0</v>
      </c>
      <c r="CR20" s="296">
        <v>0</v>
      </c>
      <c r="CS20" s="296">
        <v>0</v>
      </c>
      <c r="CT20" s="296">
        <v>0</v>
      </c>
      <c r="CU20" s="299">
        <v>0</v>
      </c>
      <c r="CV20" s="300">
        <v>0</v>
      </c>
      <c r="CW20" s="295">
        <v>0</v>
      </c>
      <c r="CX20" s="296">
        <v>0</v>
      </c>
      <c r="CY20" s="297">
        <v>0</v>
      </c>
      <c r="CZ20" s="301"/>
      <c r="DA20" s="296">
        <v>0</v>
      </c>
      <c r="DB20" s="296">
        <v>0</v>
      </c>
      <c r="DC20" s="296">
        <v>0</v>
      </c>
      <c r="DD20" s="296">
        <v>0</v>
      </c>
      <c r="DE20" s="296">
        <v>0</v>
      </c>
      <c r="DF20" s="299">
        <v>0</v>
      </c>
      <c r="DG20" s="300">
        <v>0</v>
      </c>
      <c r="DH20" s="295">
        <v>5568</v>
      </c>
      <c r="DI20" s="296">
        <v>0</v>
      </c>
      <c r="DJ20" s="297">
        <v>5568</v>
      </c>
      <c r="DK20" s="298">
        <v>0</v>
      </c>
      <c r="DL20" s="296">
        <v>138013</v>
      </c>
      <c r="DM20" s="296">
        <v>521188</v>
      </c>
      <c r="DN20" s="296">
        <v>3027930</v>
      </c>
      <c r="DO20" s="296">
        <v>3608655</v>
      </c>
      <c r="DP20" s="296">
        <v>2728721</v>
      </c>
      <c r="DQ20" s="299">
        <v>10024507</v>
      </c>
      <c r="DR20" s="302">
        <v>10030075</v>
      </c>
      <c r="DS20" s="295">
        <v>0</v>
      </c>
      <c r="DT20" s="296">
        <v>0</v>
      </c>
      <c r="DU20" s="297">
        <v>0</v>
      </c>
      <c r="DV20" s="301"/>
      <c r="DW20" s="296">
        <v>73222</v>
      </c>
      <c r="DX20" s="296">
        <v>289079</v>
      </c>
      <c r="DY20" s="296">
        <v>2349776</v>
      </c>
      <c r="DZ20" s="296">
        <v>3176440</v>
      </c>
      <c r="EA20" s="296">
        <v>2118212</v>
      </c>
      <c r="EB20" s="299">
        <v>8006729</v>
      </c>
      <c r="EC20" s="300">
        <v>8006729</v>
      </c>
      <c r="ED20" s="295">
        <v>0</v>
      </c>
      <c r="EE20" s="296">
        <v>0</v>
      </c>
      <c r="EF20" s="297">
        <v>0</v>
      </c>
      <c r="EG20" s="301"/>
      <c r="EH20" s="296">
        <v>2597</v>
      </c>
      <c r="EI20" s="296">
        <v>50486</v>
      </c>
      <c r="EJ20" s="296">
        <v>88289</v>
      </c>
      <c r="EK20" s="296">
        <v>5467</v>
      </c>
      <c r="EL20" s="296">
        <v>15369</v>
      </c>
      <c r="EM20" s="299">
        <v>162208</v>
      </c>
      <c r="EN20" s="300">
        <v>162208</v>
      </c>
      <c r="EO20" s="295">
        <v>0</v>
      </c>
      <c r="EP20" s="296">
        <v>0</v>
      </c>
      <c r="EQ20" s="297">
        <v>0</v>
      </c>
      <c r="ER20" s="301"/>
      <c r="ES20" s="296">
        <v>0</v>
      </c>
      <c r="ET20" s="296">
        <v>0</v>
      </c>
      <c r="EU20" s="296">
        <v>0</v>
      </c>
      <c r="EV20" s="296">
        <v>0</v>
      </c>
      <c r="EW20" s="296">
        <v>217</v>
      </c>
      <c r="EX20" s="299">
        <v>217</v>
      </c>
      <c r="EY20" s="300">
        <v>217</v>
      </c>
      <c r="EZ20" s="295">
        <v>0</v>
      </c>
      <c r="FA20" s="296">
        <v>0</v>
      </c>
      <c r="FB20" s="297">
        <v>0</v>
      </c>
      <c r="FC20" s="301"/>
      <c r="FD20" s="296">
        <v>0</v>
      </c>
      <c r="FE20" s="296">
        <v>0</v>
      </c>
      <c r="FF20" s="296">
        <v>0</v>
      </c>
      <c r="FG20" s="296">
        <v>217</v>
      </c>
      <c r="FH20" s="296">
        <v>868</v>
      </c>
      <c r="FI20" s="299">
        <v>1085</v>
      </c>
      <c r="FJ20" s="300">
        <v>1085</v>
      </c>
      <c r="FK20" s="295">
        <v>0</v>
      </c>
      <c r="FL20" s="296">
        <v>0</v>
      </c>
      <c r="FM20" s="297">
        <v>0</v>
      </c>
      <c r="FN20" s="301"/>
      <c r="FO20" s="296">
        <v>0</v>
      </c>
      <c r="FP20" s="296">
        <v>10881</v>
      </c>
      <c r="FQ20" s="296">
        <v>297135</v>
      </c>
      <c r="FR20" s="296">
        <v>204383</v>
      </c>
      <c r="FS20" s="296">
        <v>433620</v>
      </c>
      <c r="FT20" s="299">
        <v>946019</v>
      </c>
      <c r="FU20" s="300">
        <v>946019</v>
      </c>
      <c r="FV20" s="295">
        <v>5568</v>
      </c>
      <c r="FW20" s="296">
        <v>0</v>
      </c>
      <c r="FX20" s="297">
        <v>5568</v>
      </c>
      <c r="FY20" s="298">
        <v>0</v>
      </c>
      <c r="FZ20" s="296">
        <v>62054</v>
      </c>
      <c r="GA20" s="296">
        <v>169234</v>
      </c>
      <c r="GB20" s="296">
        <v>289852</v>
      </c>
      <c r="GC20" s="296">
        <v>222148</v>
      </c>
      <c r="GD20" s="296">
        <v>146153</v>
      </c>
      <c r="GE20" s="299">
        <v>889441</v>
      </c>
      <c r="GF20" s="300">
        <v>895009</v>
      </c>
      <c r="GG20" s="295">
        <v>0</v>
      </c>
      <c r="GH20" s="296">
        <v>0</v>
      </c>
      <c r="GI20" s="297">
        <v>0</v>
      </c>
      <c r="GJ20" s="298">
        <v>0</v>
      </c>
      <c r="GK20" s="296">
        <v>140</v>
      </c>
      <c r="GL20" s="296">
        <v>1508</v>
      </c>
      <c r="GM20" s="296">
        <v>2878</v>
      </c>
      <c r="GN20" s="296">
        <v>0</v>
      </c>
      <c r="GO20" s="296">
        <v>14282</v>
      </c>
      <c r="GP20" s="299">
        <v>18808</v>
      </c>
      <c r="GQ20" s="300">
        <v>18808</v>
      </c>
      <c r="GR20" s="295">
        <v>0</v>
      </c>
      <c r="GS20" s="296">
        <v>0</v>
      </c>
      <c r="GT20" s="297">
        <v>0</v>
      </c>
      <c r="GU20" s="298">
        <v>0</v>
      </c>
      <c r="GV20" s="296">
        <v>0</v>
      </c>
      <c r="GW20" s="296">
        <v>0</v>
      </c>
      <c r="GX20" s="296">
        <v>0</v>
      </c>
      <c r="GY20" s="296">
        <v>0</v>
      </c>
      <c r="GZ20" s="296">
        <v>0</v>
      </c>
      <c r="HA20" s="299">
        <v>0</v>
      </c>
      <c r="HB20" s="300">
        <v>0</v>
      </c>
      <c r="HC20" s="295">
        <v>0</v>
      </c>
      <c r="HD20" s="296">
        <v>0</v>
      </c>
      <c r="HE20" s="297">
        <v>0</v>
      </c>
      <c r="HF20" s="301"/>
      <c r="HG20" s="296">
        <v>0</v>
      </c>
      <c r="HH20" s="296">
        <v>0</v>
      </c>
      <c r="HI20" s="296">
        <v>0</v>
      </c>
      <c r="HJ20" s="296">
        <v>0</v>
      </c>
      <c r="HK20" s="296">
        <v>0</v>
      </c>
      <c r="HL20" s="299">
        <v>0</v>
      </c>
      <c r="HM20" s="300">
        <v>0</v>
      </c>
      <c r="HN20" s="295">
        <v>6513</v>
      </c>
      <c r="HO20" s="296">
        <v>0</v>
      </c>
      <c r="HP20" s="297">
        <v>6513</v>
      </c>
      <c r="HQ20" s="298">
        <v>0</v>
      </c>
      <c r="HR20" s="296">
        <v>402866</v>
      </c>
      <c r="HS20" s="296">
        <v>1482609</v>
      </c>
      <c r="HT20" s="296">
        <v>5857933</v>
      </c>
      <c r="HU20" s="296">
        <v>6651065</v>
      </c>
      <c r="HV20" s="296">
        <v>5178636</v>
      </c>
      <c r="HW20" s="299">
        <v>19573109</v>
      </c>
      <c r="HX20" s="300">
        <v>19579622</v>
      </c>
    </row>
    <row r="21" spans="1:232" ht="16.5" customHeight="1" x14ac:dyDescent="0.2">
      <c r="A21" s="293" t="s">
        <v>18</v>
      </c>
      <c r="B21" s="295">
        <v>3940</v>
      </c>
      <c r="C21" s="296">
        <v>0</v>
      </c>
      <c r="D21" s="297">
        <v>3940</v>
      </c>
      <c r="E21" s="298">
        <v>0</v>
      </c>
      <c r="F21" s="296">
        <v>350945</v>
      </c>
      <c r="G21" s="296">
        <v>450025</v>
      </c>
      <c r="H21" s="296">
        <v>2301736</v>
      </c>
      <c r="I21" s="296">
        <v>3697530</v>
      </c>
      <c r="J21" s="296">
        <v>2685407</v>
      </c>
      <c r="K21" s="299">
        <v>9485643</v>
      </c>
      <c r="L21" s="300">
        <v>9489583</v>
      </c>
      <c r="M21" s="295">
        <v>0</v>
      </c>
      <c r="N21" s="296">
        <v>0</v>
      </c>
      <c r="O21" s="297">
        <v>0</v>
      </c>
      <c r="P21" s="301"/>
      <c r="Q21" s="296">
        <v>52545</v>
      </c>
      <c r="R21" s="296">
        <v>84210</v>
      </c>
      <c r="S21" s="296">
        <v>1354770</v>
      </c>
      <c r="T21" s="296">
        <v>2594400</v>
      </c>
      <c r="U21" s="296">
        <v>1984277</v>
      </c>
      <c r="V21" s="299">
        <v>6070202</v>
      </c>
      <c r="W21" s="300">
        <v>6070202</v>
      </c>
      <c r="X21" s="295">
        <v>0</v>
      </c>
      <c r="Y21" s="296">
        <v>0</v>
      </c>
      <c r="Z21" s="297">
        <v>0</v>
      </c>
      <c r="AA21" s="301"/>
      <c r="AB21" s="296">
        <v>261850</v>
      </c>
      <c r="AC21" s="296">
        <v>224745</v>
      </c>
      <c r="AD21" s="296">
        <v>613096</v>
      </c>
      <c r="AE21" s="296">
        <v>685435</v>
      </c>
      <c r="AF21" s="296">
        <v>420650</v>
      </c>
      <c r="AG21" s="299">
        <v>2205776</v>
      </c>
      <c r="AH21" s="300">
        <v>2205776</v>
      </c>
      <c r="AI21" s="295">
        <v>0</v>
      </c>
      <c r="AJ21" s="296">
        <v>0</v>
      </c>
      <c r="AK21" s="297">
        <v>0</v>
      </c>
      <c r="AL21" s="301"/>
      <c r="AM21" s="296">
        <v>0</v>
      </c>
      <c r="AN21" s="296">
        <v>0</v>
      </c>
      <c r="AO21" s="296">
        <v>0</v>
      </c>
      <c r="AP21" s="296">
        <v>765</v>
      </c>
      <c r="AQ21" s="296">
        <v>70990</v>
      </c>
      <c r="AR21" s="299">
        <v>71755</v>
      </c>
      <c r="AS21" s="300">
        <v>71755</v>
      </c>
      <c r="AT21" s="295">
        <v>0</v>
      </c>
      <c r="AU21" s="296">
        <v>0</v>
      </c>
      <c r="AV21" s="297">
        <v>0</v>
      </c>
      <c r="AW21" s="301"/>
      <c r="AX21" s="296">
        <v>0</v>
      </c>
      <c r="AY21" s="296">
        <v>0</v>
      </c>
      <c r="AZ21" s="296">
        <v>0</v>
      </c>
      <c r="BA21" s="296">
        <v>51925</v>
      </c>
      <c r="BB21" s="296">
        <v>125240</v>
      </c>
      <c r="BC21" s="299">
        <v>177165</v>
      </c>
      <c r="BD21" s="300">
        <v>177165</v>
      </c>
      <c r="BE21" s="295">
        <v>0</v>
      </c>
      <c r="BF21" s="296">
        <v>0</v>
      </c>
      <c r="BG21" s="297">
        <v>0</v>
      </c>
      <c r="BH21" s="301"/>
      <c r="BI21" s="296">
        <v>0</v>
      </c>
      <c r="BJ21" s="296">
        <v>32705</v>
      </c>
      <c r="BK21" s="296">
        <v>43245</v>
      </c>
      <c r="BL21" s="296">
        <v>89545</v>
      </c>
      <c r="BM21" s="296">
        <v>5270</v>
      </c>
      <c r="BN21" s="299">
        <v>170765</v>
      </c>
      <c r="BO21" s="300">
        <v>170765</v>
      </c>
      <c r="BP21" s="295">
        <v>3940</v>
      </c>
      <c r="BQ21" s="296">
        <v>0</v>
      </c>
      <c r="BR21" s="297">
        <v>3940</v>
      </c>
      <c r="BS21" s="298">
        <v>0</v>
      </c>
      <c r="BT21" s="296">
        <v>36550</v>
      </c>
      <c r="BU21" s="296">
        <v>108365</v>
      </c>
      <c r="BV21" s="296">
        <v>290625</v>
      </c>
      <c r="BW21" s="296">
        <v>264000</v>
      </c>
      <c r="BX21" s="296">
        <v>78980</v>
      </c>
      <c r="BY21" s="299">
        <v>778520</v>
      </c>
      <c r="BZ21" s="300">
        <v>782460</v>
      </c>
      <c r="CA21" s="295">
        <v>0</v>
      </c>
      <c r="CB21" s="296">
        <v>0</v>
      </c>
      <c r="CC21" s="297">
        <v>0</v>
      </c>
      <c r="CD21" s="298">
        <v>0</v>
      </c>
      <c r="CE21" s="296">
        <v>0</v>
      </c>
      <c r="CF21" s="296">
        <v>0</v>
      </c>
      <c r="CG21" s="296">
        <v>0</v>
      </c>
      <c r="CH21" s="296">
        <v>11460</v>
      </c>
      <c r="CI21" s="296">
        <v>0</v>
      </c>
      <c r="CJ21" s="299">
        <v>11460</v>
      </c>
      <c r="CK21" s="300">
        <v>11460</v>
      </c>
      <c r="CL21" s="295">
        <v>0</v>
      </c>
      <c r="CM21" s="296">
        <v>0</v>
      </c>
      <c r="CN21" s="297">
        <v>0</v>
      </c>
      <c r="CO21" s="298">
        <v>0</v>
      </c>
      <c r="CP21" s="296">
        <v>0</v>
      </c>
      <c r="CQ21" s="296">
        <v>0</v>
      </c>
      <c r="CR21" s="296">
        <v>0</v>
      </c>
      <c r="CS21" s="296">
        <v>0</v>
      </c>
      <c r="CT21" s="296">
        <v>0</v>
      </c>
      <c r="CU21" s="299">
        <v>0</v>
      </c>
      <c r="CV21" s="300">
        <v>0</v>
      </c>
      <c r="CW21" s="295">
        <v>0</v>
      </c>
      <c r="CX21" s="296">
        <v>0</v>
      </c>
      <c r="CY21" s="297">
        <v>0</v>
      </c>
      <c r="CZ21" s="301"/>
      <c r="DA21" s="296">
        <v>0</v>
      </c>
      <c r="DB21" s="296">
        <v>0</v>
      </c>
      <c r="DC21" s="296">
        <v>0</v>
      </c>
      <c r="DD21" s="296">
        <v>0</v>
      </c>
      <c r="DE21" s="296">
        <v>0</v>
      </c>
      <c r="DF21" s="299">
        <v>0</v>
      </c>
      <c r="DG21" s="300">
        <v>0</v>
      </c>
      <c r="DH21" s="295">
        <v>3420</v>
      </c>
      <c r="DI21" s="296">
        <v>0</v>
      </c>
      <c r="DJ21" s="297">
        <v>3420</v>
      </c>
      <c r="DK21" s="298">
        <v>0</v>
      </c>
      <c r="DL21" s="296">
        <v>204196</v>
      </c>
      <c r="DM21" s="296">
        <v>444169</v>
      </c>
      <c r="DN21" s="296">
        <v>2791890</v>
      </c>
      <c r="DO21" s="296">
        <v>4263476</v>
      </c>
      <c r="DP21" s="296">
        <v>2936085</v>
      </c>
      <c r="DQ21" s="299">
        <v>10639816</v>
      </c>
      <c r="DR21" s="302">
        <v>10643236</v>
      </c>
      <c r="DS21" s="295">
        <v>0</v>
      </c>
      <c r="DT21" s="296">
        <v>0</v>
      </c>
      <c r="DU21" s="297">
        <v>0</v>
      </c>
      <c r="DV21" s="301"/>
      <c r="DW21" s="296">
        <v>85188</v>
      </c>
      <c r="DX21" s="296">
        <v>188471</v>
      </c>
      <c r="DY21" s="296">
        <v>2090258</v>
      </c>
      <c r="DZ21" s="296">
        <v>3496510</v>
      </c>
      <c r="EA21" s="296">
        <v>2592898</v>
      </c>
      <c r="EB21" s="299">
        <v>8453325</v>
      </c>
      <c r="EC21" s="300">
        <v>8453325</v>
      </c>
      <c r="ED21" s="295">
        <v>0</v>
      </c>
      <c r="EE21" s="296">
        <v>0</v>
      </c>
      <c r="EF21" s="297">
        <v>0</v>
      </c>
      <c r="EG21" s="301"/>
      <c r="EH21" s="296">
        <v>46678</v>
      </c>
      <c r="EI21" s="296">
        <v>17448</v>
      </c>
      <c r="EJ21" s="296">
        <v>149730</v>
      </c>
      <c r="EK21" s="296">
        <v>127028</v>
      </c>
      <c r="EL21" s="296">
        <v>134211</v>
      </c>
      <c r="EM21" s="299">
        <v>475095</v>
      </c>
      <c r="EN21" s="300">
        <v>475095</v>
      </c>
      <c r="EO21" s="295">
        <v>0</v>
      </c>
      <c r="EP21" s="296">
        <v>0</v>
      </c>
      <c r="EQ21" s="297">
        <v>0</v>
      </c>
      <c r="ER21" s="301"/>
      <c r="ES21" s="296">
        <v>0</v>
      </c>
      <c r="ET21" s="296">
        <v>0</v>
      </c>
      <c r="EU21" s="296">
        <v>0</v>
      </c>
      <c r="EV21" s="296">
        <v>63</v>
      </c>
      <c r="EW21" s="296">
        <v>22940</v>
      </c>
      <c r="EX21" s="299">
        <v>23003</v>
      </c>
      <c r="EY21" s="300">
        <v>23003</v>
      </c>
      <c r="EZ21" s="295">
        <v>0</v>
      </c>
      <c r="FA21" s="296">
        <v>0</v>
      </c>
      <c r="FB21" s="297">
        <v>0</v>
      </c>
      <c r="FC21" s="301"/>
      <c r="FD21" s="296">
        <v>0</v>
      </c>
      <c r="FE21" s="296">
        <v>0</v>
      </c>
      <c r="FF21" s="296">
        <v>0</v>
      </c>
      <c r="FG21" s="296">
        <v>651</v>
      </c>
      <c r="FH21" s="296">
        <v>1736</v>
      </c>
      <c r="FI21" s="299">
        <v>2387</v>
      </c>
      <c r="FJ21" s="300">
        <v>2387</v>
      </c>
      <c r="FK21" s="295">
        <v>0</v>
      </c>
      <c r="FL21" s="296">
        <v>0</v>
      </c>
      <c r="FM21" s="297">
        <v>0</v>
      </c>
      <c r="FN21" s="301"/>
      <c r="FO21" s="296">
        <v>0</v>
      </c>
      <c r="FP21" s="296">
        <v>36766</v>
      </c>
      <c r="FQ21" s="296">
        <v>123070</v>
      </c>
      <c r="FR21" s="296">
        <v>226652</v>
      </c>
      <c r="FS21" s="296">
        <v>43152</v>
      </c>
      <c r="FT21" s="299">
        <v>429640</v>
      </c>
      <c r="FU21" s="300">
        <v>429640</v>
      </c>
      <c r="FV21" s="295">
        <v>3420</v>
      </c>
      <c r="FW21" s="296">
        <v>0</v>
      </c>
      <c r="FX21" s="297">
        <v>3420</v>
      </c>
      <c r="FY21" s="298">
        <v>0</v>
      </c>
      <c r="FZ21" s="296">
        <v>72330</v>
      </c>
      <c r="GA21" s="296">
        <v>201477</v>
      </c>
      <c r="GB21" s="296">
        <v>428832</v>
      </c>
      <c r="GC21" s="296">
        <v>408746</v>
      </c>
      <c r="GD21" s="296">
        <v>141148</v>
      </c>
      <c r="GE21" s="299">
        <v>1252533</v>
      </c>
      <c r="GF21" s="300">
        <v>1255953</v>
      </c>
      <c r="GG21" s="295">
        <v>0</v>
      </c>
      <c r="GH21" s="296">
        <v>0</v>
      </c>
      <c r="GI21" s="297">
        <v>0</v>
      </c>
      <c r="GJ21" s="298">
        <v>0</v>
      </c>
      <c r="GK21" s="296">
        <v>0</v>
      </c>
      <c r="GL21" s="296">
        <v>7</v>
      </c>
      <c r="GM21" s="296">
        <v>0</v>
      </c>
      <c r="GN21" s="296">
        <v>3826</v>
      </c>
      <c r="GO21" s="296">
        <v>0</v>
      </c>
      <c r="GP21" s="299">
        <v>3833</v>
      </c>
      <c r="GQ21" s="300">
        <v>3833</v>
      </c>
      <c r="GR21" s="295">
        <v>0</v>
      </c>
      <c r="GS21" s="296">
        <v>0</v>
      </c>
      <c r="GT21" s="297">
        <v>0</v>
      </c>
      <c r="GU21" s="298">
        <v>0</v>
      </c>
      <c r="GV21" s="296">
        <v>0</v>
      </c>
      <c r="GW21" s="296">
        <v>0</v>
      </c>
      <c r="GX21" s="296">
        <v>0</v>
      </c>
      <c r="GY21" s="296">
        <v>0</v>
      </c>
      <c r="GZ21" s="296">
        <v>0</v>
      </c>
      <c r="HA21" s="299">
        <v>0</v>
      </c>
      <c r="HB21" s="300">
        <v>0</v>
      </c>
      <c r="HC21" s="295">
        <v>0</v>
      </c>
      <c r="HD21" s="296">
        <v>0</v>
      </c>
      <c r="HE21" s="297">
        <v>0</v>
      </c>
      <c r="HF21" s="301"/>
      <c r="HG21" s="296">
        <v>0</v>
      </c>
      <c r="HH21" s="296">
        <v>0</v>
      </c>
      <c r="HI21" s="296">
        <v>0</v>
      </c>
      <c r="HJ21" s="296">
        <v>0</v>
      </c>
      <c r="HK21" s="296">
        <v>0</v>
      </c>
      <c r="HL21" s="299">
        <v>0</v>
      </c>
      <c r="HM21" s="300">
        <v>0</v>
      </c>
      <c r="HN21" s="295">
        <v>7360</v>
      </c>
      <c r="HO21" s="296">
        <v>0</v>
      </c>
      <c r="HP21" s="297">
        <v>7360</v>
      </c>
      <c r="HQ21" s="298">
        <v>0</v>
      </c>
      <c r="HR21" s="296">
        <v>555141</v>
      </c>
      <c r="HS21" s="296">
        <v>894194</v>
      </c>
      <c r="HT21" s="296">
        <v>5093626</v>
      </c>
      <c r="HU21" s="296">
        <v>7961006</v>
      </c>
      <c r="HV21" s="296">
        <v>5621492</v>
      </c>
      <c r="HW21" s="299">
        <v>20125459</v>
      </c>
      <c r="HX21" s="300">
        <v>20132819</v>
      </c>
    </row>
    <row r="22" spans="1:232" ht="16.5" customHeight="1" x14ac:dyDescent="0.2">
      <c r="A22" s="293" t="s">
        <v>19</v>
      </c>
      <c r="B22" s="295">
        <v>0</v>
      </c>
      <c r="C22" s="296">
        <v>0</v>
      </c>
      <c r="D22" s="297">
        <v>0</v>
      </c>
      <c r="E22" s="298">
        <v>0</v>
      </c>
      <c r="F22" s="296">
        <v>92885</v>
      </c>
      <c r="G22" s="296">
        <v>393450</v>
      </c>
      <c r="H22" s="296">
        <v>1702986</v>
      </c>
      <c r="I22" s="296">
        <v>1243008</v>
      </c>
      <c r="J22" s="296">
        <v>1021716</v>
      </c>
      <c r="K22" s="299">
        <v>4454045</v>
      </c>
      <c r="L22" s="300">
        <v>4454045</v>
      </c>
      <c r="M22" s="295">
        <v>0</v>
      </c>
      <c r="N22" s="296">
        <v>0</v>
      </c>
      <c r="O22" s="297">
        <v>0</v>
      </c>
      <c r="P22" s="301"/>
      <c r="Q22" s="296">
        <v>0</v>
      </c>
      <c r="R22" s="296">
        <v>48515</v>
      </c>
      <c r="S22" s="296">
        <v>1279366</v>
      </c>
      <c r="T22" s="296">
        <v>937475</v>
      </c>
      <c r="U22" s="296">
        <v>798655</v>
      </c>
      <c r="V22" s="299">
        <v>3064011</v>
      </c>
      <c r="W22" s="300">
        <v>3064011</v>
      </c>
      <c r="X22" s="295">
        <v>0</v>
      </c>
      <c r="Y22" s="296">
        <v>0</v>
      </c>
      <c r="Z22" s="297">
        <v>0</v>
      </c>
      <c r="AA22" s="301"/>
      <c r="AB22" s="296">
        <v>59730</v>
      </c>
      <c r="AC22" s="296">
        <v>276025</v>
      </c>
      <c r="AD22" s="296">
        <v>378920</v>
      </c>
      <c r="AE22" s="296">
        <v>282620</v>
      </c>
      <c r="AF22" s="296">
        <v>150275</v>
      </c>
      <c r="AG22" s="299">
        <v>1147570</v>
      </c>
      <c r="AH22" s="300">
        <v>1147570</v>
      </c>
      <c r="AI22" s="295">
        <v>0</v>
      </c>
      <c r="AJ22" s="296">
        <v>0</v>
      </c>
      <c r="AK22" s="297">
        <v>0</v>
      </c>
      <c r="AL22" s="301"/>
      <c r="AM22" s="296">
        <v>0</v>
      </c>
      <c r="AN22" s="296">
        <v>0</v>
      </c>
      <c r="AO22" s="296">
        <v>0</v>
      </c>
      <c r="AP22" s="296">
        <v>0</v>
      </c>
      <c r="AQ22" s="296">
        <v>0</v>
      </c>
      <c r="AR22" s="299">
        <v>0</v>
      </c>
      <c r="AS22" s="300">
        <v>0</v>
      </c>
      <c r="AT22" s="295">
        <v>0</v>
      </c>
      <c r="AU22" s="296">
        <v>0</v>
      </c>
      <c r="AV22" s="297">
        <v>0</v>
      </c>
      <c r="AW22" s="301"/>
      <c r="AX22" s="296">
        <v>0</v>
      </c>
      <c r="AY22" s="296">
        <v>0</v>
      </c>
      <c r="AZ22" s="296">
        <v>0</v>
      </c>
      <c r="BA22" s="296">
        <v>0</v>
      </c>
      <c r="BB22" s="296">
        <v>50336</v>
      </c>
      <c r="BC22" s="299">
        <v>50336</v>
      </c>
      <c r="BD22" s="300">
        <v>50336</v>
      </c>
      <c r="BE22" s="295">
        <v>0</v>
      </c>
      <c r="BF22" s="296">
        <v>0</v>
      </c>
      <c r="BG22" s="297">
        <v>0</v>
      </c>
      <c r="BH22" s="301"/>
      <c r="BI22" s="296">
        <v>0</v>
      </c>
      <c r="BJ22" s="296">
        <v>0</v>
      </c>
      <c r="BK22" s="296">
        <v>0</v>
      </c>
      <c r="BL22" s="296">
        <v>0</v>
      </c>
      <c r="BM22" s="296">
        <v>0</v>
      </c>
      <c r="BN22" s="299">
        <v>0</v>
      </c>
      <c r="BO22" s="300">
        <v>0</v>
      </c>
      <c r="BP22" s="295">
        <v>0</v>
      </c>
      <c r="BQ22" s="296">
        <v>0</v>
      </c>
      <c r="BR22" s="297">
        <v>0</v>
      </c>
      <c r="BS22" s="298">
        <v>0</v>
      </c>
      <c r="BT22" s="296">
        <v>28695</v>
      </c>
      <c r="BU22" s="296">
        <v>61085</v>
      </c>
      <c r="BV22" s="296">
        <v>44700</v>
      </c>
      <c r="BW22" s="296">
        <v>20745</v>
      </c>
      <c r="BX22" s="296">
        <v>22450</v>
      </c>
      <c r="BY22" s="299">
        <v>177675</v>
      </c>
      <c r="BZ22" s="300">
        <v>177675</v>
      </c>
      <c r="CA22" s="295">
        <v>0</v>
      </c>
      <c r="CB22" s="296">
        <v>0</v>
      </c>
      <c r="CC22" s="297">
        <v>0</v>
      </c>
      <c r="CD22" s="298">
        <v>0</v>
      </c>
      <c r="CE22" s="296">
        <v>4460</v>
      </c>
      <c r="CF22" s="296">
        <v>7825</v>
      </c>
      <c r="CG22" s="296">
        <v>0</v>
      </c>
      <c r="CH22" s="296">
        <v>2168</v>
      </c>
      <c r="CI22" s="296">
        <v>0</v>
      </c>
      <c r="CJ22" s="299">
        <v>14453</v>
      </c>
      <c r="CK22" s="300">
        <v>14453</v>
      </c>
      <c r="CL22" s="295">
        <v>0</v>
      </c>
      <c r="CM22" s="296">
        <v>0</v>
      </c>
      <c r="CN22" s="297">
        <v>0</v>
      </c>
      <c r="CO22" s="298">
        <v>0</v>
      </c>
      <c r="CP22" s="296">
        <v>0</v>
      </c>
      <c r="CQ22" s="296">
        <v>0</v>
      </c>
      <c r="CR22" s="296">
        <v>0</v>
      </c>
      <c r="CS22" s="296">
        <v>0</v>
      </c>
      <c r="CT22" s="296">
        <v>0</v>
      </c>
      <c r="CU22" s="299">
        <v>0</v>
      </c>
      <c r="CV22" s="300">
        <v>0</v>
      </c>
      <c r="CW22" s="295">
        <v>0</v>
      </c>
      <c r="CX22" s="296">
        <v>0</v>
      </c>
      <c r="CY22" s="297">
        <v>0</v>
      </c>
      <c r="CZ22" s="301"/>
      <c r="DA22" s="296">
        <v>0</v>
      </c>
      <c r="DB22" s="296">
        <v>0</v>
      </c>
      <c r="DC22" s="296">
        <v>0</v>
      </c>
      <c r="DD22" s="296">
        <v>0</v>
      </c>
      <c r="DE22" s="296">
        <v>0</v>
      </c>
      <c r="DF22" s="299">
        <v>0</v>
      </c>
      <c r="DG22" s="300">
        <v>0</v>
      </c>
      <c r="DH22" s="295">
        <v>0</v>
      </c>
      <c r="DI22" s="296">
        <v>0</v>
      </c>
      <c r="DJ22" s="297">
        <v>0</v>
      </c>
      <c r="DK22" s="298">
        <v>0</v>
      </c>
      <c r="DL22" s="296">
        <v>53456</v>
      </c>
      <c r="DM22" s="296">
        <v>208727</v>
      </c>
      <c r="DN22" s="296">
        <v>1710481</v>
      </c>
      <c r="DO22" s="296">
        <v>1361976</v>
      </c>
      <c r="DP22" s="296">
        <v>1104288</v>
      </c>
      <c r="DQ22" s="299">
        <v>4438928</v>
      </c>
      <c r="DR22" s="302">
        <v>4438928</v>
      </c>
      <c r="DS22" s="295">
        <v>0</v>
      </c>
      <c r="DT22" s="296">
        <v>0</v>
      </c>
      <c r="DU22" s="297">
        <v>0</v>
      </c>
      <c r="DV22" s="301"/>
      <c r="DW22" s="296">
        <v>0</v>
      </c>
      <c r="DX22" s="296">
        <v>126790</v>
      </c>
      <c r="DY22" s="296">
        <v>1555190</v>
      </c>
      <c r="DZ22" s="296">
        <v>1306009</v>
      </c>
      <c r="EA22" s="296">
        <v>1073933</v>
      </c>
      <c r="EB22" s="299">
        <v>4061922</v>
      </c>
      <c r="EC22" s="300">
        <v>4061922</v>
      </c>
      <c r="ED22" s="295">
        <v>0</v>
      </c>
      <c r="EE22" s="296">
        <v>0</v>
      </c>
      <c r="EF22" s="297">
        <v>0</v>
      </c>
      <c r="EG22" s="301"/>
      <c r="EH22" s="296">
        <v>28239</v>
      </c>
      <c r="EI22" s="296">
        <v>25739</v>
      </c>
      <c r="EJ22" s="296">
        <v>71509</v>
      </c>
      <c r="EK22" s="296">
        <v>18561</v>
      </c>
      <c r="EL22" s="296">
        <v>11649</v>
      </c>
      <c r="EM22" s="299">
        <v>155697</v>
      </c>
      <c r="EN22" s="300">
        <v>155697</v>
      </c>
      <c r="EO22" s="295">
        <v>0</v>
      </c>
      <c r="EP22" s="296">
        <v>0</v>
      </c>
      <c r="EQ22" s="297">
        <v>0</v>
      </c>
      <c r="ER22" s="301"/>
      <c r="ES22" s="296">
        <v>0</v>
      </c>
      <c r="ET22" s="296">
        <v>0</v>
      </c>
      <c r="EU22" s="296">
        <v>0</v>
      </c>
      <c r="EV22" s="296">
        <v>0</v>
      </c>
      <c r="EW22" s="296">
        <v>0</v>
      </c>
      <c r="EX22" s="299">
        <v>0</v>
      </c>
      <c r="EY22" s="300">
        <v>0</v>
      </c>
      <c r="EZ22" s="295">
        <v>0</v>
      </c>
      <c r="FA22" s="296">
        <v>0</v>
      </c>
      <c r="FB22" s="297">
        <v>0</v>
      </c>
      <c r="FC22" s="301"/>
      <c r="FD22" s="296">
        <v>0</v>
      </c>
      <c r="FE22" s="296">
        <v>0</v>
      </c>
      <c r="FF22" s="296">
        <v>0</v>
      </c>
      <c r="FG22" s="296">
        <v>0</v>
      </c>
      <c r="FH22" s="296">
        <v>434</v>
      </c>
      <c r="FI22" s="299">
        <v>434</v>
      </c>
      <c r="FJ22" s="300">
        <v>434</v>
      </c>
      <c r="FK22" s="295">
        <v>0</v>
      </c>
      <c r="FL22" s="296">
        <v>0</v>
      </c>
      <c r="FM22" s="297">
        <v>0</v>
      </c>
      <c r="FN22" s="301"/>
      <c r="FO22" s="296">
        <v>0</v>
      </c>
      <c r="FP22" s="296">
        <v>0</v>
      </c>
      <c r="FQ22" s="296">
        <v>0</v>
      </c>
      <c r="FR22" s="296">
        <v>0</v>
      </c>
      <c r="FS22" s="296">
        <v>0</v>
      </c>
      <c r="FT22" s="299">
        <v>0</v>
      </c>
      <c r="FU22" s="300">
        <v>0</v>
      </c>
      <c r="FV22" s="295">
        <v>0</v>
      </c>
      <c r="FW22" s="296">
        <v>0</v>
      </c>
      <c r="FX22" s="297">
        <v>0</v>
      </c>
      <c r="FY22" s="298">
        <v>0</v>
      </c>
      <c r="FZ22" s="296">
        <v>21897</v>
      </c>
      <c r="GA22" s="296">
        <v>50007</v>
      </c>
      <c r="GB22" s="296">
        <v>83782</v>
      </c>
      <c r="GC22" s="296">
        <v>30555</v>
      </c>
      <c r="GD22" s="296">
        <v>18272</v>
      </c>
      <c r="GE22" s="299">
        <v>204513</v>
      </c>
      <c r="GF22" s="300">
        <v>204513</v>
      </c>
      <c r="GG22" s="295">
        <v>0</v>
      </c>
      <c r="GH22" s="296">
        <v>0</v>
      </c>
      <c r="GI22" s="297">
        <v>0</v>
      </c>
      <c r="GJ22" s="298">
        <v>0</v>
      </c>
      <c r="GK22" s="296">
        <v>3320</v>
      </c>
      <c r="GL22" s="296">
        <v>6191</v>
      </c>
      <c r="GM22" s="296">
        <v>0</v>
      </c>
      <c r="GN22" s="296">
        <v>6851</v>
      </c>
      <c r="GO22" s="296">
        <v>0</v>
      </c>
      <c r="GP22" s="299">
        <v>16362</v>
      </c>
      <c r="GQ22" s="300">
        <v>16362</v>
      </c>
      <c r="GR22" s="295">
        <v>0</v>
      </c>
      <c r="GS22" s="296">
        <v>0</v>
      </c>
      <c r="GT22" s="297">
        <v>0</v>
      </c>
      <c r="GU22" s="298">
        <v>0</v>
      </c>
      <c r="GV22" s="296">
        <v>0</v>
      </c>
      <c r="GW22" s="296">
        <v>0</v>
      </c>
      <c r="GX22" s="296">
        <v>0</v>
      </c>
      <c r="GY22" s="296">
        <v>0</v>
      </c>
      <c r="GZ22" s="296">
        <v>0</v>
      </c>
      <c r="HA22" s="299">
        <v>0</v>
      </c>
      <c r="HB22" s="300">
        <v>0</v>
      </c>
      <c r="HC22" s="295">
        <v>0</v>
      </c>
      <c r="HD22" s="296">
        <v>0</v>
      </c>
      <c r="HE22" s="297">
        <v>0</v>
      </c>
      <c r="HF22" s="301"/>
      <c r="HG22" s="296">
        <v>0</v>
      </c>
      <c r="HH22" s="296">
        <v>0</v>
      </c>
      <c r="HI22" s="296">
        <v>0</v>
      </c>
      <c r="HJ22" s="296">
        <v>0</v>
      </c>
      <c r="HK22" s="296">
        <v>0</v>
      </c>
      <c r="HL22" s="299">
        <v>0</v>
      </c>
      <c r="HM22" s="300">
        <v>0</v>
      </c>
      <c r="HN22" s="295">
        <v>0</v>
      </c>
      <c r="HO22" s="296">
        <v>0</v>
      </c>
      <c r="HP22" s="297">
        <v>0</v>
      </c>
      <c r="HQ22" s="298">
        <v>0</v>
      </c>
      <c r="HR22" s="296">
        <v>146341</v>
      </c>
      <c r="HS22" s="296">
        <v>602177</v>
      </c>
      <c r="HT22" s="296">
        <v>3413467</v>
      </c>
      <c r="HU22" s="296">
        <v>2604984</v>
      </c>
      <c r="HV22" s="296">
        <v>2126004</v>
      </c>
      <c r="HW22" s="299">
        <v>8892973</v>
      </c>
      <c r="HX22" s="300">
        <v>8892973</v>
      </c>
    </row>
    <row r="23" spans="1:232" ht="16.5" customHeight="1" x14ac:dyDescent="0.2">
      <c r="A23" s="293" t="s">
        <v>20</v>
      </c>
      <c r="B23" s="295">
        <v>0</v>
      </c>
      <c r="C23" s="296">
        <v>5530</v>
      </c>
      <c r="D23" s="297">
        <v>5530</v>
      </c>
      <c r="E23" s="298">
        <v>0</v>
      </c>
      <c r="F23" s="296">
        <v>234160</v>
      </c>
      <c r="G23" s="296">
        <v>321045</v>
      </c>
      <c r="H23" s="296">
        <v>1517261</v>
      </c>
      <c r="I23" s="296">
        <v>1638550</v>
      </c>
      <c r="J23" s="296">
        <v>686985</v>
      </c>
      <c r="K23" s="299">
        <v>4398001</v>
      </c>
      <c r="L23" s="300">
        <v>4403531</v>
      </c>
      <c r="M23" s="295">
        <v>0</v>
      </c>
      <c r="N23" s="296">
        <v>0</v>
      </c>
      <c r="O23" s="297">
        <v>0</v>
      </c>
      <c r="P23" s="301"/>
      <c r="Q23" s="296">
        <v>79205</v>
      </c>
      <c r="R23" s="296">
        <v>116405</v>
      </c>
      <c r="S23" s="296">
        <v>1110445</v>
      </c>
      <c r="T23" s="296">
        <v>1376790</v>
      </c>
      <c r="U23" s="296">
        <v>576985</v>
      </c>
      <c r="V23" s="299">
        <v>3259830</v>
      </c>
      <c r="W23" s="300">
        <v>3259830</v>
      </c>
      <c r="X23" s="295">
        <v>0</v>
      </c>
      <c r="Y23" s="296">
        <v>0</v>
      </c>
      <c r="Z23" s="297">
        <v>0</v>
      </c>
      <c r="AA23" s="301"/>
      <c r="AB23" s="296">
        <v>110000</v>
      </c>
      <c r="AC23" s="296">
        <v>145320</v>
      </c>
      <c r="AD23" s="296">
        <v>228385</v>
      </c>
      <c r="AE23" s="296">
        <v>190650</v>
      </c>
      <c r="AF23" s="296">
        <v>79205</v>
      </c>
      <c r="AG23" s="299">
        <v>753560</v>
      </c>
      <c r="AH23" s="300">
        <v>753560</v>
      </c>
      <c r="AI23" s="295">
        <v>0</v>
      </c>
      <c r="AJ23" s="296">
        <v>0</v>
      </c>
      <c r="AK23" s="297">
        <v>0</v>
      </c>
      <c r="AL23" s="301"/>
      <c r="AM23" s="296">
        <v>0</v>
      </c>
      <c r="AN23" s="296">
        <v>0</v>
      </c>
      <c r="AO23" s="296">
        <v>0</v>
      </c>
      <c r="AP23" s="296">
        <v>0</v>
      </c>
      <c r="AQ23" s="296">
        <v>0</v>
      </c>
      <c r="AR23" s="299">
        <v>0</v>
      </c>
      <c r="AS23" s="300">
        <v>0</v>
      </c>
      <c r="AT23" s="295">
        <v>0</v>
      </c>
      <c r="AU23" s="296">
        <v>0</v>
      </c>
      <c r="AV23" s="297">
        <v>0</v>
      </c>
      <c r="AW23" s="301"/>
      <c r="AX23" s="296">
        <v>0</v>
      </c>
      <c r="AY23" s="296">
        <v>0</v>
      </c>
      <c r="AZ23" s="296">
        <v>2635</v>
      </c>
      <c r="BA23" s="296">
        <v>0</v>
      </c>
      <c r="BB23" s="296">
        <v>2550</v>
      </c>
      <c r="BC23" s="299">
        <v>5185</v>
      </c>
      <c r="BD23" s="300">
        <v>5185</v>
      </c>
      <c r="BE23" s="295">
        <v>0</v>
      </c>
      <c r="BF23" s="296">
        <v>0</v>
      </c>
      <c r="BG23" s="297">
        <v>0</v>
      </c>
      <c r="BH23" s="301"/>
      <c r="BI23" s="296">
        <v>0</v>
      </c>
      <c r="BJ23" s="296">
        <v>0</v>
      </c>
      <c r="BK23" s="296">
        <v>0</v>
      </c>
      <c r="BL23" s="296">
        <v>0</v>
      </c>
      <c r="BM23" s="296">
        <v>0</v>
      </c>
      <c r="BN23" s="299">
        <v>0</v>
      </c>
      <c r="BO23" s="300">
        <v>0</v>
      </c>
      <c r="BP23" s="295">
        <v>0</v>
      </c>
      <c r="BQ23" s="296">
        <v>0</v>
      </c>
      <c r="BR23" s="297">
        <v>0</v>
      </c>
      <c r="BS23" s="298">
        <v>0</v>
      </c>
      <c r="BT23" s="296">
        <v>44955</v>
      </c>
      <c r="BU23" s="296">
        <v>58885</v>
      </c>
      <c r="BV23" s="296">
        <v>171881</v>
      </c>
      <c r="BW23" s="296">
        <v>69970</v>
      </c>
      <c r="BX23" s="296">
        <v>28245</v>
      </c>
      <c r="BY23" s="299">
        <v>373936</v>
      </c>
      <c r="BZ23" s="300">
        <v>373936</v>
      </c>
      <c r="CA23" s="295">
        <v>0</v>
      </c>
      <c r="CB23" s="296">
        <v>5530</v>
      </c>
      <c r="CC23" s="297">
        <v>5530</v>
      </c>
      <c r="CD23" s="298">
        <v>0</v>
      </c>
      <c r="CE23" s="296">
        <v>0</v>
      </c>
      <c r="CF23" s="296">
        <v>435</v>
      </c>
      <c r="CG23" s="296">
        <v>3915</v>
      </c>
      <c r="CH23" s="296">
        <v>1140</v>
      </c>
      <c r="CI23" s="296">
        <v>0</v>
      </c>
      <c r="CJ23" s="299">
        <v>5490</v>
      </c>
      <c r="CK23" s="300">
        <v>11020</v>
      </c>
      <c r="CL23" s="295">
        <v>0</v>
      </c>
      <c r="CM23" s="296">
        <v>0</v>
      </c>
      <c r="CN23" s="297">
        <v>0</v>
      </c>
      <c r="CO23" s="298">
        <v>0</v>
      </c>
      <c r="CP23" s="296">
        <v>0</v>
      </c>
      <c r="CQ23" s="296">
        <v>0</v>
      </c>
      <c r="CR23" s="296">
        <v>0</v>
      </c>
      <c r="CS23" s="296">
        <v>0</v>
      </c>
      <c r="CT23" s="296">
        <v>0</v>
      </c>
      <c r="CU23" s="299">
        <v>0</v>
      </c>
      <c r="CV23" s="300">
        <v>0</v>
      </c>
      <c r="CW23" s="295">
        <v>0</v>
      </c>
      <c r="CX23" s="296">
        <v>0</v>
      </c>
      <c r="CY23" s="297">
        <v>0</v>
      </c>
      <c r="CZ23" s="301"/>
      <c r="DA23" s="296">
        <v>0</v>
      </c>
      <c r="DB23" s="296">
        <v>0</v>
      </c>
      <c r="DC23" s="296">
        <v>0</v>
      </c>
      <c r="DD23" s="296">
        <v>0</v>
      </c>
      <c r="DE23" s="296">
        <v>0</v>
      </c>
      <c r="DF23" s="299">
        <v>0</v>
      </c>
      <c r="DG23" s="300">
        <v>0</v>
      </c>
      <c r="DH23" s="295">
        <v>0</v>
      </c>
      <c r="DI23" s="296">
        <v>1885</v>
      </c>
      <c r="DJ23" s="297">
        <v>1885</v>
      </c>
      <c r="DK23" s="298">
        <v>0</v>
      </c>
      <c r="DL23" s="296">
        <v>197951</v>
      </c>
      <c r="DM23" s="296">
        <v>462793</v>
      </c>
      <c r="DN23" s="296">
        <v>2185257</v>
      </c>
      <c r="DO23" s="296">
        <v>2041161</v>
      </c>
      <c r="DP23" s="296">
        <v>993966</v>
      </c>
      <c r="DQ23" s="299">
        <v>5881128</v>
      </c>
      <c r="DR23" s="302">
        <v>5883013</v>
      </c>
      <c r="DS23" s="295">
        <v>0</v>
      </c>
      <c r="DT23" s="296">
        <v>0</v>
      </c>
      <c r="DU23" s="297">
        <v>0</v>
      </c>
      <c r="DV23" s="301"/>
      <c r="DW23" s="296">
        <v>99293</v>
      </c>
      <c r="DX23" s="296">
        <v>304327</v>
      </c>
      <c r="DY23" s="296">
        <v>1747240</v>
      </c>
      <c r="DZ23" s="296">
        <v>1911315</v>
      </c>
      <c r="EA23" s="296">
        <v>932525</v>
      </c>
      <c r="EB23" s="299">
        <v>4994700</v>
      </c>
      <c r="EC23" s="300">
        <v>4994700</v>
      </c>
      <c r="ED23" s="295">
        <v>0</v>
      </c>
      <c r="EE23" s="296">
        <v>0</v>
      </c>
      <c r="EF23" s="297">
        <v>0</v>
      </c>
      <c r="EG23" s="301"/>
      <c r="EH23" s="296">
        <v>12877</v>
      </c>
      <c r="EI23" s="296">
        <v>25966</v>
      </c>
      <c r="EJ23" s="296">
        <v>36725</v>
      </c>
      <c r="EK23" s="296">
        <v>2170</v>
      </c>
      <c r="EL23" s="296">
        <v>1085</v>
      </c>
      <c r="EM23" s="299">
        <v>78823</v>
      </c>
      <c r="EN23" s="300">
        <v>78823</v>
      </c>
      <c r="EO23" s="295">
        <v>0</v>
      </c>
      <c r="EP23" s="296">
        <v>0</v>
      </c>
      <c r="EQ23" s="297">
        <v>0</v>
      </c>
      <c r="ER23" s="301"/>
      <c r="ES23" s="296">
        <v>0</v>
      </c>
      <c r="ET23" s="296">
        <v>0</v>
      </c>
      <c r="EU23" s="296">
        <v>0</v>
      </c>
      <c r="EV23" s="296">
        <v>0</v>
      </c>
      <c r="EW23" s="296">
        <v>0</v>
      </c>
      <c r="EX23" s="299">
        <v>0</v>
      </c>
      <c r="EY23" s="300">
        <v>0</v>
      </c>
      <c r="EZ23" s="295">
        <v>0</v>
      </c>
      <c r="FA23" s="296">
        <v>0</v>
      </c>
      <c r="FB23" s="297">
        <v>0</v>
      </c>
      <c r="FC23" s="301"/>
      <c r="FD23" s="296">
        <v>0</v>
      </c>
      <c r="FE23" s="296">
        <v>0</v>
      </c>
      <c r="FF23" s="296">
        <v>217</v>
      </c>
      <c r="FG23" s="296">
        <v>0</v>
      </c>
      <c r="FH23" s="296">
        <v>210</v>
      </c>
      <c r="FI23" s="299">
        <v>427</v>
      </c>
      <c r="FJ23" s="300">
        <v>427</v>
      </c>
      <c r="FK23" s="295">
        <v>0</v>
      </c>
      <c r="FL23" s="296">
        <v>0</v>
      </c>
      <c r="FM23" s="297">
        <v>0</v>
      </c>
      <c r="FN23" s="301"/>
      <c r="FO23" s="296">
        <v>0</v>
      </c>
      <c r="FP23" s="296">
        <v>0</v>
      </c>
      <c r="FQ23" s="296">
        <v>0</v>
      </c>
      <c r="FR23" s="296">
        <v>0</v>
      </c>
      <c r="FS23" s="296">
        <v>0</v>
      </c>
      <c r="FT23" s="299">
        <v>0</v>
      </c>
      <c r="FU23" s="300">
        <v>0</v>
      </c>
      <c r="FV23" s="295">
        <v>0</v>
      </c>
      <c r="FW23" s="296">
        <v>0</v>
      </c>
      <c r="FX23" s="297">
        <v>0</v>
      </c>
      <c r="FY23" s="298">
        <v>0</v>
      </c>
      <c r="FZ23" s="296">
        <v>85781</v>
      </c>
      <c r="GA23" s="296">
        <v>131068</v>
      </c>
      <c r="GB23" s="296">
        <v>398408</v>
      </c>
      <c r="GC23" s="296">
        <v>126602</v>
      </c>
      <c r="GD23" s="296">
        <v>60146</v>
      </c>
      <c r="GE23" s="299">
        <v>802005</v>
      </c>
      <c r="GF23" s="300">
        <v>802005</v>
      </c>
      <c r="GG23" s="295">
        <v>0</v>
      </c>
      <c r="GH23" s="296">
        <v>1885</v>
      </c>
      <c r="GI23" s="297">
        <v>1885</v>
      </c>
      <c r="GJ23" s="298">
        <v>0</v>
      </c>
      <c r="GK23" s="296">
        <v>0</v>
      </c>
      <c r="GL23" s="296">
        <v>1432</v>
      </c>
      <c r="GM23" s="296">
        <v>2667</v>
      </c>
      <c r="GN23" s="296">
        <v>1074</v>
      </c>
      <c r="GO23" s="296">
        <v>0</v>
      </c>
      <c r="GP23" s="299">
        <v>5173</v>
      </c>
      <c r="GQ23" s="300">
        <v>7058</v>
      </c>
      <c r="GR23" s="295">
        <v>0</v>
      </c>
      <c r="GS23" s="296">
        <v>0</v>
      </c>
      <c r="GT23" s="297">
        <v>0</v>
      </c>
      <c r="GU23" s="298">
        <v>0</v>
      </c>
      <c r="GV23" s="296">
        <v>0</v>
      </c>
      <c r="GW23" s="296">
        <v>0</v>
      </c>
      <c r="GX23" s="296">
        <v>0</v>
      </c>
      <c r="GY23" s="296">
        <v>0</v>
      </c>
      <c r="GZ23" s="296">
        <v>0</v>
      </c>
      <c r="HA23" s="299">
        <v>0</v>
      </c>
      <c r="HB23" s="300">
        <v>0</v>
      </c>
      <c r="HC23" s="295">
        <v>0</v>
      </c>
      <c r="HD23" s="296">
        <v>0</v>
      </c>
      <c r="HE23" s="297">
        <v>0</v>
      </c>
      <c r="HF23" s="301"/>
      <c r="HG23" s="296">
        <v>0</v>
      </c>
      <c r="HH23" s="296">
        <v>0</v>
      </c>
      <c r="HI23" s="296">
        <v>0</v>
      </c>
      <c r="HJ23" s="296">
        <v>0</v>
      </c>
      <c r="HK23" s="296">
        <v>0</v>
      </c>
      <c r="HL23" s="299">
        <v>0</v>
      </c>
      <c r="HM23" s="300">
        <v>0</v>
      </c>
      <c r="HN23" s="295">
        <v>0</v>
      </c>
      <c r="HO23" s="296">
        <v>7415</v>
      </c>
      <c r="HP23" s="297">
        <v>7415</v>
      </c>
      <c r="HQ23" s="298">
        <v>0</v>
      </c>
      <c r="HR23" s="296">
        <v>432111</v>
      </c>
      <c r="HS23" s="296">
        <v>783838</v>
      </c>
      <c r="HT23" s="296">
        <v>3702518</v>
      </c>
      <c r="HU23" s="296">
        <v>3679711</v>
      </c>
      <c r="HV23" s="296">
        <v>1680951</v>
      </c>
      <c r="HW23" s="299">
        <v>10279129</v>
      </c>
      <c r="HX23" s="300">
        <v>10286544</v>
      </c>
    </row>
    <row r="24" spans="1:232" ht="16.5" customHeight="1" x14ac:dyDescent="0.2">
      <c r="A24" s="293" t="s">
        <v>21</v>
      </c>
      <c r="B24" s="295">
        <v>0</v>
      </c>
      <c r="C24" s="296">
        <v>0</v>
      </c>
      <c r="D24" s="297">
        <v>0</v>
      </c>
      <c r="E24" s="298">
        <v>0</v>
      </c>
      <c r="F24" s="296">
        <v>186174</v>
      </c>
      <c r="G24" s="296">
        <v>528055</v>
      </c>
      <c r="H24" s="296">
        <v>1912144</v>
      </c>
      <c r="I24" s="296">
        <v>1829310</v>
      </c>
      <c r="J24" s="296">
        <v>1314535</v>
      </c>
      <c r="K24" s="299">
        <v>5770218</v>
      </c>
      <c r="L24" s="300">
        <v>5770218</v>
      </c>
      <c r="M24" s="295">
        <v>0</v>
      </c>
      <c r="N24" s="296">
        <v>0</v>
      </c>
      <c r="O24" s="297">
        <v>0</v>
      </c>
      <c r="P24" s="301"/>
      <c r="Q24" s="296">
        <v>2635</v>
      </c>
      <c r="R24" s="296">
        <v>184888</v>
      </c>
      <c r="S24" s="296">
        <v>1528380</v>
      </c>
      <c r="T24" s="296">
        <v>1430823</v>
      </c>
      <c r="U24" s="296">
        <v>923155</v>
      </c>
      <c r="V24" s="299">
        <v>4069881</v>
      </c>
      <c r="W24" s="300">
        <v>4069881</v>
      </c>
      <c r="X24" s="295">
        <v>0</v>
      </c>
      <c r="Y24" s="296">
        <v>0</v>
      </c>
      <c r="Z24" s="297">
        <v>0</v>
      </c>
      <c r="AA24" s="301"/>
      <c r="AB24" s="296">
        <v>155155</v>
      </c>
      <c r="AC24" s="296">
        <v>277635</v>
      </c>
      <c r="AD24" s="296">
        <v>148955</v>
      </c>
      <c r="AE24" s="296">
        <v>169574</v>
      </c>
      <c r="AF24" s="296">
        <v>254310</v>
      </c>
      <c r="AG24" s="299">
        <v>1005629</v>
      </c>
      <c r="AH24" s="300">
        <v>1005629</v>
      </c>
      <c r="AI24" s="295">
        <v>0</v>
      </c>
      <c r="AJ24" s="296">
        <v>0</v>
      </c>
      <c r="AK24" s="297">
        <v>0</v>
      </c>
      <c r="AL24" s="301"/>
      <c r="AM24" s="296">
        <v>0</v>
      </c>
      <c r="AN24" s="296">
        <v>0</v>
      </c>
      <c r="AO24" s="296">
        <v>2635</v>
      </c>
      <c r="AP24" s="296">
        <v>0</v>
      </c>
      <c r="AQ24" s="296">
        <v>37975</v>
      </c>
      <c r="AR24" s="299">
        <v>40610</v>
      </c>
      <c r="AS24" s="300">
        <v>40610</v>
      </c>
      <c r="AT24" s="295">
        <v>0</v>
      </c>
      <c r="AU24" s="296">
        <v>0</v>
      </c>
      <c r="AV24" s="297">
        <v>0</v>
      </c>
      <c r="AW24" s="301"/>
      <c r="AX24" s="296">
        <v>0</v>
      </c>
      <c r="AY24" s="296">
        <v>0</v>
      </c>
      <c r="AZ24" s="296">
        <v>35495</v>
      </c>
      <c r="BA24" s="296">
        <v>29915</v>
      </c>
      <c r="BB24" s="296">
        <v>29915</v>
      </c>
      <c r="BC24" s="299">
        <v>95325</v>
      </c>
      <c r="BD24" s="300">
        <v>95325</v>
      </c>
      <c r="BE24" s="295">
        <v>0</v>
      </c>
      <c r="BF24" s="296">
        <v>0</v>
      </c>
      <c r="BG24" s="297">
        <v>0</v>
      </c>
      <c r="BH24" s="301"/>
      <c r="BI24" s="296">
        <v>0</v>
      </c>
      <c r="BJ24" s="296">
        <v>0</v>
      </c>
      <c r="BK24" s="296">
        <v>0</v>
      </c>
      <c r="BL24" s="296">
        <v>0</v>
      </c>
      <c r="BM24" s="296">
        <v>0</v>
      </c>
      <c r="BN24" s="299">
        <v>0</v>
      </c>
      <c r="BO24" s="300">
        <v>0</v>
      </c>
      <c r="BP24" s="295">
        <v>0</v>
      </c>
      <c r="BQ24" s="296">
        <v>0</v>
      </c>
      <c r="BR24" s="297">
        <v>0</v>
      </c>
      <c r="BS24" s="298">
        <v>0</v>
      </c>
      <c r="BT24" s="296">
        <v>28384</v>
      </c>
      <c r="BU24" s="296">
        <v>65532</v>
      </c>
      <c r="BV24" s="296">
        <v>196679</v>
      </c>
      <c r="BW24" s="296">
        <v>198998</v>
      </c>
      <c r="BX24" s="296">
        <v>69180</v>
      </c>
      <c r="BY24" s="299">
        <v>558773</v>
      </c>
      <c r="BZ24" s="300">
        <v>558773</v>
      </c>
      <c r="CA24" s="295">
        <v>0</v>
      </c>
      <c r="CB24" s="296">
        <v>0</v>
      </c>
      <c r="CC24" s="297">
        <v>0</v>
      </c>
      <c r="CD24" s="298">
        <v>0</v>
      </c>
      <c r="CE24" s="296">
        <v>0</v>
      </c>
      <c r="CF24" s="296">
        <v>0</v>
      </c>
      <c r="CG24" s="296">
        <v>0</v>
      </c>
      <c r="CH24" s="296">
        <v>0</v>
      </c>
      <c r="CI24" s="296">
        <v>0</v>
      </c>
      <c r="CJ24" s="299">
        <v>0</v>
      </c>
      <c r="CK24" s="300">
        <v>0</v>
      </c>
      <c r="CL24" s="295">
        <v>0</v>
      </c>
      <c r="CM24" s="296">
        <v>0</v>
      </c>
      <c r="CN24" s="297">
        <v>0</v>
      </c>
      <c r="CO24" s="298">
        <v>0</v>
      </c>
      <c r="CP24" s="296">
        <v>0</v>
      </c>
      <c r="CQ24" s="296">
        <v>0</v>
      </c>
      <c r="CR24" s="296">
        <v>0</v>
      </c>
      <c r="CS24" s="296">
        <v>0</v>
      </c>
      <c r="CT24" s="296">
        <v>0</v>
      </c>
      <c r="CU24" s="299">
        <v>0</v>
      </c>
      <c r="CV24" s="300">
        <v>0</v>
      </c>
      <c r="CW24" s="295">
        <v>0</v>
      </c>
      <c r="CX24" s="296">
        <v>0</v>
      </c>
      <c r="CY24" s="297">
        <v>0</v>
      </c>
      <c r="CZ24" s="301"/>
      <c r="DA24" s="296">
        <v>0</v>
      </c>
      <c r="DB24" s="296">
        <v>0</v>
      </c>
      <c r="DC24" s="296">
        <v>0</v>
      </c>
      <c r="DD24" s="296">
        <v>0</v>
      </c>
      <c r="DE24" s="296">
        <v>0</v>
      </c>
      <c r="DF24" s="299">
        <v>0</v>
      </c>
      <c r="DG24" s="300">
        <v>0</v>
      </c>
      <c r="DH24" s="295">
        <v>0</v>
      </c>
      <c r="DI24" s="296">
        <v>0</v>
      </c>
      <c r="DJ24" s="297">
        <v>0</v>
      </c>
      <c r="DK24" s="298">
        <v>0</v>
      </c>
      <c r="DL24" s="296">
        <v>58911</v>
      </c>
      <c r="DM24" s="296">
        <v>389715</v>
      </c>
      <c r="DN24" s="296">
        <v>2153390</v>
      </c>
      <c r="DO24" s="296">
        <v>2215595</v>
      </c>
      <c r="DP24" s="296">
        <v>1409057</v>
      </c>
      <c r="DQ24" s="299">
        <v>6226668</v>
      </c>
      <c r="DR24" s="302">
        <v>6226668</v>
      </c>
      <c r="DS24" s="295">
        <v>0</v>
      </c>
      <c r="DT24" s="296">
        <v>0</v>
      </c>
      <c r="DU24" s="297">
        <v>0</v>
      </c>
      <c r="DV24" s="301"/>
      <c r="DW24" s="296">
        <v>15035</v>
      </c>
      <c r="DX24" s="296">
        <v>216132</v>
      </c>
      <c r="DY24" s="296">
        <v>1776038</v>
      </c>
      <c r="DZ24" s="296">
        <v>1936294</v>
      </c>
      <c r="EA24" s="296">
        <v>1270390</v>
      </c>
      <c r="EB24" s="299">
        <v>5213889</v>
      </c>
      <c r="EC24" s="300">
        <v>5213889</v>
      </c>
      <c r="ED24" s="295">
        <v>0</v>
      </c>
      <c r="EE24" s="296">
        <v>0</v>
      </c>
      <c r="EF24" s="297">
        <v>0</v>
      </c>
      <c r="EG24" s="301"/>
      <c r="EH24" s="296">
        <v>13857</v>
      </c>
      <c r="EI24" s="296">
        <v>36008</v>
      </c>
      <c r="EJ24" s="296">
        <v>36376</v>
      </c>
      <c r="EK24" s="296">
        <v>4182</v>
      </c>
      <c r="EL24" s="296">
        <v>29897</v>
      </c>
      <c r="EM24" s="299">
        <v>120320</v>
      </c>
      <c r="EN24" s="300">
        <v>120320</v>
      </c>
      <c r="EO24" s="295">
        <v>0</v>
      </c>
      <c r="EP24" s="296">
        <v>0</v>
      </c>
      <c r="EQ24" s="297">
        <v>0</v>
      </c>
      <c r="ER24" s="301"/>
      <c r="ES24" s="296">
        <v>0</v>
      </c>
      <c r="ET24" s="296">
        <v>0</v>
      </c>
      <c r="EU24" s="296">
        <v>217</v>
      </c>
      <c r="EV24" s="296">
        <v>0</v>
      </c>
      <c r="EW24" s="296">
        <v>0</v>
      </c>
      <c r="EX24" s="299">
        <v>217</v>
      </c>
      <c r="EY24" s="300">
        <v>217</v>
      </c>
      <c r="EZ24" s="295">
        <v>0</v>
      </c>
      <c r="FA24" s="296">
        <v>0</v>
      </c>
      <c r="FB24" s="297">
        <v>0</v>
      </c>
      <c r="FC24" s="301"/>
      <c r="FD24" s="296">
        <v>0</v>
      </c>
      <c r="FE24" s="296">
        <v>0</v>
      </c>
      <c r="FF24" s="296">
        <v>11687</v>
      </c>
      <c r="FG24" s="296">
        <v>651</v>
      </c>
      <c r="FH24" s="296">
        <v>651</v>
      </c>
      <c r="FI24" s="299">
        <v>12989</v>
      </c>
      <c r="FJ24" s="300">
        <v>12989</v>
      </c>
      <c r="FK24" s="295">
        <v>0</v>
      </c>
      <c r="FL24" s="296">
        <v>0</v>
      </c>
      <c r="FM24" s="297">
        <v>0</v>
      </c>
      <c r="FN24" s="301"/>
      <c r="FO24" s="296">
        <v>0</v>
      </c>
      <c r="FP24" s="296">
        <v>0</v>
      </c>
      <c r="FQ24" s="296">
        <v>0</v>
      </c>
      <c r="FR24" s="296">
        <v>0</v>
      </c>
      <c r="FS24" s="296">
        <v>0</v>
      </c>
      <c r="FT24" s="299">
        <v>0</v>
      </c>
      <c r="FU24" s="300">
        <v>0</v>
      </c>
      <c r="FV24" s="295">
        <v>0</v>
      </c>
      <c r="FW24" s="296">
        <v>0</v>
      </c>
      <c r="FX24" s="297">
        <v>0</v>
      </c>
      <c r="FY24" s="298">
        <v>0</v>
      </c>
      <c r="FZ24" s="296">
        <v>30019</v>
      </c>
      <c r="GA24" s="296">
        <v>137575</v>
      </c>
      <c r="GB24" s="296">
        <v>329072</v>
      </c>
      <c r="GC24" s="296">
        <v>274468</v>
      </c>
      <c r="GD24" s="296">
        <v>108119</v>
      </c>
      <c r="GE24" s="299">
        <v>879253</v>
      </c>
      <c r="GF24" s="300">
        <v>879253</v>
      </c>
      <c r="GG24" s="295">
        <v>0</v>
      </c>
      <c r="GH24" s="296">
        <v>0</v>
      </c>
      <c r="GI24" s="297">
        <v>0</v>
      </c>
      <c r="GJ24" s="298">
        <v>0</v>
      </c>
      <c r="GK24" s="296">
        <v>0</v>
      </c>
      <c r="GL24" s="296">
        <v>0</v>
      </c>
      <c r="GM24" s="296">
        <v>0</v>
      </c>
      <c r="GN24" s="296">
        <v>0</v>
      </c>
      <c r="GO24" s="296">
        <v>0</v>
      </c>
      <c r="GP24" s="299">
        <v>0</v>
      </c>
      <c r="GQ24" s="300">
        <v>0</v>
      </c>
      <c r="GR24" s="295">
        <v>0</v>
      </c>
      <c r="GS24" s="296">
        <v>0</v>
      </c>
      <c r="GT24" s="297">
        <v>0</v>
      </c>
      <c r="GU24" s="298">
        <v>0</v>
      </c>
      <c r="GV24" s="296">
        <v>0</v>
      </c>
      <c r="GW24" s="296">
        <v>0</v>
      </c>
      <c r="GX24" s="296">
        <v>0</v>
      </c>
      <c r="GY24" s="296">
        <v>0</v>
      </c>
      <c r="GZ24" s="296">
        <v>0</v>
      </c>
      <c r="HA24" s="299">
        <v>0</v>
      </c>
      <c r="HB24" s="300">
        <v>0</v>
      </c>
      <c r="HC24" s="295">
        <v>0</v>
      </c>
      <c r="HD24" s="296">
        <v>0</v>
      </c>
      <c r="HE24" s="297">
        <v>0</v>
      </c>
      <c r="HF24" s="301"/>
      <c r="HG24" s="296">
        <v>0</v>
      </c>
      <c r="HH24" s="296">
        <v>0</v>
      </c>
      <c r="HI24" s="296">
        <v>0</v>
      </c>
      <c r="HJ24" s="296">
        <v>0</v>
      </c>
      <c r="HK24" s="296">
        <v>0</v>
      </c>
      <c r="HL24" s="299">
        <v>0</v>
      </c>
      <c r="HM24" s="300">
        <v>0</v>
      </c>
      <c r="HN24" s="295">
        <v>0</v>
      </c>
      <c r="HO24" s="296">
        <v>0</v>
      </c>
      <c r="HP24" s="297">
        <v>0</v>
      </c>
      <c r="HQ24" s="298">
        <v>0</v>
      </c>
      <c r="HR24" s="296">
        <v>245085</v>
      </c>
      <c r="HS24" s="296">
        <v>917770</v>
      </c>
      <c r="HT24" s="296">
        <v>4065534</v>
      </c>
      <c r="HU24" s="296">
        <v>4044905</v>
      </c>
      <c r="HV24" s="296">
        <v>2723592</v>
      </c>
      <c r="HW24" s="299">
        <v>11996886</v>
      </c>
      <c r="HX24" s="300">
        <v>11996886</v>
      </c>
    </row>
    <row r="25" spans="1:232" ht="16.5" customHeight="1" x14ac:dyDescent="0.2">
      <c r="A25" s="293" t="s">
        <v>22</v>
      </c>
      <c r="B25" s="295">
        <v>0</v>
      </c>
      <c r="C25" s="296">
        <v>0</v>
      </c>
      <c r="D25" s="297">
        <v>0</v>
      </c>
      <c r="E25" s="298">
        <v>0</v>
      </c>
      <c r="F25" s="296">
        <v>56060</v>
      </c>
      <c r="G25" s="296">
        <v>384465</v>
      </c>
      <c r="H25" s="296">
        <v>802105</v>
      </c>
      <c r="I25" s="296">
        <v>924645</v>
      </c>
      <c r="J25" s="296">
        <v>578585</v>
      </c>
      <c r="K25" s="299">
        <v>2745860</v>
      </c>
      <c r="L25" s="300">
        <v>2745860</v>
      </c>
      <c r="M25" s="295">
        <v>0</v>
      </c>
      <c r="N25" s="296">
        <v>0</v>
      </c>
      <c r="O25" s="297">
        <v>0</v>
      </c>
      <c r="P25" s="301"/>
      <c r="Q25" s="296">
        <v>0</v>
      </c>
      <c r="R25" s="296">
        <v>70680</v>
      </c>
      <c r="S25" s="296">
        <v>488750</v>
      </c>
      <c r="T25" s="296">
        <v>520325</v>
      </c>
      <c r="U25" s="296">
        <v>288765</v>
      </c>
      <c r="V25" s="299">
        <v>1368520</v>
      </c>
      <c r="W25" s="300">
        <v>1368520</v>
      </c>
      <c r="X25" s="295">
        <v>0</v>
      </c>
      <c r="Y25" s="296">
        <v>0</v>
      </c>
      <c r="Z25" s="297">
        <v>0</v>
      </c>
      <c r="AA25" s="301"/>
      <c r="AB25" s="296">
        <v>46675</v>
      </c>
      <c r="AC25" s="296">
        <v>294345</v>
      </c>
      <c r="AD25" s="296">
        <v>138570</v>
      </c>
      <c r="AE25" s="296">
        <v>267095</v>
      </c>
      <c r="AF25" s="296">
        <v>224940</v>
      </c>
      <c r="AG25" s="299">
        <v>971625</v>
      </c>
      <c r="AH25" s="300">
        <v>971625</v>
      </c>
      <c r="AI25" s="295">
        <v>0</v>
      </c>
      <c r="AJ25" s="296">
        <v>0</v>
      </c>
      <c r="AK25" s="297">
        <v>0</v>
      </c>
      <c r="AL25" s="301"/>
      <c r="AM25" s="296">
        <v>0</v>
      </c>
      <c r="AN25" s="296">
        <v>0</v>
      </c>
      <c r="AO25" s="296">
        <v>0</v>
      </c>
      <c r="AP25" s="296">
        <v>0</v>
      </c>
      <c r="AQ25" s="296">
        <v>29915</v>
      </c>
      <c r="AR25" s="299">
        <v>29915</v>
      </c>
      <c r="AS25" s="300">
        <v>29915</v>
      </c>
      <c r="AT25" s="295">
        <v>0</v>
      </c>
      <c r="AU25" s="296">
        <v>0</v>
      </c>
      <c r="AV25" s="297">
        <v>0</v>
      </c>
      <c r="AW25" s="301"/>
      <c r="AX25" s="296">
        <v>0</v>
      </c>
      <c r="AY25" s="296">
        <v>0</v>
      </c>
      <c r="AZ25" s="296">
        <v>35495</v>
      </c>
      <c r="BA25" s="296">
        <v>2635</v>
      </c>
      <c r="BB25" s="296">
        <v>24645</v>
      </c>
      <c r="BC25" s="299">
        <v>62775</v>
      </c>
      <c r="BD25" s="300">
        <v>62775</v>
      </c>
      <c r="BE25" s="295">
        <v>0</v>
      </c>
      <c r="BF25" s="296">
        <v>0</v>
      </c>
      <c r="BG25" s="297">
        <v>0</v>
      </c>
      <c r="BH25" s="301"/>
      <c r="BI25" s="296">
        <v>0</v>
      </c>
      <c r="BJ25" s="296">
        <v>0</v>
      </c>
      <c r="BK25" s="296">
        <v>30975</v>
      </c>
      <c r="BL25" s="296">
        <v>125325</v>
      </c>
      <c r="BM25" s="296">
        <v>2635</v>
      </c>
      <c r="BN25" s="299">
        <v>158935</v>
      </c>
      <c r="BO25" s="300">
        <v>158935</v>
      </c>
      <c r="BP25" s="295">
        <v>0</v>
      </c>
      <c r="BQ25" s="296">
        <v>0</v>
      </c>
      <c r="BR25" s="297">
        <v>0</v>
      </c>
      <c r="BS25" s="298">
        <v>0</v>
      </c>
      <c r="BT25" s="296">
        <v>3280</v>
      </c>
      <c r="BU25" s="296">
        <v>19440</v>
      </c>
      <c r="BV25" s="296">
        <v>108315</v>
      </c>
      <c r="BW25" s="296">
        <v>9265</v>
      </c>
      <c r="BX25" s="296">
        <v>6235</v>
      </c>
      <c r="BY25" s="299">
        <v>146535</v>
      </c>
      <c r="BZ25" s="300">
        <v>146535</v>
      </c>
      <c r="CA25" s="295">
        <v>0</v>
      </c>
      <c r="CB25" s="296">
        <v>0</v>
      </c>
      <c r="CC25" s="297">
        <v>0</v>
      </c>
      <c r="CD25" s="298">
        <v>0</v>
      </c>
      <c r="CE25" s="296">
        <v>6105</v>
      </c>
      <c r="CF25" s="296">
        <v>0</v>
      </c>
      <c r="CG25" s="296">
        <v>0</v>
      </c>
      <c r="CH25" s="296">
        <v>0</v>
      </c>
      <c r="CI25" s="296">
        <v>1450</v>
      </c>
      <c r="CJ25" s="299">
        <v>7555</v>
      </c>
      <c r="CK25" s="300">
        <v>7555</v>
      </c>
      <c r="CL25" s="295">
        <v>0</v>
      </c>
      <c r="CM25" s="296">
        <v>0</v>
      </c>
      <c r="CN25" s="297">
        <v>0</v>
      </c>
      <c r="CO25" s="298">
        <v>0</v>
      </c>
      <c r="CP25" s="296">
        <v>0</v>
      </c>
      <c r="CQ25" s="296">
        <v>0</v>
      </c>
      <c r="CR25" s="296">
        <v>0</v>
      </c>
      <c r="CS25" s="296">
        <v>0</v>
      </c>
      <c r="CT25" s="296">
        <v>0</v>
      </c>
      <c r="CU25" s="299">
        <v>0</v>
      </c>
      <c r="CV25" s="300">
        <v>0</v>
      </c>
      <c r="CW25" s="295">
        <v>0</v>
      </c>
      <c r="CX25" s="296">
        <v>0</v>
      </c>
      <c r="CY25" s="297">
        <v>0</v>
      </c>
      <c r="CZ25" s="301"/>
      <c r="DA25" s="296">
        <v>0</v>
      </c>
      <c r="DB25" s="296">
        <v>0</v>
      </c>
      <c r="DC25" s="296">
        <v>0</v>
      </c>
      <c r="DD25" s="296">
        <v>0</v>
      </c>
      <c r="DE25" s="296">
        <v>0</v>
      </c>
      <c r="DF25" s="299">
        <v>0</v>
      </c>
      <c r="DG25" s="300">
        <v>0</v>
      </c>
      <c r="DH25" s="295">
        <v>0</v>
      </c>
      <c r="DI25" s="296">
        <v>0</v>
      </c>
      <c r="DJ25" s="297">
        <v>0</v>
      </c>
      <c r="DK25" s="298">
        <v>0</v>
      </c>
      <c r="DL25" s="296">
        <v>3909</v>
      </c>
      <c r="DM25" s="296">
        <v>108333</v>
      </c>
      <c r="DN25" s="296">
        <v>704342</v>
      </c>
      <c r="DO25" s="296">
        <v>913642</v>
      </c>
      <c r="DP25" s="296">
        <v>447355</v>
      </c>
      <c r="DQ25" s="299">
        <v>2177581</v>
      </c>
      <c r="DR25" s="302">
        <v>2177581</v>
      </c>
      <c r="DS25" s="295">
        <v>0</v>
      </c>
      <c r="DT25" s="296">
        <v>0</v>
      </c>
      <c r="DU25" s="297">
        <v>0</v>
      </c>
      <c r="DV25" s="301"/>
      <c r="DW25" s="296">
        <v>0</v>
      </c>
      <c r="DX25" s="296">
        <v>51832</v>
      </c>
      <c r="DY25" s="296">
        <v>538619</v>
      </c>
      <c r="DZ25" s="296">
        <v>662210</v>
      </c>
      <c r="EA25" s="296">
        <v>322307</v>
      </c>
      <c r="EB25" s="299">
        <v>1574968</v>
      </c>
      <c r="EC25" s="300">
        <v>1574968</v>
      </c>
      <c r="ED25" s="295">
        <v>0</v>
      </c>
      <c r="EE25" s="296">
        <v>0</v>
      </c>
      <c r="EF25" s="297">
        <v>0</v>
      </c>
      <c r="EG25" s="301"/>
      <c r="EH25" s="296">
        <v>697</v>
      </c>
      <c r="EI25" s="296">
        <v>25730</v>
      </c>
      <c r="EJ25" s="296">
        <v>13051</v>
      </c>
      <c r="EK25" s="296">
        <v>14760</v>
      </c>
      <c r="EL25" s="296">
        <v>49395</v>
      </c>
      <c r="EM25" s="299">
        <v>103633</v>
      </c>
      <c r="EN25" s="300">
        <v>103633</v>
      </c>
      <c r="EO25" s="295">
        <v>0</v>
      </c>
      <c r="EP25" s="296">
        <v>0</v>
      </c>
      <c r="EQ25" s="297">
        <v>0</v>
      </c>
      <c r="ER25" s="301"/>
      <c r="ES25" s="296">
        <v>0</v>
      </c>
      <c r="ET25" s="296">
        <v>0</v>
      </c>
      <c r="EU25" s="296">
        <v>0</v>
      </c>
      <c r="EV25" s="296">
        <v>0</v>
      </c>
      <c r="EW25" s="296">
        <v>22010</v>
      </c>
      <c r="EX25" s="299">
        <v>22010</v>
      </c>
      <c r="EY25" s="300">
        <v>22010</v>
      </c>
      <c r="EZ25" s="295">
        <v>0</v>
      </c>
      <c r="FA25" s="296">
        <v>0</v>
      </c>
      <c r="FB25" s="297">
        <v>0</v>
      </c>
      <c r="FC25" s="301"/>
      <c r="FD25" s="296">
        <v>0</v>
      </c>
      <c r="FE25" s="296">
        <v>0</v>
      </c>
      <c r="FF25" s="296">
        <v>11687</v>
      </c>
      <c r="FG25" s="296">
        <v>217</v>
      </c>
      <c r="FH25" s="296">
        <v>11098</v>
      </c>
      <c r="FI25" s="299">
        <v>23002</v>
      </c>
      <c r="FJ25" s="300">
        <v>23002</v>
      </c>
      <c r="FK25" s="295">
        <v>0</v>
      </c>
      <c r="FL25" s="296">
        <v>0</v>
      </c>
      <c r="FM25" s="297">
        <v>0</v>
      </c>
      <c r="FN25" s="301"/>
      <c r="FO25" s="296">
        <v>0</v>
      </c>
      <c r="FP25" s="296">
        <v>0</v>
      </c>
      <c r="FQ25" s="296">
        <v>28470</v>
      </c>
      <c r="FR25" s="296">
        <v>206330</v>
      </c>
      <c r="FS25" s="296">
        <v>21390</v>
      </c>
      <c r="FT25" s="299">
        <v>256190</v>
      </c>
      <c r="FU25" s="300">
        <v>256190</v>
      </c>
      <c r="FV25" s="295">
        <v>0</v>
      </c>
      <c r="FW25" s="296">
        <v>0</v>
      </c>
      <c r="FX25" s="297">
        <v>0</v>
      </c>
      <c r="FY25" s="298">
        <v>0</v>
      </c>
      <c r="FZ25" s="296">
        <v>3114</v>
      </c>
      <c r="GA25" s="296">
        <v>30771</v>
      </c>
      <c r="GB25" s="296">
        <v>112515</v>
      </c>
      <c r="GC25" s="296">
        <v>30125</v>
      </c>
      <c r="GD25" s="296">
        <v>21085</v>
      </c>
      <c r="GE25" s="299">
        <v>197610</v>
      </c>
      <c r="GF25" s="300">
        <v>197610</v>
      </c>
      <c r="GG25" s="295">
        <v>0</v>
      </c>
      <c r="GH25" s="296">
        <v>0</v>
      </c>
      <c r="GI25" s="297">
        <v>0</v>
      </c>
      <c r="GJ25" s="298">
        <v>0</v>
      </c>
      <c r="GK25" s="296">
        <v>98</v>
      </c>
      <c r="GL25" s="296">
        <v>0</v>
      </c>
      <c r="GM25" s="296">
        <v>0</v>
      </c>
      <c r="GN25" s="296">
        <v>0</v>
      </c>
      <c r="GO25" s="296">
        <v>70</v>
      </c>
      <c r="GP25" s="299">
        <v>168</v>
      </c>
      <c r="GQ25" s="300">
        <v>168</v>
      </c>
      <c r="GR25" s="295">
        <v>0</v>
      </c>
      <c r="GS25" s="296">
        <v>0</v>
      </c>
      <c r="GT25" s="297">
        <v>0</v>
      </c>
      <c r="GU25" s="298">
        <v>0</v>
      </c>
      <c r="GV25" s="296">
        <v>0</v>
      </c>
      <c r="GW25" s="296">
        <v>0</v>
      </c>
      <c r="GX25" s="296">
        <v>0</v>
      </c>
      <c r="GY25" s="296">
        <v>0</v>
      </c>
      <c r="GZ25" s="296">
        <v>0</v>
      </c>
      <c r="HA25" s="299">
        <v>0</v>
      </c>
      <c r="HB25" s="300">
        <v>0</v>
      </c>
      <c r="HC25" s="295">
        <v>0</v>
      </c>
      <c r="HD25" s="296">
        <v>0</v>
      </c>
      <c r="HE25" s="297">
        <v>0</v>
      </c>
      <c r="HF25" s="301"/>
      <c r="HG25" s="296">
        <v>0</v>
      </c>
      <c r="HH25" s="296">
        <v>0</v>
      </c>
      <c r="HI25" s="296">
        <v>0</v>
      </c>
      <c r="HJ25" s="296">
        <v>0</v>
      </c>
      <c r="HK25" s="296">
        <v>0</v>
      </c>
      <c r="HL25" s="299">
        <v>0</v>
      </c>
      <c r="HM25" s="300">
        <v>0</v>
      </c>
      <c r="HN25" s="295">
        <v>0</v>
      </c>
      <c r="HO25" s="296">
        <v>0</v>
      </c>
      <c r="HP25" s="297">
        <v>0</v>
      </c>
      <c r="HQ25" s="298">
        <v>0</v>
      </c>
      <c r="HR25" s="296">
        <v>59969</v>
      </c>
      <c r="HS25" s="296">
        <v>492798</v>
      </c>
      <c r="HT25" s="296">
        <v>1506447</v>
      </c>
      <c r="HU25" s="296">
        <v>1838287</v>
      </c>
      <c r="HV25" s="296">
        <v>1025940</v>
      </c>
      <c r="HW25" s="299">
        <v>4923441</v>
      </c>
      <c r="HX25" s="300">
        <v>4923441</v>
      </c>
    </row>
    <row r="26" spans="1:232" ht="16.5" customHeight="1" x14ac:dyDescent="0.2">
      <c r="A26" s="293" t="s">
        <v>23</v>
      </c>
      <c r="B26" s="295">
        <v>0</v>
      </c>
      <c r="C26" s="296">
        <v>290</v>
      </c>
      <c r="D26" s="297">
        <v>290</v>
      </c>
      <c r="E26" s="298">
        <v>0</v>
      </c>
      <c r="F26" s="296">
        <v>180430</v>
      </c>
      <c r="G26" s="296">
        <v>472810</v>
      </c>
      <c r="H26" s="296">
        <v>895600</v>
      </c>
      <c r="I26" s="296">
        <v>1521609</v>
      </c>
      <c r="J26" s="296">
        <v>881511</v>
      </c>
      <c r="K26" s="299">
        <v>3951960</v>
      </c>
      <c r="L26" s="300">
        <v>3952250</v>
      </c>
      <c r="M26" s="295">
        <v>0</v>
      </c>
      <c r="N26" s="296">
        <v>0</v>
      </c>
      <c r="O26" s="297">
        <v>0</v>
      </c>
      <c r="P26" s="301"/>
      <c r="Q26" s="296">
        <v>35340</v>
      </c>
      <c r="R26" s="296">
        <v>221340</v>
      </c>
      <c r="S26" s="296">
        <v>623710</v>
      </c>
      <c r="T26" s="296">
        <v>1146460</v>
      </c>
      <c r="U26" s="296">
        <v>638868</v>
      </c>
      <c r="V26" s="299">
        <v>2665718</v>
      </c>
      <c r="W26" s="300">
        <v>2665718</v>
      </c>
      <c r="X26" s="295">
        <v>0</v>
      </c>
      <c r="Y26" s="296">
        <v>0</v>
      </c>
      <c r="Z26" s="297">
        <v>0</v>
      </c>
      <c r="AA26" s="301"/>
      <c r="AB26" s="296">
        <v>119130</v>
      </c>
      <c r="AC26" s="296">
        <v>195680</v>
      </c>
      <c r="AD26" s="296">
        <v>249170</v>
      </c>
      <c r="AE26" s="296">
        <v>205196</v>
      </c>
      <c r="AF26" s="296">
        <v>194758</v>
      </c>
      <c r="AG26" s="299">
        <v>963934</v>
      </c>
      <c r="AH26" s="300">
        <v>963934</v>
      </c>
      <c r="AI26" s="295">
        <v>0</v>
      </c>
      <c r="AJ26" s="296">
        <v>0</v>
      </c>
      <c r="AK26" s="297">
        <v>0</v>
      </c>
      <c r="AL26" s="301"/>
      <c r="AM26" s="296">
        <v>0</v>
      </c>
      <c r="AN26" s="296">
        <v>0</v>
      </c>
      <c r="AO26" s="296">
        <v>0</v>
      </c>
      <c r="AP26" s="296">
        <v>35340</v>
      </c>
      <c r="AQ26" s="296">
        <v>0</v>
      </c>
      <c r="AR26" s="299">
        <v>35340</v>
      </c>
      <c r="AS26" s="300">
        <v>35340</v>
      </c>
      <c r="AT26" s="295">
        <v>0</v>
      </c>
      <c r="AU26" s="296">
        <v>0</v>
      </c>
      <c r="AV26" s="297">
        <v>0</v>
      </c>
      <c r="AW26" s="301"/>
      <c r="AX26" s="296">
        <v>0</v>
      </c>
      <c r="AY26" s="296">
        <v>0</v>
      </c>
      <c r="AZ26" s="296">
        <v>2635</v>
      </c>
      <c r="BA26" s="296">
        <v>24645</v>
      </c>
      <c r="BB26" s="296">
        <v>11810</v>
      </c>
      <c r="BC26" s="299">
        <v>39090</v>
      </c>
      <c r="BD26" s="300">
        <v>39090</v>
      </c>
      <c r="BE26" s="295">
        <v>0</v>
      </c>
      <c r="BF26" s="296">
        <v>0</v>
      </c>
      <c r="BG26" s="297">
        <v>0</v>
      </c>
      <c r="BH26" s="301"/>
      <c r="BI26" s="296">
        <v>0</v>
      </c>
      <c r="BJ26" s="296">
        <v>0</v>
      </c>
      <c r="BK26" s="296">
        <v>0</v>
      </c>
      <c r="BL26" s="296">
        <v>0</v>
      </c>
      <c r="BM26" s="296">
        <v>0</v>
      </c>
      <c r="BN26" s="299">
        <v>0</v>
      </c>
      <c r="BO26" s="300">
        <v>0</v>
      </c>
      <c r="BP26" s="295">
        <v>0</v>
      </c>
      <c r="BQ26" s="296">
        <v>290</v>
      </c>
      <c r="BR26" s="297">
        <v>290</v>
      </c>
      <c r="BS26" s="298">
        <v>0</v>
      </c>
      <c r="BT26" s="296">
        <v>25960</v>
      </c>
      <c r="BU26" s="296">
        <v>55790</v>
      </c>
      <c r="BV26" s="296">
        <v>20085</v>
      </c>
      <c r="BW26" s="296">
        <v>109968</v>
      </c>
      <c r="BX26" s="296">
        <v>36075</v>
      </c>
      <c r="BY26" s="299">
        <v>247878</v>
      </c>
      <c r="BZ26" s="300">
        <v>248168</v>
      </c>
      <c r="CA26" s="295">
        <v>0</v>
      </c>
      <c r="CB26" s="296">
        <v>0</v>
      </c>
      <c r="CC26" s="297">
        <v>0</v>
      </c>
      <c r="CD26" s="298">
        <v>0</v>
      </c>
      <c r="CE26" s="296">
        <v>0</v>
      </c>
      <c r="CF26" s="296">
        <v>0</v>
      </c>
      <c r="CG26" s="296">
        <v>0</v>
      </c>
      <c r="CH26" s="296">
        <v>0</v>
      </c>
      <c r="CI26" s="296">
        <v>0</v>
      </c>
      <c r="CJ26" s="299">
        <v>0</v>
      </c>
      <c r="CK26" s="300">
        <v>0</v>
      </c>
      <c r="CL26" s="295">
        <v>0</v>
      </c>
      <c r="CM26" s="296">
        <v>0</v>
      </c>
      <c r="CN26" s="297">
        <v>0</v>
      </c>
      <c r="CO26" s="298">
        <v>0</v>
      </c>
      <c r="CP26" s="296">
        <v>0</v>
      </c>
      <c r="CQ26" s="296">
        <v>0</v>
      </c>
      <c r="CR26" s="296">
        <v>0</v>
      </c>
      <c r="CS26" s="296">
        <v>0</v>
      </c>
      <c r="CT26" s="296">
        <v>0</v>
      </c>
      <c r="CU26" s="299">
        <v>0</v>
      </c>
      <c r="CV26" s="300">
        <v>0</v>
      </c>
      <c r="CW26" s="295">
        <v>0</v>
      </c>
      <c r="CX26" s="296">
        <v>0</v>
      </c>
      <c r="CY26" s="297">
        <v>0</v>
      </c>
      <c r="CZ26" s="301"/>
      <c r="DA26" s="296">
        <v>0</v>
      </c>
      <c r="DB26" s="296">
        <v>0</v>
      </c>
      <c r="DC26" s="296">
        <v>0</v>
      </c>
      <c r="DD26" s="296">
        <v>0</v>
      </c>
      <c r="DE26" s="296">
        <v>0</v>
      </c>
      <c r="DF26" s="299">
        <v>0</v>
      </c>
      <c r="DG26" s="300">
        <v>0</v>
      </c>
      <c r="DH26" s="295">
        <v>4176</v>
      </c>
      <c r="DI26" s="296">
        <v>1392</v>
      </c>
      <c r="DJ26" s="297">
        <v>5568</v>
      </c>
      <c r="DK26" s="298">
        <v>0</v>
      </c>
      <c r="DL26" s="296">
        <v>104858</v>
      </c>
      <c r="DM26" s="296">
        <v>297394</v>
      </c>
      <c r="DN26" s="296">
        <v>770290</v>
      </c>
      <c r="DO26" s="296">
        <v>1517481</v>
      </c>
      <c r="DP26" s="296">
        <v>822078</v>
      </c>
      <c r="DQ26" s="299">
        <v>3512101</v>
      </c>
      <c r="DR26" s="302">
        <v>3517669</v>
      </c>
      <c r="DS26" s="295">
        <v>0</v>
      </c>
      <c r="DT26" s="296">
        <v>0</v>
      </c>
      <c r="DU26" s="297">
        <v>0</v>
      </c>
      <c r="DV26" s="301"/>
      <c r="DW26" s="296">
        <v>33046</v>
      </c>
      <c r="DX26" s="296">
        <v>232285</v>
      </c>
      <c r="DY26" s="296">
        <v>740591</v>
      </c>
      <c r="DZ26" s="296">
        <v>1315380</v>
      </c>
      <c r="EA26" s="296">
        <v>742110</v>
      </c>
      <c r="EB26" s="299">
        <v>3063412</v>
      </c>
      <c r="EC26" s="300">
        <v>3063412</v>
      </c>
      <c r="ED26" s="295">
        <v>0</v>
      </c>
      <c r="EE26" s="296">
        <v>0</v>
      </c>
      <c r="EF26" s="297">
        <v>0</v>
      </c>
      <c r="EG26" s="301"/>
      <c r="EH26" s="296">
        <v>23576</v>
      </c>
      <c r="EI26" s="296">
        <v>3255</v>
      </c>
      <c r="EJ26" s="296">
        <v>3311</v>
      </c>
      <c r="EK26" s="296">
        <v>14395</v>
      </c>
      <c r="EL26" s="296">
        <v>71434</v>
      </c>
      <c r="EM26" s="299">
        <v>115971</v>
      </c>
      <c r="EN26" s="300">
        <v>115971</v>
      </c>
      <c r="EO26" s="295">
        <v>0</v>
      </c>
      <c r="EP26" s="296">
        <v>0</v>
      </c>
      <c r="EQ26" s="297">
        <v>0</v>
      </c>
      <c r="ER26" s="301"/>
      <c r="ES26" s="296">
        <v>0</v>
      </c>
      <c r="ET26" s="296">
        <v>0</v>
      </c>
      <c r="EU26" s="296">
        <v>0</v>
      </c>
      <c r="EV26" s="296">
        <v>434</v>
      </c>
      <c r="EW26" s="296">
        <v>0</v>
      </c>
      <c r="EX26" s="299">
        <v>434</v>
      </c>
      <c r="EY26" s="300">
        <v>434</v>
      </c>
      <c r="EZ26" s="295">
        <v>0</v>
      </c>
      <c r="FA26" s="296">
        <v>0</v>
      </c>
      <c r="FB26" s="297">
        <v>0</v>
      </c>
      <c r="FC26" s="301"/>
      <c r="FD26" s="296">
        <v>0</v>
      </c>
      <c r="FE26" s="296">
        <v>0</v>
      </c>
      <c r="FF26" s="296">
        <v>217</v>
      </c>
      <c r="FG26" s="296">
        <v>217</v>
      </c>
      <c r="FH26" s="296">
        <v>182</v>
      </c>
      <c r="FI26" s="299">
        <v>616</v>
      </c>
      <c r="FJ26" s="300">
        <v>616</v>
      </c>
      <c r="FK26" s="295">
        <v>0</v>
      </c>
      <c r="FL26" s="296">
        <v>0</v>
      </c>
      <c r="FM26" s="297">
        <v>0</v>
      </c>
      <c r="FN26" s="301"/>
      <c r="FO26" s="296">
        <v>0</v>
      </c>
      <c r="FP26" s="296">
        <v>0</v>
      </c>
      <c r="FQ26" s="296">
        <v>0</v>
      </c>
      <c r="FR26" s="296">
        <v>0</v>
      </c>
      <c r="FS26" s="296">
        <v>0</v>
      </c>
      <c r="FT26" s="299">
        <v>0</v>
      </c>
      <c r="FU26" s="300">
        <v>0</v>
      </c>
      <c r="FV26" s="295">
        <v>4176</v>
      </c>
      <c r="FW26" s="296">
        <v>1392</v>
      </c>
      <c r="FX26" s="297">
        <v>5568</v>
      </c>
      <c r="FY26" s="298">
        <v>0</v>
      </c>
      <c r="FZ26" s="296">
        <v>48236</v>
      </c>
      <c r="GA26" s="296">
        <v>61854</v>
      </c>
      <c r="GB26" s="296">
        <v>26171</v>
      </c>
      <c r="GC26" s="296">
        <v>187055</v>
      </c>
      <c r="GD26" s="296">
        <v>8352</v>
      </c>
      <c r="GE26" s="299">
        <v>331668</v>
      </c>
      <c r="GF26" s="300">
        <v>337236</v>
      </c>
      <c r="GG26" s="295">
        <v>0</v>
      </c>
      <c r="GH26" s="296">
        <v>0</v>
      </c>
      <c r="GI26" s="297">
        <v>0</v>
      </c>
      <c r="GJ26" s="298">
        <v>0</v>
      </c>
      <c r="GK26" s="296">
        <v>0</v>
      </c>
      <c r="GL26" s="296">
        <v>0</v>
      </c>
      <c r="GM26" s="296">
        <v>0</v>
      </c>
      <c r="GN26" s="296">
        <v>0</v>
      </c>
      <c r="GO26" s="296">
        <v>0</v>
      </c>
      <c r="GP26" s="299">
        <v>0</v>
      </c>
      <c r="GQ26" s="300">
        <v>0</v>
      </c>
      <c r="GR26" s="295">
        <v>0</v>
      </c>
      <c r="GS26" s="296">
        <v>0</v>
      </c>
      <c r="GT26" s="297">
        <v>0</v>
      </c>
      <c r="GU26" s="298">
        <v>0</v>
      </c>
      <c r="GV26" s="296">
        <v>0</v>
      </c>
      <c r="GW26" s="296">
        <v>0</v>
      </c>
      <c r="GX26" s="296">
        <v>0</v>
      </c>
      <c r="GY26" s="296">
        <v>0</v>
      </c>
      <c r="GZ26" s="296">
        <v>0</v>
      </c>
      <c r="HA26" s="299">
        <v>0</v>
      </c>
      <c r="HB26" s="300">
        <v>0</v>
      </c>
      <c r="HC26" s="295">
        <v>0</v>
      </c>
      <c r="HD26" s="296">
        <v>0</v>
      </c>
      <c r="HE26" s="297">
        <v>0</v>
      </c>
      <c r="HF26" s="301"/>
      <c r="HG26" s="296">
        <v>0</v>
      </c>
      <c r="HH26" s="296">
        <v>0</v>
      </c>
      <c r="HI26" s="296">
        <v>0</v>
      </c>
      <c r="HJ26" s="296">
        <v>0</v>
      </c>
      <c r="HK26" s="296">
        <v>0</v>
      </c>
      <c r="HL26" s="299">
        <v>0</v>
      </c>
      <c r="HM26" s="300">
        <v>0</v>
      </c>
      <c r="HN26" s="295">
        <v>4176</v>
      </c>
      <c r="HO26" s="296">
        <v>1682</v>
      </c>
      <c r="HP26" s="297">
        <v>5858</v>
      </c>
      <c r="HQ26" s="298">
        <v>0</v>
      </c>
      <c r="HR26" s="296">
        <v>285288</v>
      </c>
      <c r="HS26" s="296">
        <v>770204</v>
      </c>
      <c r="HT26" s="296">
        <v>1665890</v>
      </c>
      <c r="HU26" s="296">
        <v>3039090</v>
      </c>
      <c r="HV26" s="296">
        <v>1703589</v>
      </c>
      <c r="HW26" s="299">
        <v>7464061</v>
      </c>
      <c r="HX26" s="300">
        <v>7469919</v>
      </c>
    </row>
    <row r="27" spans="1:232" ht="16.5" customHeight="1" x14ac:dyDescent="0.2">
      <c r="A27" s="293" t="s">
        <v>24</v>
      </c>
      <c r="B27" s="295">
        <v>0</v>
      </c>
      <c r="C27" s="296">
        <v>0</v>
      </c>
      <c r="D27" s="297">
        <v>0</v>
      </c>
      <c r="E27" s="298">
        <v>0</v>
      </c>
      <c r="F27" s="296">
        <v>24645</v>
      </c>
      <c r="G27" s="296">
        <v>45996</v>
      </c>
      <c r="H27" s="296">
        <v>410336</v>
      </c>
      <c r="I27" s="296">
        <v>512240</v>
      </c>
      <c r="J27" s="296">
        <v>314095</v>
      </c>
      <c r="K27" s="299">
        <v>1307312</v>
      </c>
      <c r="L27" s="300">
        <v>1307312</v>
      </c>
      <c r="M27" s="295">
        <v>0</v>
      </c>
      <c r="N27" s="296">
        <v>0</v>
      </c>
      <c r="O27" s="297">
        <v>0</v>
      </c>
      <c r="P27" s="301"/>
      <c r="Q27" s="296">
        <v>0</v>
      </c>
      <c r="R27" s="296">
        <v>0</v>
      </c>
      <c r="S27" s="296">
        <v>247225</v>
      </c>
      <c r="T27" s="296">
        <v>334055</v>
      </c>
      <c r="U27" s="296">
        <v>266830</v>
      </c>
      <c r="V27" s="299">
        <v>848110</v>
      </c>
      <c r="W27" s="300">
        <v>848110</v>
      </c>
      <c r="X27" s="295">
        <v>0</v>
      </c>
      <c r="Y27" s="296">
        <v>0</v>
      </c>
      <c r="Z27" s="297">
        <v>0</v>
      </c>
      <c r="AA27" s="301"/>
      <c r="AB27" s="296">
        <v>24645</v>
      </c>
      <c r="AC27" s="296">
        <v>13175</v>
      </c>
      <c r="AD27" s="296">
        <v>159975</v>
      </c>
      <c r="AE27" s="296">
        <v>135525</v>
      </c>
      <c r="AF27" s="296">
        <v>37790</v>
      </c>
      <c r="AG27" s="299">
        <v>371110</v>
      </c>
      <c r="AH27" s="300">
        <v>371110</v>
      </c>
      <c r="AI27" s="295">
        <v>0</v>
      </c>
      <c r="AJ27" s="296">
        <v>0</v>
      </c>
      <c r="AK27" s="297">
        <v>0</v>
      </c>
      <c r="AL27" s="301"/>
      <c r="AM27" s="296">
        <v>0</v>
      </c>
      <c r="AN27" s="296">
        <v>0</v>
      </c>
      <c r="AO27" s="296">
        <v>0</v>
      </c>
      <c r="AP27" s="296">
        <v>0</v>
      </c>
      <c r="AQ27" s="296">
        <v>0</v>
      </c>
      <c r="AR27" s="299">
        <v>0</v>
      </c>
      <c r="AS27" s="300">
        <v>0</v>
      </c>
      <c r="AT27" s="295">
        <v>0</v>
      </c>
      <c r="AU27" s="296">
        <v>0</v>
      </c>
      <c r="AV27" s="297">
        <v>0</v>
      </c>
      <c r="AW27" s="301"/>
      <c r="AX27" s="296">
        <v>0</v>
      </c>
      <c r="AY27" s="296">
        <v>0</v>
      </c>
      <c r="AZ27" s="296">
        <v>0</v>
      </c>
      <c r="BA27" s="296">
        <v>0</v>
      </c>
      <c r="BB27" s="296">
        <v>0</v>
      </c>
      <c r="BC27" s="299">
        <v>0</v>
      </c>
      <c r="BD27" s="300">
        <v>0</v>
      </c>
      <c r="BE27" s="295">
        <v>0</v>
      </c>
      <c r="BF27" s="296">
        <v>0</v>
      </c>
      <c r="BG27" s="297">
        <v>0</v>
      </c>
      <c r="BH27" s="301"/>
      <c r="BI27" s="296">
        <v>0</v>
      </c>
      <c r="BJ27" s="296">
        <v>0</v>
      </c>
      <c r="BK27" s="296">
        <v>0</v>
      </c>
      <c r="BL27" s="296">
        <v>0</v>
      </c>
      <c r="BM27" s="296">
        <v>0</v>
      </c>
      <c r="BN27" s="299">
        <v>0</v>
      </c>
      <c r="BO27" s="300">
        <v>0</v>
      </c>
      <c r="BP27" s="295">
        <v>0</v>
      </c>
      <c r="BQ27" s="296">
        <v>0</v>
      </c>
      <c r="BR27" s="297">
        <v>0</v>
      </c>
      <c r="BS27" s="298">
        <v>0</v>
      </c>
      <c r="BT27" s="296">
        <v>0</v>
      </c>
      <c r="BU27" s="296">
        <v>32821</v>
      </c>
      <c r="BV27" s="296">
        <v>3136</v>
      </c>
      <c r="BW27" s="296">
        <v>42660</v>
      </c>
      <c r="BX27" s="296">
        <v>9475</v>
      </c>
      <c r="BY27" s="299">
        <v>88092</v>
      </c>
      <c r="BZ27" s="300">
        <v>88092</v>
      </c>
      <c r="CA27" s="295">
        <v>0</v>
      </c>
      <c r="CB27" s="296">
        <v>0</v>
      </c>
      <c r="CC27" s="297">
        <v>0</v>
      </c>
      <c r="CD27" s="298">
        <v>0</v>
      </c>
      <c r="CE27" s="296">
        <v>0</v>
      </c>
      <c r="CF27" s="296">
        <v>0</v>
      </c>
      <c r="CG27" s="296">
        <v>0</v>
      </c>
      <c r="CH27" s="296">
        <v>0</v>
      </c>
      <c r="CI27" s="296">
        <v>0</v>
      </c>
      <c r="CJ27" s="299">
        <v>0</v>
      </c>
      <c r="CK27" s="300">
        <v>0</v>
      </c>
      <c r="CL27" s="295">
        <v>0</v>
      </c>
      <c r="CM27" s="296">
        <v>0</v>
      </c>
      <c r="CN27" s="297">
        <v>0</v>
      </c>
      <c r="CO27" s="298">
        <v>0</v>
      </c>
      <c r="CP27" s="296">
        <v>0</v>
      </c>
      <c r="CQ27" s="296">
        <v>0</v>
      </c>
      <c r="CR27" s="296">
        <v>0</v>
      </c>
      <c r="CS27" s="296">
        <v>0</v>
      </c>
      <c r="CT27" s="296">
        <v>0</v>
      </c>
      <c r="CU27" s="299">
        <v>0</v>
      </c>
      <c r="CV27" s="300">
        <v>0</v>
      </c>
      <c r="CW27" s="295">
        <v>0</v>
      </c>
      <c r="CX27" s="296">
        <v>0</v>
      </c>
      <c r="CY27" s="297">
        <v>0</v>
      </c>
      <c r="CZ27" s="301"/>
      <c r="DA27" s="296">
        <v>0</v>
      </c>
      <c r="DB27" s="296">
        <v>0</v>
      </c>
      <c r="DC27" s="296">
        <v>0</v>
      </c>
      <c r="DD27" s="296">
        <v>0</v>
      </c>
      <c r="DE27" s="296">
        <v>0</v>
      </c>
      <c r="DF27" s="299">
        <v>0</v>
      </c>
      <c r="DG27" s="300">
        <v>0</v>
      </c>
      <c r="DH27" s="295">
        <v>0</v>
      </c>
      <c r="DI27" s="296">
        <v>0</v>
      </c>
      <c r="DJ27" s="297">
        <v>0</v>
      </c>
      <c r="DK27" s="298">
        <v>0</v>
      </c>
      <c r="DL27" s="296">
        <v>217</v>
      </c>
      <c r="DM27" s="296">
        <v>75837</v>
      </c>
      <c r="DN27" s="296">
        <v>384244</v>
      </c>
      <c r="DO27" s="296">
        <v>691052</v>
      </c>
      <c r="DP27" s="296">
        <v>542294</v>
      </c>
      <c r="DQ27" s="299">
        <v>1693644</v>
      </c>
      <c r="DR27" s="302">
        <v>1693644</v>
      </c>
      <c r="DS27" s="295">
        <v>0</v>
      </c>
      <c r="DT27" s="296">
        <v>0</v>
      </c>
      <c r="DU27" s="297">
        <v>0</v>
      </c>
      <c r="DV27" s="301"/>
      <c r="DW27" s="296">
        <v>0</v>
      </c>
      <c r="DX27" s="296">
        <v>0</v>
      </c>
      <c r="DY27" s="296">
        <v>346766</v>
      </c>
      <c r="DZ27" s="296">
        <v>621105</v>
      </c>
      <c r="EA27" s="296">
        <v>496461</v>
      </c>
      <c r="EB27" s="299">
        <v>1464332</v>
      </c>
      <c r="EC27" s="300">
        <v>1464332</v>
      </c>
      <c r="ED27" s="295">
        <v>0</v>
      </c>
      <c r="EE27" s="296">
        <v>0</v>
      </c>
      <c r="EF27" s="297">
        <v>0</v>
      </c>
      <c r="EG27" s="301"/>
      <c r="EH27" s="296">
        <v>217</v>
      </c>
      <c r="EI27" s="296">
        <v>43803</v>
      </c>
      <c r="EJ27" s="296">
        <v>34670</v>
      </c>
      <c r="EK27" s="296">
        <v>32402</v>
      </c>
      <c r="EL27" s="296">
        <v>11883</v>
      </c>
      <c r="EM27" s="299">
        <v>122975</v>
      </c>
      <c r="EN27" s="300">
        <v>122975</v>
      </c>
      <c r="EO27" s="295">
        <v>0</v>
      </c>
      <c r="EP27" s="296">
        <v>0</v>
      </c>
      <c r="EQ27" s="297">
        <v>0</v>
      </c>
      <c r="ER27" s="301"/>
      <c r="ES27" s="296">
        <v>0</v>
      </c>
      <c r="ET27" s="296">
        <v>0</v>
      </c>
      <c r="EU27" s="296">
        <v>0</v>
      </c>
      <c r="EV27" s="296">
        <v>0</v>
      </c>
      <c r="EW27" s="296">
        <v>0</v>
      </c>
      <c r="EX27" s="299">
        <v>0</v>
      </c>
      <c r="EY27" s="300">
        <v>0</v>
      </c>
      <c r="EZ27" s="295">
        <v>0</v>
      </c>
      <c r="FA27" s="296">
        <v>0</v>
      </c>
      <c r="FB27" s="297">
        <v>0</v>
      </c>
      <c r="FC27" s="301"/>
      <c r="FD27" s="296">
        <v>0</v>
      </c>
      <c r="FE27" s="296">
        <v>0</v>
      </c>
      <c r="FF27" s="296">
        <v>0</v>
      </c>
      <c r="FG27" s="296">
        <v>0</v>
      </c>
      <c r="FH27" s="296">
        <v>0</v>
      </c>
      <c r="FI27" s="299">
        <v>0</v>
      </c>
      <c r="FJ27" s="300">
        <v>0</v>
      </c>
      <c r="FK27" s="295">
        <v>0</v>
      </c>
      <c r="FL27" s="296">
        <v>0</v>
      </c>
      <c r="FM27" s="297">
        <v>0</v>
      </c>
      <c r="FN27" s="301"/>
      <c r="FO27" s="296">
        <v>0</v>
      </c>
      <c r="FP27" s="296">
        <v>0</v>
      </c>
      <c r="FQ27" s="296">
        <v>0</v>
      </c>
      <c r="FR27" s="296">
        <v>0</v>
      </c>
      <c r="FS27" s="296">
        <v>0</v>
      </c>
      <c r="FT27" s="299">
        <v>0</v>
      </c>
      <c r="FU27" s="300">
        <v>0</v>
      </c>
      <c r="FV27" s="295">
        <v>0</v>
      </c>
      <c r="FW27" s="296">
        <v>0</v>
      </c>
      <c r="FX27" s="297">
        <v>0</v>
      </c>
      <c r="FY27" s="298">
        <v>0</v>
      </c>
      <c r="FZ27" s="296">
        <v>0</v>
      </c>
      <c r="GA27" s="296">
        <v>32034</v>
      </c>
      <c r="GB27" s="296">
        <v>2808</v>
      </c>
      <c r="GC27" s="296">
        <v>37545</v>
      </c>
      <c r="GD27" s="296">
        <v>33950</v>
      </c>
      <c r="GE27" s="299">
        <v>106337</v>
      </c>
      <c r="GF27" s="300">
        <v>106337</v>
      </c>
      <c r="GG27" s="295">
        <v>0</v>
      </c>
      <c r="GH27" s="296">
        <v>0</v>
      </c>
      <c r="GI27" s="297">
        <v>0</v>
      </c>
      <c r="GJ27" s="298">
        <v>0</v>
      </c>
      <c r="GK27" s="296">
        <v>0</v>
      </c>
      <c r="GL27" s="296">
        <v>0</v>
      </c>
      <c r="GM27" s="296">
        <v>0</v>
      </c>
      <c r="GN27" s="296">
        <v>0</v>
      </c>
      <c r="GO27" s="296">
        <v>0</v>
      </c>
      <c r="GP27" s="299">
        <v>0</v>
      </c>
      <c r="GQ27" s="300">
        <v>0</v>
      </c>
      <c r="GR27" s="295">
        <v>0</v>
      </c>
      <c r="GS27" s="296">
        <v>0</v>
      </c>
      <c r="GT27" s="297">
        <v>0</v>
      </c>
      <c r="GU27" s="298">
        <v>0</v>
      </c>
      <c r="GV27" s="296">
        <v>0</v>
      </c>
      <c r="GW27" s="296">
        <v>0</v>
      </c>
      <c r="GX27" s="296">
        <v>0</v>
      </c>
      <c r="GY27" s="296">
        <v>0</v>
      </c>
      <c r="GZ27" s="296">
        <v>0</v>
      </c>
      <c r="HA27" s="299">
        <v>0</v>
      </c>
      <c r="HB27" s="300">
        <v>0</v>
      </c>
      <c r="HC27" s="295">
        <v>0</v>
      </c>
      <c r="HD27" s="296">
        <v>0</v>
      </c>
      <c r="HE27" s="297">
        <v>0</v>
      </c>
      <c r="HF27" s="301"/>
      <c r="HG27" s="296">
        <v>0</v>
      </c>
      <c r="HH27" s="296">
        <v>0</v>
      </c>
      <c r="HI27" s="296">
        <v>0</v>
      </c>
      <c r="HJ27" s="296">
        <v>0</v>
      </c>
      <c r="HK27" s="296">
        <v>0</v>
      </c>
      <c r="HL27" s="299">
        <v>0</v>
      </c>
      <c r="HM27" s="300">
        <v>0</v>
      </c>
      <c r="HN27" s="295">
        <v>0</v>
      </c>
      <c r="HO27" s="296">
        <v>0</v>
      </c>
      <c r="HP27" s="297">
        <v>0</v>
      </c>
      <c r="HQ27" s="298">
        <v>0</v>
      </c>
      <c r="HR27" s="296">
        <v>24862</v>
      </c>
      <c r="HS27" s="296">
        <v>121833</v>
      </c>
      <c r="HT27" s="296">
        <v>794580</v>
      </c>
      <c r="HU27" s="296">
        <v>1203292</v>
      </c>
      <c r="HV27" s="296">
        <v>856389</v>
      </c>
      <c r="HW27" s="299">
        <v>3000956</v>
      </c>
      <c r="HX27" s="300">
        <v>3000956</v>
      </c>
    </row>
    <row r="28" spans="1:232" ht="16.5" customHeight="1" x14ac:dyDescent="0.2">
      <c r="A28" s="293" t="s">
        <v>25</v>
      </c>
      <c r="B28" s="295">
        <v>0</v>
      </c>
      <c r="C28" s="296">
        <v>0</v>
      </c>
      <c r="D28" s="297">
        <v>0</v>
      </c>
      <c r="E28" s="298">
        <v>0</v>
      </c>
      <c r="F28" s="296">
        <v>84630</v>
      </c>
      <c r="G28" s="296">
        <v>261073</v>
      </c>
      <c r="H28" s="296">
        <v>542095</v>
      </c>
      <c r="I28" s="296">
        <v>895583</v>
      </c>
      <c r="J28" s="296">
        <v>678488</v>
      </c>
      <c r="K28" s="299">
        <v>2461869</v>
      </c>
      <c r="L28" s="300">
        <v>2461869</v>
      </c>
      <c r="M28" s="295">
        <v>0</v>
      </c>
      <c r="N28" s="296">
        <v>0</v>
      </c>
      <c r="O28" s="297">
        <v>0</v>
      </c>
      <c r="P28" s="301"/>
      <c r="Q28" s="296">
        <v>27280</v>
      </c>
      <c r="R28" s="296">
        <v>45880</v>
      </c>
      <c r="S28" s="296">
        <v>474205</v>
      </c>
      <c r="T28" s="296">
        <v>557635</v>
      </c>
      <c r="U28" s="296">
        <v>570095</v>
      </c>
      <c r="V28" s="299">
        <v>1675095</v>
      </c>
      <c r="W28" s="300">
        <v>1675095</v>
      </c>
      <c r="X28" s="295">
        <v>0</v>
      </c>
      <c r="Y28" s="296">
        <v>0</v>
      </c>
      <c r="Z28" s="297">
        <v>0</v>
      </c>
      <c r="AA28" s="301"/>
      <c r="AB28" s="296">
        <v>57350</v>
      </c>
      <c r="AC28" s="296">
        <v>181095</v>
      </c>
      <c r="AD28" s="296">
        <v>65255</v>
      </c>
      <c r="AE28" s="296">
        <v>291613</v>
      </c>
      <c r="AF28" s="296">
        <v>100628</v>
      </c>
      <c r="AG28" s="299">
        <v>695941</v>
      </c>
      <c r="AH28" s="300">
        <v>695941</v>
      </c>
      <c r="AI28" s="295">
        <v>0</v>
      </c>
      <c r="AJ28" s="296">
        <v>0</v>
      </c>
      <c r="AK28" s="297">
        <v>0</v>
      </c>
      <c r="AL28" s="301"/>
      <c r="AM28" s="296">
        <v>0</v>
      </c>
      <c r="AN28" s="296">
        <v>0</v>
      </c>
      <c r="AO28" s="296">
        <v>0</v>
      </c>
      <c r="AP28" s="296">
        <v>0</v>
      </c>
      <c r="AQ28" s="296">
        <v>0</v>
      </c>
      <c r="AR28" s="299">
        <v>0</v>
      </c>
      <c r="AS28" s="300">
        <v>0</v>
      </c>
      <c r="AT28" s="295">
        <v>0</v>
      </c>
      <c r="AU28" s="296">
        <v>0</v>
      </c>
      <c r="AV28" s="297">
        <v>0</v>
      </c>
      <c r="AW28" s="301"/>
      <c r="AX28" s="296">
        <v>0</v>
      </c>
      <c r="AY28" s="296">
        <v>0</v>
      </c>
      <c r="AZ28" s="296">
        <v>0</v>
      </c>
      <c r="BA28" s="296">
        <v>0</v>
      </c>
      <c r="BB28" s="296">
        <v>0</v>
      </c>
      <c r="BC28" s="299">
        <v>0</v>
      </c>
      <c r="BD28" s="300">
        <v>0</v>
      </c>
      <c r="BE28" s="295">
        <v>0</v>
      </c>
      <c r="BF28" s="296">
        <v>0</v>
      </c>
      <c r="BG28" s="297">
        <v>0</v>
      </c>
      <c r="BH28" s="301"/>
      <c r="BI28" s="296">
        <v>0</v>
      </c>
      <c r="BJ28" s="296">
        <v>0</v>
      </c>
      <c r="BK28" s="296">
        <v>0</v>
      </c>
      <c r="BL28" s="296">
        <v>0</v>
      </c>
      <c r="BM28" s="296">
        <v>0</v>
      </c>
      <c r="BN28" s="299">
        <v>0</v>
      </c>
      <c r="BO28" s="300">
        <v>0</v>
      </c>
      <c r="BP28" s="295">
        <v>0</v>
      </c>
      <c r="BQ28" s="296">
        <v>0</v>
      </c>
      <c r="BR28" s="297">
        <v>0</v>
      </c>
      <c r="BS28" s="298">
        <v>0</v>
      </c>
      <c r="BT28" s="296">
        <v>0</v>
      </c>
      <c r="BU28" s="296">
        <v>34098</v>
      </c>
      <c r="BV28" s="296">
        <v>2190</v>
      </c>
      <c r="BW28" s="296">
        <v>34305</v>
      </c>
      <c r="BX28" s="296">
        <v>7765</v>
      </c>
      <c r="BY28" s="299">
        <v>78358</v>
      </c>
      <c r="BZ28" s="300">
        <v>78358</v>
      </c>
      <c r="CA28" s="295">
        <v>0</v>
      </c>
      <c r="CB28" s="296">
        <v>0</v>
      </c>
      <c r="CC28" s="297">
        <v>0</v>
      </c>
      <c r="CD28" s="298">
        <v>0</v>
      </c>
      <c r="CE28" s="296">
        <v>0</v>
      </c>
      <c r="CF28" s="296">
        <v>0</v>
      </c>
      <c r="CG28" s="296">
        <v>445</v>
      </c>
      <c r="CH28" s="296">
        <v>12030</v>
      </c>
      <c r="CI28" s="296">
        <v>0</v>
      </c>
      <c r="CJ28" s="299">
        <v>12475</v>
      </c>
      <c r="CK28" s="300">
        <v>12475</v>
      </c>
      <c r="CL28" s="295">
        <v>0</v>
      </c>
      <c r="CM28" s="296">
        <v>0</v>
      </c>
      <c r="CN28" s="297">
        <v>0</v>
      </c>
      <c r="CO28" s="298">
        <v>0</v>
      </c>
      <c r="CP28" s="296">
        <v>0</v>
      </c>
      <c r="CQ28" s="296">
        <v>0</v>
      </c>
      <c r="CR28" s="296">
        <v>0</v>
      </c>
      <c r="CS28" s="296">
        <v>0</v>
      </c>
      <c r="CT28" s="296">
        <v>0</v>
      </c>
      <c r="CU28" s="299">
        <v>0</v>
      </c>
      <c r="CV28" s="300">
        <v>0</v>
      </c>
      <c r="CW28" s="295">
        <v>0</v>
      </c>
      <c r="CX28" s="296">
        <v>0</v>
      </c>
      <c r="CY28" s="297">
        <v>0</v>
      </c>
      <c r="CZ28" s="301"/>
      <c r="DA28" s="296">
        <v>0</v>
      </c>
      <c r="DB28" s="296">
        <v>0</v>
      </c>
      <c r="DC28" s="296">
        <v>0</v>
      </c>
      <c r="DD28" s="296">
        <v>0</v>
      </c>
      <c r="DE28" s="296">
        <v>0</v>
      </c>
      <c r="DF28" s="299">
        <v>0</v>
      </c>
      <c r="DG28" s="300">
        <v>0</v>
      </c>
      <c r="DH28" s="295">
        <v>0</v>
      </c>
      <c r="DI28" s="296">
        <v>0</v>
      </c>
      <c r="DJ28" s="297">
        <v>0</v>
      </c>
      <c r="DK28" s="298">
        <v>0</v>
      </c>
      <c r="DL28" s="296">
        <v>43369</v>
      </c>
      <c r="DM28" s="296">
        <v>188304</v>
      </c>
      <c r="DN28" s="296">
        <v>666505</v>
      </c>
      <c r="DO28" s="296">
        <v>700231</v>
      </c>
      <c r="DP28" s="296">
        <v>438659</v>
      </c>
      <c r="DQ28" s="299">
        <v>2037068</v>
      </c>
      <c r="DR28" s="302">
        <v>2037068</v>
      </c>
      <c r="DS28" s="295">
        <v>0</v>
      </c>
      <c r="DT28" s="296">
        <v>0</v>
      </c>
      <c r="DU28" s="297">
        <v>0</v>
      </c>
      <c r="DV28" s="301"/>
      <c r="DW28" s="296">
        <v>43152</v>
      </c>
      <c r="DX28" s="296">
        <v>118079</v>
      </c>
      <c r="DY28" s="296">
        <v>655415</v>
      </c>
      <c r="DZ28" s="296">
        <v>596724</v>
      </c>
      <c r="EA28" s="296">
        <v>418476</v>
      </c>
      <c r="EB28" s="299">
        <v>1831846</v>
      </c>
      <c r="EC28" s="300">
        <v>1831846</v>
      </c>
      <c r="ED28" s="295">
        <v>0</v>
      </c>
      <c r="EE28" s="296">
        <v>0</v>
      </c>
      <c r="EF28" s="297">
        <v>0</v>
      </c>
      <c r="EG28" s="301"/>
      <c r="EH28" s="296">
        <v>217</v>
      </c>
      <c r="EI28" s="296">
        <v>24290</v>
      </c>
      <c r="EJ28" s="296">
        <v>651</v>
      </c>
      <c r="EK28" s="296">
        <v>47212</v>
      </c>
      <c r="EL28" s="296">
        <v>12338</v>
      </c>
      <c r="EM28" s="299">
        <v>84708</v>
      </c>
      <c r="EN28" s="300">
        <v>84708</v>
      </c>
      <c r="EO28" s="295">
        <v>0</v>
      </c>
      <c r="EP28" s="296">
        <v>0</v>
      </c>
      <c r="EQ28" s="297">
        <v>0</v>
      </c>
      <c r="ER28" s="301"/>
      <c r="ES28" s="296">
        <v>0</v>
      </c>
      <c r="ET28" s="296">
        <v>0</v>
      </c>
      <c r="EU28" s="296">
        <v>0</v>
      </c>
      <c r="EV28" s="296">
        <v>0</v>
      </c>
      <c r="EW28" s="296">
        <v>0</v>
      </c>
      <c r="EX28" s="299">
        <v>0</v>
      </c>
      <c r="EY28" s="300">
        <v>0</v>
      </c>
      <c r="EZ28" s="295">
        <v>0</v>
      </c>
      <c r="FA28" s="296">
        <v>0</v>
      </c>
      <c r="FB28" s="297">
        <v>0</v>
      </c>
      <c r="FC28" s="301"/>
      <c r="FD28" s="296">
        <v>0</v>
      </c>
      <c r="FE28" s="296">
        <v>0</v>
      </c>
      <c r="FF28" s="296">
        <v>0</v>
      </c>
      <c r="FG28" s="296">
        <v>0</v>
      </c>
      <c r="FH28" s="296">
        <v>0</v>
      </c>
      <c r="FI28" s="299">
        <v>0</v>
      </c>
      <c r="FJ28" s="300">
        <v>0</v>
      </c>
      <c r="FK28" s="295">
        <v>0</v>
      </c>
      <c r="FL28" s="296">
        <v>0</v>
      </c>
      <c r="FM28" s="297">
        <v>0</v>
      </c>
      <c r="FN28" s="301"/>
      <c r="FO28" s="296">
        <v>0</v>
      </c>
      <c r="FP28" s="296">
        <v>0</v>
      </c>
      <c r="FQ28" s="296">
        <v>0</v>
      </c>
      <c r="FR28" s="296">
        <v>0</v>
      </c>
      <c r="FS28" s="296">
        <v>0</v>
      </c>
      <c r="FT28" s="299">
        <v>0</v>
      </c>
      <c r="FU28" s="300">
        <v>0</v>
      </c>
      <c r="FV28" s="295">
        <v>0</v>
      </c>
      <c r="FW28" s="296">
        <v>0</v>
      </c>
      <c r="FX28" s="297">
        <v>0</v>
      </c>
      <c r="FY28" s="298">
        <v>0</v>
      </c>
      <c r="FZ28" s="296">
        <v>0</v>
      </c>
      <c r="GA28" s="296">
        <v>45935</v>
      </c>
      <c r="GB28" s="296">
        <v>10418</v>
      </c>
      <c r="GC28" s="296">
        <v>56295</v>
      </c>
      <c r="GD28" s="296">
        <v>7845</v>
      </c>
      <c r="GE28" s="299">
        <v>120493</v>
      </c>
      <c r="GF28" s="300">
        <v>120493</v>
      </c>
      <c r="GG28" s="295">
        <v>0</v>
      </c>
      <c r="GH28" s="296">
        <v>0</v>
      </c>
      <c r="GI28" s="297">
        <v>0</v>
      </c>
      <c r="GJ28" s="298">
        <v>0</v>
      </c>
      <c r="GK28" s="296">
        <v>0</v>
      </c>
      <c r="GL28" s="296">
        <v>0</v>
      </c>
      <c r="GM28" s="296">
        <v>21</v>
      </c>
      <c r="GN28" s="296">
        <v>0</v>
      </c>
      <c r="GO28" s="296">
        <v>0</v>
      </c>
      <c r="GP28" s="299">
        <v>21</v>
      </c>
      <c r="GQ28" s="300">
        <v>21</v>
      </c>
      <c r="GR28" s="295">
        <v>0</v>
      </c>
      <c r="GS28" s="296">
        <v>0</v>
      </c>
      <c r="GT28" s="297">
        <v>0</v>
      </c>
      <c r="GU28" s="298">
        <v>0</v>
      </c>
      <c r="GV28" s="296">
        <v>0</v>
      </c>
      <c r="GW28" s="296">
        <v>0</v>
      </c>
      <c r="GX28" s="296">
        <v>0</v>
      </c>
      <c r="GY28" s="296">
        <v>0</v>
      </c>
      <c r="GZ28" s="296">
        <v>0</v>
      </c>
      <c r="HA28" s="299">
        <v>0</v>
      </c>
      <c r="HB28" s="300">
        <v>0</v>
      </c>
      <c r="HC28" s="295">
        <v>0</v>
      </c>
      <c r="HD28" s="296">
        <v>0</v>
      </c>
      <c r="HE28" s="297">
        <v>0</v>
      </c>
      <c r="HF28" s="301"/>
      <c r="HG28" s="296">
        <v>0</v>
      </c>
      <c r="HH28" s="296">
        <v>0</v>
      </c>
      <c r="HI28" s="296">
        <v>0</v>
      </c>
      <c r="HJ28" s="296">
        <v>0</v>
      </c>
      <c r="HK28" s="296">
        <v>0</v>
      </c>
      <c r="HL28" s="299">
        <v>0</v>
      </c>
      <c r="HM28" s="300">
        <v>0</v>
      </c>
      <c r="HN28" s="295">
        <v>0</v>
      </c>
      <c r="HO28" s="296">
        <v>0</v>
      </c>
      <c r="HP28" s="297">
        <v>0</v>
      </c>
      <c r="HQ28" s="298">
        <v>0</v>
      </c>
      <c r="HR28" s="296">
        <v>127999</v>
      </c>
      <c r="HS28" s="296">
        <v>449377</v>
      </c>
      <c r="HT28" s="296">
        <v>1208600</v>
      </c>
      <c r="HU28" s="296">
        <v>1595814</v>
      </c>
      <c r="HV28" s="296">
        <v>1117147</v>
      </c>
      <c r="HW28" s="299">
        <v>4498937</v>
      </c>
      <c r="HX28" s="300">
        <v>4498937</v>
      </c>
    </row>
    <row r="29" spans="1:232" ht="16.5" customHeight="1" x14ac:dyDescent="0.2">
      <c r="A29" s="293" t="s">
        <v>26</v>
      </c>
      <c r="B29" s="295">
        <v>0</v>
      </c>
      <c r="C29" s="296">
        <v>2175</v>
      </c>
      <c r="D29" s="297">
        <v>2175</v>
      </c>
      <c r="E29" s="298">
        <v>0</v>
      </c>
      <c r="F29" s="296">
        <v>71224</v>
      </c>
      <c r="G29" s="296">
        <v>211412</v>
      </c>
      <c r="H29" s="296">
        <v>507304</v>
      </c>
      <c r="I29" s="296">
        <v>831598</v>
      </c>
      <c r="J29" s="296">
        <v>609903</v>
      </c>
      <c r="K29" s="299">
        <v>2231441</v>
      </c>
      <c r="L29" s="300">
        <v>2233616</v>
      </c>
      <c r="M29" s="295">
        <v>0</v>
      </c>
      <c r="N29" s="296">
        <v>0</v>
      </c>
      <c r="O29" s="297">
        <v>0</v>
      </c>
      <c r="P29" s="301"/>
      <c r="Q29" s="296">
        <v>0</v>
      </c>
      <c r="R29" s="296">
        <v>33945</v>
      </c>
      <c r="S29" s="296">
        <v>277155</v>
      </c>
      <c r="T29" s="296">
        <v>718060</v>
      </c>
      <c r="U29" s="296">
        <v>358315</v>
      </c>
      <c r="V29" s="299">
        <v>1387475</v>
      </c>
      <c r="W29" s="300">
        <v>1387475</v>
      </c>
      <c r="X29" s="295">
        <v>0</v>
      </c>
      <c r="Y29" s="296">
        <v>0</v>
      </c>
      <c r="Z29" s="297">
        <v>0</v>
      </c>
      <c r="AA29" s="301"/>
      <c r="AB29" s="296">
        <v>68045</v>
      </c>
      <c r="AC29" s="296">
        <v>154535</v>
      </c>
      <c r="AD29" s="296">
        <v>217139</v>
      </c>
      <c r="AE29" s="296">
        <v>106175</v>
      </c>
      <c r="AF29" s="296">
        <v>2635</v>
      </c>
      <c r="AG29" s="299">
        <v>548529</v>
      </c>
      <c r="AH29" s="300">
        <v>548529</v>
      </c>
      <c r="AI29" s="295">
        <v>0</v>
      </c>
      <c r="AJ29" s="296">
        <v>0</v>
      </c>
      <c r="AK29" s="297">
        <v>0</v>
      </c>
      <c r="AL29" s="301"/>
      <c r="AM29" s="296">
        <v>0</v>
      </c>
      <c r="AN29" s="296">
        <v>0</v>
      </c>
      <c r="AO29" s="296">
        <v>0</v>
      </c>
      <c r="AP29" s="296">
        <v>0</v>
      </c>
      <c r="AQ29" s="296">
        <v>0</v>
      </c>
      <c r="AR29" s="299">
        <v>0</v>
      </c>
      <c r="AS29" s="300">
        <v>0</v>
      </c>
      <c r="AT29" s="295">
        <v>0</v>
      </c>
      <c r="AU29" s="296">
        <v>0</v>
      </c>
      <c r="AV29" s="297">
        <v>0</v>
      </c>
      <c r="AW29" s="301"/>
      <c r="AX29" s="296">
        <v>0</v>
      </c>
      <c r="AY29" s="296">
        <v>0</v>
      </c>
      <c r="AZ29" s="296">
        <v>0</v>
      </c>
      <c r="BA29" s="296">
        <v>0</v>
      </c>
      <c r="BB29" s="296">
        <v>232269</v>
      </c>
      <c r="BC29" s="299">
        <v>232269</v>
      </c>
      <c r="BD29" s="300">
        <v>232269</v>
      </c>
      <c r="BE29" s="295">
        <v>0</v>
      </c>
      <c r="BF29" s="296">
        <v>0</v>
      </c>
      <c r="BG29" s="297">
        <v>0</v>
      </c>
      <c r="BH29" s="301"/>
      <c r="BI29" s="296">
        <v>0</v>
      </c>
      <c r="BJ29" s="296">
        <v>2635</v>
      </c>
      <c r="BK29" s="296">
        <v>0</v>
      </c>
      <c r="BL29" s="296">
        <v>0</v>
      </c>
      <c r="BM29" s="296">
        <v>0</v>
      </c>
      <c r="BN29" s="299">
        <v>2635</v>
      </c>
      <c r="BO29" s="300">
        <v>2635</v>
      </c>
      <c r="BP29" s="295">
        <v>0</v>
      </c>
      <c r="BQ29" s="296">
        <v>2175</v>
      </c>
      <c r="BR29" s="297">
        <v>2175</v>
      </c>
      <c r="BS29" s="298">
        <v>0</v>
      </c>
      <c r="BT29" s="296">
        <v>3179</v>
      </c>
      <c r="BU29" s="296">
        <v>15787</v>
      </c>
      <c r="BV29" s="296">
        <v>12910</v>
      </c>
      <c r="BW29" s="296">
        <v>6283</v>
      </c>
      <c r="BX29" s="296">
        <v>16634</v>
      </c>
      <c r="BY29" s="299">
        <v>54793</v>
      </c>
      <c r="BZ29" s="300">
        <v>56968</v>
      </c>
      <c r="CA29" s="295">
        <v>0</v>
      </c>
      <c r="CB29" s="296">
        <v>0</v>
      </c>
      <c r="CC29" s="297">
        <v>0</v>
      </c>
      <c r="CD29" s="298">
        <v>0</v>
      </c>
      <c r="CE29" s="296">
        <v>0</v>
      </c>
      <c r="CF29" s="296">
        <v>4510</v>
      </c>
      <c r="CG29" s="296">
        <v>100</v>
      </c>
      <c r="CH29" s="296">
        <v>1080</v>
      </c>
      <c r="CI29" s="296">
        <v>50</v>
      </c>
      <c r="CJ29" s="299">
        <v>5740</v>
      </c>
      <c r="CK29" s="300">
        <v>5740</v>
      </c>
      <c r="CL29" s="295">
        <v>0</v>
      </c>
      <c r="CM29" s="296">
        <v>0</v>
      </c>
      <c r="CN29" s="297">
        <v>0</v>
      </c>
      <c r="CO29" s="298">
        <v>0</v>
      </c>
      <c r="CP29" s="296">
        <v>0</v>
      </c>
      <c r="CQ29" s="296">
        <v>0</v>
      </c>
      <c r="CR29" s="296">
        <v>0</v>
      </c>
      <c r="CS29" s="296">
        <v>0</v>
      </c>
      <c r="CT29" s="296">
        <v>0</v>
      </c>
      <c r="CU29" s="299">
        <v>0</v>
      </c>
      <c r="CV29" s="300">
        <v>0</v>
      </c>
      <c r="CW29" s="295">
        <v>0</v>
      </c>
      <c r="CX29" s="296">
        <v>0</v>
      </c>
      <c r="CY29" s="297">
        <v>0</v>
      </c>
      <c r="CZ29" s="301"/>
      <c r="DA29" s="296">
        <v>0</v>
      </c>
      <c r="DB29" s="296">
        <v>0</v>
      </c>
      <c r="DC29" s="296">
        <v>0</v>
      </c>
      <c r="DD29" s="296">
        <v>0</v>
      </c>
      <c r="DE29" s="296">
        <v>0</v>
      </c>
      <c r="DF29" s="299">
        <v>0</v>
      </c>
      <c r="DG29" s="300">
        <v>0</v>
      </c>
      <c r="DH29" s="295">
        <v>0</v>
      </c>
      <c r="DI29" s="296">
        <v>10440</v>
      </c>
      <c r="DJ29" s="297">
        <v>10440</v>
      </c>
      <c r="DK29" s="298">
        <v>0</v>
      </c>
      <c r="DL29" s="296">
        <v>3159</v>
      </c>
      <c r="DM29" s="296">
        <v>148153</v>
      </c>
      <c r="DN29" s="296">
        <v>495963</v>
      </c>
      <c r="DO29" s="296">
        <v>868843</v>
      </c>
      <c r="DP29" s="296">
        <v>579803</v>
      </c>
      <c r="DQ29" s="299">
        <v>2095921</v>
      </c>
      <c r="DR29" s="302">
        <v>2106361</v>
      </c>
      <c r="DS29" s="295">
        <v>0</v>
      </c>
      <c r="DT29" s="296">
        <v>0</v>
      </c>
      <c r="DU29" s="297">
        <v>0</v>
      </c>
      <c r="DV29" s="301"/>
      <c r="DW29" s="296">
        <v>0</v>
      </c>
      <c r="DX29" s="296">
        <v>77686</v>
      </c>
      <c r="DY29" s="296">
        <v>416806</v>
      </c>
      <c r="DZ29" s="296">
        <v>835715</v>
      </c>
      <c r="EA29" s="296">
        <v>540560</v>
      </c>
      <c r="EB29" s="299">
        <v>1870767</v>
      </c>
      <c r="EC29" s="300">
        <v>1870767</v>
      </c>
      <c r="ED29" s="295">
        <v>0</v>
      </c>
      <c r="EE29" s="296">
        <v>0</v>
      </c>
      <c r="EF29" s="297">
        <v>0</v>
      </c>
      <c r="EG29" s="301"/>
      <c r="EH29" s="296">
        <v>651</v>
      </c>
      <c r="EI29" s="296">
        <v>24180</v>
      </c>
      <c r="EJ29" s="296">
        <v>61658</v>
      </c>
      <c r="EK29" s="296">
        <v>23436</v>
      </c>
      <c r="EL29" s="296">
        <v>217</v>
      </c>
      <c r="EM29" s="299">
        <v>110142</v>
      </c>
      <c r="EN29" s="300">
        <v>110142</v>
      </c>
      <c r="EO29" s="295">
        <v>0</v>
      </c>
      <c r="EP29" s="296">
        <v>0</v>
      </c>
      <c r="EQ29" s="297">
        <v>0</v>
      </c>
      <c r="ER29" s="301"/>
      <c r="ES29" s="296">
        <v>0</v>
      </c>
      <c r="ET29" s="296">
        <v>0</v>
      </c>
      <c r="EU29" s="296">
        <v>0</v>
      </c>
      <c r="EV29" s="296">
        <v>0</v>
      </c>
      <c r="EW29" s="296">
        <v>0</v>
      </c>
      <c r="EX29" s="299">
        <v>0</v>
      </c>
      <c r="EY29" s="300">
        <v>0</v>
      </c>
      <c r="EZ29" s="295">
        <v>0</v>
      </c>
      <c r="FA29" s="296">
        <v>0</v>
      </c>
      <c r="FB29" s="297">
        <v>0</v>
      </c>
      <c r="FC29" s="301"/>
      <c r="FD29" s="296">
        <v>0</v>
      </c>
      <c r="FE29" s="296">
        <v>0</v>
      </c>
      <c r="FF29" s="296">
        <v>0</v>
      </c>
      <c r="FG29" s="296">
        <v>0</v>
      </c>
      <c r="FH29" s="296">
        <v>3192</v>
      </c>
      <c r="FI29" s="299">
        <v>3192</v>
      </c>
      <c r="FJ29" s="300">
        <v>3192</v>
      </c>
      <c r="FK29" s="295">
        <v>0</v>
      </c>
      <c r="FL29" s="296">
        <v>0</v>
      </c>
      <c r="FM29" s="297">
        <v>0</v>
      </c>
      <c r="FN29" s="301"/>
      <c r="FO29" s="296">
        <v>0</v>
      </c>
      <c r="FP29" s="296">
        <v>21576</v>
      </c>
      <c r="FQ29" s="296">
        <v>0</v>
      </c>
      <c r="FR29" s="296">
        <v>0</v>
      </c>
      <c r="FS29" s="296">
        <v>0</v>
      </c>
      <c r="FT29" s="299">
        <v>21576</v>
      </c>
      <c r="FU29" s="300">
        <v>21576</v>
      </c>
      <c r="FV29" s="295">
        <v>0</v>
      </c>
      <c r="FW29" s="296">
        <v>10440</v>
      </c>
      <c r="FX29" s="297">
        <v>10440</v>
      </c>
      <c r="FY29" s="298">
        <v>0</v>
      </c>
      <c r="FZ29" s="296">
        <v>2508</v>
      </c>
      <c r="GA29" s="296">
        <v>24669</v>
      </c>
      <c r="GB29" s="296">
        <v>17485</v>
      </c>
      <c r="GC29" s="296">
        <v>9594</v>
      </c>
      <c r="GD29" s="296">
        <v>33478</v>
      </c>
      <c r="GE29" s="299">
        <v>87734</v>
      </c>
      <c r="GF29" s="300">
        <v>98174</v>
      </c>
      <c r="GG29" s="295">
        <v>0</v>
      </c>
      <c r="GH29" s="296">
        <v>0</v>
      </c>
      <c r="GI29" s="297">
        <v>0</v>
      </c>
      <c r="GJ29" s="298">
        <v>0</v>
      </c>
      <c r="GK29" s="296">
        <v>0</v>
      </c>
      <c r="GL29" s="296">
        <v>42</v>
      </c>
      <c r="GM29" s="296">
        <v>14</v>
      </c>
      <c r="GN29" s="296">
        <v>98</v>
      </c>
      <c r="GO29" s="296">
        <v>2356</v>
      </c>
      <c r="GP29" s="299">
        <v>2510</v>
      </c>
      <c r="GQ29" s="300">
        <v>2510</v>
      </c>
      <c r="GR29" s="295">
        <v>0</v>
      </c>
      <c r="GS29" s="296">
        <v>0</v>
      </c>
      <c r="GT29" s="297">
        <v>0</v>
      </c>
      <c r="GU29" s="298">
        <v>0</v>
      </c>
      <c r="GV29" s="296">
        <v>0</v>
      </c>
      <c r="GW29" s="296">
        <v>0</v>
      </c>
      <c r="GX29" s="296">
        <v>0</v>
      </c>
      <c r="GY29" s="296">
        <v>0</v>
      </c>
      <c r="GZ29" s="296">
        <v>0</v>
      </c>
      <c r="HA29" s="299">
        <v>0</v>
      </c>
      <c r="HB29" s="300">
        <v>0</v>
      </c>
      <c r="HC29" s="295">
        <v>0</v>
      </c>
      <c r="HD29" s="296">
        <v>0</v>
      </c>
      <c r="HE29" s="297">
        <v>0</v>
      </c>
      <c r="HF29" s="301"/>
      <c r="HG29" s="296">
        <v>0</v>
      </c>
      <c r="HH29" s="296">
        <v>0</v>
      </c>
      <c r="HI29" s="296">
        <v>0</v>
      </c>
      <c r="HJ29" s="296">
        <v>0</v>
      </c>
      <c r="HK29" s="296">
        <v>0</v>
      </c>
      <c r="HL29" s="299">
        <v>0</v>
      </c>
      <c r="HM29" s="300">
        <v>0</v>
      </c>
      <c r="HN29" s="295">
        <v>0</v>
      </c>
      <c r="HO29" s="296">
        <v>12615</v>
      </c>
      <c r="HP29" s="297">
        <v>12615</v>
      </c>
      <c r="HQ29" s="298">
        <v>0</v>
      </c>
      <c r="HR29" s="296">
        <v>74383</v>
      </c>
      <c r="HS29" s="296">
        <v>359565</v>
      </c>
      <c r="HT29" s="296">
        <v>1003267</v>
      </c>
      <c r="HU29" s="296">
        <v>1700441</v>
      </c>
      <c r="HV29" s="296">
        <v>1189706</v>
      </c>
      <c r="HW29" s="299">
        <v>4327362</v>
      </c>
      <c r="HX29" s="300">
        <v>4339977</v>
      </c>
    </row>
    <row r="30" spans="1:232" ht="16.5" customHeight="1" x14ac:dyDescent="0.2">
      <c r="A30" s="293" t="s">
        <v>27</v>
      </c>
      <c r="B30" s="295">
        <v>0</v>
      </c>
      <c r="C30" s="296">
        <v>0</v>
      </c>
      <c r="D30" s="297">
        <v>0</v>
      </c>
      <c r="E30" s="298">
        <v>0</v>
      </c>
      <c r="F30" s="296">
        <v>66305</v>
      </c>
      <c r="G30" s="296">
        <v>172640</v>
      </c>
      <c r="H30" s="296">
        <v>615415</v>
      </c>
      <c r="I30" s="296">
        <v>629760</v>
      </c>
      <c r="J30" s="296">
        <v>414035</v>
      </c>
      <c r="K30" s="299">
        <v>1898155</v>
      </c>
      <c r="L30" s="300">
        <v>1898155</v>
      </c>
      <c r="M30" s="295">
        <v>0</v>
      </c>
      <c r="N30" s="296">
        <v>0</v>
      </c>
      <c r="O30" s="297">
        <v>0</v>
      </c>
      <c r="P30" s="301"/>
      <c r="Q30" s="296">
        <v>35340</v>
      </c>
      <c r="R30" s="296">
        <v>32705</v>
      </c>
      <c r="S30" s="296">
        <v>412255</v>
      </c>
      <c r="T30" s="296">
        <v>494055</v>
      </c>
      <c r="U30" s="296">
        <v>315225</v>
      </c>
      <c r="V30" s="299">
        <v>1289580</v>
      </c>
      <c r="W30" s="300">
        <v>1289580</v>
      </c>
      <c r="X30" s="295">
        <v>0</v>
      </c>
      <c r="Y30" s="296">
        <v>0</v>
      </c>
      <c r="Z30" s="297">
        <v>0</v>
      </c>
      <c r="AA30" s="301"/>
      <c r="AB30" s="296">
        <v>27280</v>
      </c>
      <c r="AC30" s="296">
        <v>128030</v>
      </c>
      <c r="AD30" s="296">
        <v>112975</v>
      </c>
      <c r="AE30" s="296">
        <v>110270</v>
      </c>
      <c r="AF30" s="296">
        <v>35340</v>
      </c>
      <c r="AG30" s="299">
        <v>413895</v>
      </c>
      <c r="AH30" s="300">
        <v>413895</v>
      </c>
      <c r="AI30" s="295">
        <v>0</v>
      </c>
      <c r="AJ30" s="296">
        <v>0</v>
      </c>
      <c r="AK30" s="297">
        <v>0</v>
      </c>
      <c r="AL30" s="301"/>
      <c r="AM30" s="296">
        <v>0</v>
      </c>
      <c r="AN30" s="296">
        <v>0</v>
      </c>
      <c r="AO30" s="296">
        <v>0</v>
      </c>
      <c r="AP30" s="296">
        <v>0</v>
      </c>
      <c r="AQ30" s="296">
        <v>0</v>
      </c>
      <c r="AR30" s="299">
        <v>0</v>
      </c>
      <c r="AS30" s="300">
        <v>0</v>
      </c>
      <c r="AT30" s="295">
        <v>0</v>
      </c>
      <c r="AU30" s="296">
        <v>0</v>
      </c>
      <c r="AV30" s="297">
        <v>0</v>
      </c>
      <c r="AW30" s="301"/>
      <c r="AX30" s="296">
        <v>0</v>
      </c>
      <c r="AY30" s="296">
        <v>0</v>
      </c>
      <c r="AZ30" s="296">
        <v>0</v>
      </c>
      <c r="BA30" s="296">
        <v>0</v>
      </c>
      <c r="BB30" s="296">
        <v>5565</v>
      </c>
      <c r="BC30" s="299">
        <v>5565</v>
      </c>
      <c r="BD30" s="300">
        <v>5565</v>
      </c>
      <c r="BE30" s="295">
        <v>0</v>
      </c>
      <c r="BF30" s="296">
        <v>0</v>
      </c>
      <c r="BG30" s="297">
        <v>0</v>
      </c>
      <c r="BH30" s="301"/>
      <c r="BI30" s="296">
        <v>0</v>
      </c>
      <c r="BJ30" s="296">
        <v>0</v>
      </c>
      <c r="BK30" s="296">
        <v>62960</v>
      </c>
      <c r="BL30" s="296">
        <v>5270</v>
      </c>
      <c r="BM30" s="296">
        <v>29540</v>
      </c>
      <c r="BN30" s="299">
        <v>97770</v>
      </c>
      <c r="BO30" s="300">
        <v>97770</v>
      </c>
      <c r="BP30" s="295">
        <v>0</v>
      </c>
      <c r="BQ30" s="296">
        <v>0</v>
      </c>
      <c r="BR30" s="297">
        <v>0</v>
      </c>
      <c r="BS30" s="298">
        <v>0</v>
      </c>
      <c r="BT30" s="296">
        <v>3685</v>
      </c>
      <c r="BU30" s="296">
        <v>11905</v>
      </c>
      <c r="BV30" s="296">
        <v>27225</v>
      </c>
      <c r="BW30" s="296">
        <v>19730</v>
      </c>
      <c r="BX30" s="296">
        <v>14320</v>
      </c>
      <c r="BY30" s="299">
        <v>76865</v>
      </c>
      <c r="BZ30" s="300">
        <v>76865</v>
      </c>
      <c r="CA30" s="295">
        <v>0</v>
      </c>
      <c r="CB30" s="296">
        <v>0</v>
      </c>
      <c r="CC30" s="297">
        <v>0</v>
      </c>
      <c r="CD30" s="298">
        <v>0</v>
      </c>
      <c r="CE30" s="296">
        <v>0</v>
      </c>
      <c r="CF30" s="296">
        <v>0</v>
      </c>
      <c r="CG30" s="296">
        <v>0</v>
      </c>
      <c r="CH30" s="296">
        <v>435</v>
      </c>
      <c r="CI30" s="296">
        <v>14045</v>
      </c>
      <c r="CJ30" s="299">
        <v>14480</v>
      </c>
      <c r="CK30" s="300">
        <v>14480</v>
      </c>
      <c r="CL30" s="295">
        <v>0</v>
      </c>
      <c r="CM30" s="296">
        <v>0</v>
      </c>
      <c r="CN30" s="297">
        <v>0</v>
      </c>
      <c r="CO30" s="298">
        <v>0</v>
      </c>
      <c r="CP30" s="296">
        <v>0</v>
      </c>
      <c r="CQ30" s="296">
        <v>0</v>
      </c>
      <c r="CR30" s="296">
        <v>0</v>
      </c>
      <c r="CS30" s="296">
        <v>0</v>
      </c>
      <c r="CT30" s="296">
        <v>0</v>
      </c>
      <c r="CU30" s="299">
        <v>0</v>
      </c>
      <c r="CV30" s="300">
        <v>0</v>
      </c>
      <c r="CW30" s="295">
        <v>0</v>
      </c>
      <c r="CX30" s="296">
        <v>0</v>
      </c>
      <c r="CY30" s="297">
        <v>0</v>
      </c>
      <c r="CZ30" s="301"/>
      <c r="DA30" s="296">
        <v>0</v>
      </c>
      <c r="DB30" s="296">
        <v>0</v>
      </c>
      <c r="DC30" s="296">
        <v>0</v>
      </c>
      <c r="DD30" s="296">
        <v>0</v>
      </c>
      <c r="DE30" s="296">
        <v>0</v>
      </c>
      <c r="DF30" s="299">
        <v>0</v>
      </c>
      <c r="DG30" s="300">
        <v>0</v>
      </c>
      <c r="DH30" s="295">
        <v>0</v>
      </c>
      <c r="DI30" s="296">
        <v>0</v>
      </c>
      <c r="DJ30" s="297">
        <v>0</v>
      </c>
      <c r="DK30" s="298">
        <v>0</v>
      </c>
      <c r="DL30" s="296">
        <v>58608</v>
      </c>
      <c r="DM30" s="296">
        <v>110452</v>
      </c>
      <c r="DN30" s="296">
        <v>628941</v>
      </c>
      <c r="DO30" s="296">
        <v>585657</v>
      </c>
      <c r="DP30" s="296">
        <v>401385</v>
      </c>
      <c r="DQ30" s="299">
        <v>1785043</v>
      </c>
      <c r="DR30" s="302">
        <v>1785043</v>
      </c>
      <c r="DS30" s="295">
        <v>0</v>
      </c>
      <c r="DT30" s="296">
        <v>0</v>
      </c>
      <c r="DU30" s="297">
        <v>0</v>
      </c>
      <c r="DV30" s="301"/>
      <c r="DW30" s="296">
        <v>30070</v>
      </c>
      <c r="DX30" s="296">
        <v>15035</v>
      </c>
      <c r="DY30" s="296">
        <v>370512</v>
      </c>
      <c r="DZ30" s="296">
        <v>457706</v>
      </c>
      <c r="EA30" s="296">
        <v>357868</v>
      </c>
      <c r="EB30" s="299">
        <v>1231191</v>
      </c>
      <c r="EC30" s="300">
        <v>1231191</v>
      </c>
      <c r="ED30" s="295">
        <v>0</v>
      </c>
      <c r="EE30" s="296">
        <v>0</v>
      </c>
      <c r="EF30" s="297">
        <v>0</v>
      </c>
      <c r="EG30" s="301"/>
      <c r="EH30" s="296">
        <v>21793</v>
      </c>
      <c r="EI30" s="296">
        <v>85033</v>
      </c>
      <c r="EJ30" s="296">
        <v>117623</v>
      </c>
      <c r="EK30" s="296">
        <v>59319</v>
      </c>
      <c r="EL30" s="296">
        <v>434</v>
      </c>
      <c r="EM30" s="299">
        <v>284202</v>
      </c>
      <c r="EN30" s="300">
        <v>284202</v>
      </c>
      <c r="EO30" s="295">
        <v>0</v>
      </c>
      <c r="EP30" s="296">
        <v>0</v>
      </c>
      <c r="EQ30" s="297">
        <v>0</v>
      </c>
      <c r="ER30" s="301"/>
      <c r="ES30" s="296">
        <v>0</v>
      </c>
      <c r="ET30" s="296">
        <v>0</v>
      </c>
      <c r="EU30" s="296">
        <v>0</v>
      </c>
      <c r="EV30" s="296">
        <v>0</v>
      </c>
      <c r="EW30" s="296">
        <v>0</v>
      </c>
      <c r="EX30" s="299">
        <v>0</v>
      </c>
      <c r="EY30" s="300">
        <v>0</v>
      </c>
      <c r="EZ30" s="295">
        <v>0</v>
      </c>
      <c r="FA30" s="296">
        <v>0</v>
      </c>
      <c r="FB30" s="297">
        <v>0</v>
      </c>
      <c r="FC30" s="301"/>
      <c r="FD30" s="296">
        <v>0</v>
      </c>
      <c r="FE30" s="296">
        <v>0</v>
      </c>
      <c r="FF30" s="296">
        <v>0</v>
      </c>
      <c r="FG30" s="296">
        <v>0</v>
      </c>
      <c r="FH30" s="296">
        <v>49</v>
      </c>
      <c r="FI30" s="299">
        <v>49</v>
      </c>
      <c r="FJ30" s="300">
        <v>49</v>
      </c>
      <c r="FK30" s="295">
        <v>0</v>
      </c>
      <c r="FL30" s="296">
        <v>0</v>
      </c>
      <c r="FM30" s="297">
        <v>0</v>
      </c>
      <c r="FN30" s="301"/>
      <c r="FO30" s="296">
        <v>0</v>
      </c>
      <c r="FP30" s="296">
        <v>0</v>
      </c>
      <c r="FQ30" s="296">
        <v>104278</v>
      </c>
      <c r="FR30" s="296">
        <v>43152</v>
      </c>
      <c r="FS30" s="296">
        <v>33208</v>
      </c>
      <c r="FT30" s="299">
        <v>180638</v>
      </c>
      <c r="FU30" s="300">
        <v>180638</v>
      </c>
      <c r="FV30" s="295">
        <v>0</v>
      </c>
      <c r="FW30" s="296">
        <v>0</v>
      </c>
      <c r="FX30" s="297">
        <v>0</v>
      </c>
      <c r="FY30" s="298">
        <v>0</v>
      </c>
      <c r="FZ30" s="296">
        <v>6745</v>
      </c>
      <c r="GA30" s="296">
        <v>10384</v>
      </c>
      <c r="GB30" s="296">
        <v>36528</v>
      </c>
      <c r="GC30" s="296">
        <v>24048</v>
      </c>
      <c r="GD30" s="296">
        <v>9700</v>
      </c>
      <c r="GE30" s="299">
        <v>87405</v>
      </c>
      <c r="GF30" s="300">
        <v>87405</v>
      </c>
      <c r="GG30" s="295">
        <v>0</v>
      </c>
      <c r="GH30" s="296">
        <v>0</v>
      </c>
      <c r="GI30" s="297">
        <v>0</v>
      </c>
      <c r="GJ30" s="298">
        <v>0</v>
      </c>
      <c r="GK30" s="296">
        <v>0</v>
      </c>
      <c r="GL30" s="296">
        <v>0</v>
      </c>
      <c r="GM30" s="296">
        <v>0</v>
      </c>
      <c r="GN30" s="296">
        <v>1432</v>
      </c>
      <c r="GO30" s="296">
        <v>126</v>
      </c>
      <c r="GP30" s="299">
        <v>1558</v>
      </c>
      <c r="GQ30" s="300">
        <v>1558</v>
      </c>
      <c r="GR30" s="295">
        <v>0</v>
      </c>
      <c r="GS30" s="296">
        <v>0</v>
      </c>
      <c r="GT30" s="297">
        <v>0</v>
      </c>
      <c r="GU30" s="298">
        <v>0</v>
      </c>
      <c r="GV30" s="296">
        <v>0</v>
      </c>
      <c r="GW30" s="296">
        <v>0</v>
      </c>
      <c r="GX30" s="296">
        <v>0</v>
      </c>
      <c r="GY30" s="296">
        <v>0</v>
      </c>
      <c r="GZ30" s="296">
        <v>0</v>
      </c>
      <c r="HA30" s="299">
        <v>0</v>
      </c>
      <c r="HB30" s="300">
        <v>0</v>
      </c>
      <c r="HC30" s="295">
        <v>0</v>
      </c>
      <c r="HD30" s="296">
        <v>0</v>
      </c>
      <c r="HE30" s="297">
        <v>0</v>
      </c>
      <c r="HF30" s="301"/>
      <c r="HG30" s="296">
        <v>0</v>
      </c>
      <c r="HH30" s="296">
        <v>0</v>
      </c>
      <c r="HI30" s="296">
        <v>0</v>
      </c>
      <c r="HJ30" s="296">
        <v>0</v>
      </c>
      <c r="HK30" s="296">
        <v>0</v>
      </c>
      <c r="HL30" s="299">
        <v>0</v>
      </c>
      <c r="HM30" s="300">
        <v>0</v>
      </c>
      <c r="HN30" s="295">
        <v>0</v>
      </c>
      <c r="HO30" s="296">
        <v>0</v>
      </c>
      <c r="HP30" s="297">
        <v>0</v>
      </c>
      <c r="HQ30" s="298">
        <v>0</v>
      </c>
      <c r="HR30" s="296">
        <v>124913</v>
      </c>
      <c r="HS30" s="296">
        <v>283092</v>
      </c>
      <c r="HT30" s="296">
        <v>1244356</v>
      </c>
      <c r="HU30" s="296">
        <v>1215417</v>
      </c>
      <c r="HV30" s="296">
        <v>815420</v>
      </c>
      <c r="HW30" s="299">
        <v>3683198</v>
      </c>
      <c r="HX30" s="300">
        <v>3683198</v>
      </c>
    </row>
    <row r="31" spans="1:232" ht="16.5" customHeight="1" x14ac:dyDescent="0.2">
      <c r="A31" s="293" t="s">
        <v>28</v>
      </c>
      <c r="B31" s="295">
        <v>0</v>
      </c>
      <c r="C31" s="296">
        <v>0</v>
      </c>
      <c r="D31" s="297">
        <v>0</v>
      </c>
      <c r="E31" s="298">
        <v>0</v>
      </c>
      <c r="F31" s="296">
        <v>0</v>
      </c>
      <c r="G31" s="296">
        <v>34090</v>
      </c>
      <c r="H31" s="296">
        <v>283030</v>
      </c>
      <c r="I31" s="296">
        <v>209235</v>
      </c>
      <c r="J31" s="296">
        <v>126945</v>
      </c>
      <c r="K31" s="299">
        <v>653300</v>
      </c>
      <c r="L31" s="300">
        <v>653300</v>
      </c>
      <c r="M31" s="295">
        <v>0</v>
      </c>
      <c r="N31" s="296">
        <v>0</v>
      </c>
      <c r="O31" s="297">
        <v>0</v>
      </c>
      <c r="P31" s="301"/>
      <c r="Q31" s="296">
        <v>0</v>
      </c>
      <c r="R31" s="296">
        <v>30690</v>
      </c>
      <c r="S31" s="296">
        <v>192975</v>
      </c>
      <c r="T31" s="296">
        <v>115785</v>
      </c>
      <c r="U31" s="296">
        <v>94240</v>
      </c>
      <c r="V31" s="299">
        <v>433690</v>
      </c>
      <c r="W31" s="300">
        <v>433690</v>
      </c>
      <c r="X31" s="295">
        <v>0</v>
      </c>
      <c r="Y31" s="296">
        <v>0</v>
      </c>
      <c r="Z31" s="297">
        <v>0</v>
      </c>
      <c r="AA31" s="301"/>
      <c r="AB31" s="296">
        <v>0</v>
      </c>
      <c r="AC31" s="296">
        <v>3400</v>
      </c>
      <c r="AD31" s="296">
        <v>57350</v>
      </c>
      <c r="AE31" s="296">
        <v>92690</v>
      </c>
      <c r="AF31" s="296">
        <v>32705</v>
      </c>
      <c r="AG31" s="299">
        <v>186145</v>
      </c>
      <c r="AH31" s="300">
        <v>186145</v>
      </c>
      <c r="AI31" s="295">
        <v>0</v>
      </c>
      <c r="AJ31" s="296">
        <v>0</v>
      </c>
      <c r="AK31" s="297">
        <v>0</v>
      </c>
      <c r="AL31" s="301"/>
      <c r="AM31" s="296">
        <v>0</v>
      </c>
      <c r="AN31" s="296">
        <v>0</v>
      </c>
      <c r="AO31" s="296">
        <v>0</v>
      </c>
      <c r="AP31" s="296">
        <v>0</v>
      </c>
      <c r="AQ31" s="296">
        <v>0</v>
      </c>
      <c r="AR31" s="299">
        <v>0</v>
      </c>
      <c r="AS31" s="300">
        <v>0</v>
      </c>
      <c r="AT31" s="295">
        <v>0</v>
      </c>
      <c r="AU31" s="296">
        <v>0</v>
      </c>
      <c r="AV31" s="297">
        <v>0</v>
      </c>
      <c r="AW31" s="301"/>
      <c r="AX31" s="296">
        <v>0</v>
      </c>
      <c r="AY31" s="296">
        <v>0</v>
      </c>
      <c r="AZ31" s="296">
        <v>0</v>
      </c>
      <c r="BA31" s="296">
        <v>0</v>
      </c>
      <c r="BB31" s="296">
        <v>0</v>
      </c>
      <c r="BC31" s="299">
        <v>0</v>
      </c>
      <c r="BD31" s="300">
        <v>0</v>
      </c>
      <c r="BE31" s="295">
        <v>0</v>
      </c>
      <c r="BF31" s="296">
        <v>0</v>
      </c>
      <c r="BG31" s="297">
        <v>0</v>
      </c>
      <c r="BH31" s="301"/>
      <c r="BI31" s="296">
        <v>0</v>
      </c>
      <c r="BJ31" s="296">
        <v>0</v>
      </c>
      <c r="BK31" s="296">
        <v>32705</v>
      </c>
      <c r="BL31" s="296">
        <v>0</v>
      </c>
      <c r="BM31" s="296">
        <v>0</v>
      </c>
      <c r="BN31" s="299">
        <v>32705</v>
      </c>
      <c r="BO31" s="300">
        <v>32705</v>
      </c>
      <c r="BP31" s="295">
        <v>0</v>
      </c>
      <c r="BQ31" s="296">
        <v>0</v>
      </c>
      <c r="BR31" s="297">
        <v>0</v>
      </c>
      <c r="BS31" s="298">
        <v>0</v>
      </c>
      <c r="BT31" s="296">
        <v>0</v>
      </c>
      <c r="BU31" s="296">
        <v>0</v>
      </c>
      <c r="BV31" s="296">
        <v>0</v>
      </c>
      <c r="BW31" s="296">
        <v>760</v>
      </c>
      <c r="BX31" s="296">
        <v>0</v>
      </c>
      <c r="BY31" s="299">
        <v>760</v>
      </c>
      <c r="BZ31" s="300">
        <v>760</v>
      </c>
      <c r="CA31" s="295">
        <v>0</v>
      </c>
      <c r="CB31" s="296">
        <v>0</v>
      </c>
      <c r="CC31" s="297">
        <v>0</v>
      </c>
      <c r="CD31" s="298">
        <v>0</v>
      </c>
      <c r="CE31" s="296">
        <v>0</v>
      </c>
      <c r="CF31" s="296">
        <v>0</v>
      </c>
      <c r="CG31" s="296">
        <v>0</v>
      </c>
      <c r="CH31" s="296">
        <v>0</v>
      </c>
      <c r="CI31" s="296">
        <v>0</v>
      </c>
      <c r="CJ31" s="299">
        <v>0</v>
      </c>
      <c r="CK31" s="300">
        <v>0</v>
      </c>
      <c r="CL31" s="295">
        <v>0</v>
      </c>
      <c r="CM31" s="296">
        <v>0</v>
      </c>
      <c r="CN31" s="297">
        <v>0</v>
      </c>
      <c r="CO31" s="298">
        <v>0</v>
      </c>
      <c r="CP31" s="296">
        <v>0</v>
      </c>
      <c r="CQ31" s="296">
        <v>0</v>
      </c>
      <c r="CR31" s="296">
        <v>0</v>
      </c>
      <c r="CS31" s="296">
        <v>0</v>
      </c>
      <c r="CT31" s="296">
        <v>0</v>
      </c>
      <c r="CU31" s="299">
        <v>0</v>
      </c>
      <c r="CV31" s="300">
        <v>0</v>
      </c>
      <c r="CW31" s="295">
        <v>0</v>
      </c>
      <c r="CX31" s="296">
        <v>0</v>
      </c>
      <c r="CY31" s="297">
        <v>0</v>
      </c>
      <c r="CZ31" s="301"/>
      <c r="DA31" s="296">
        <v>0</v>
      </c>
      <c r="DB31" s="296">
        <v>0</v>
      </c>
      <c r="DC31" s="296">
        <v>0</v>
      </c>
      <c r="DD31" s="296">
        <v>0</v>
      </c>
      <c r="DE31" s="296">
        <v>0</v>
      </c>
      <c r="DF31" s="299">
        <v>0</v>
      </c>
      <c r="DG31" s="300">
        <v>0</v>
      </c>
      <c r="DH31" s="295">
        <v>0</v>
      </c>
      <c r="DI31" s="296">
        <v>0</v>
      </c>
      <c r="DJ31" s="297">
        <v>0</v>
      </c>
      <c r="DK31" s="298">
        <v>0</v>
      </c>
      <c r="DL31" s="296">
        <v>0</v>
      </c>
      <c r="DM31" s="296">
        <v>31932</v>
      </c>
      <c r="DN31" s="296">
        <v>159216</v>
      </c>
      <c r="DO31" s="296">
        <v>160679</v>
      </c>
      <c r="DP31" s="296">
        <v>82367</v>
      </c>
      <c r="DQ31" s="299">
        <v>434194</v>
      </c>
      <c r="DR31" s="302">
        <v>434194</v>
      </c>
      <c r="DS31" s="295">
        <v>0</v>
      </c>
      <c r="DT31" s="296">
        <v>0</v>
      </c>
      <c r="DU31" s="297">
        <v>0</v>
      </c>
      <c r="DV31" s="301"/>
      <c r="DW31" s="296">
        <v>0</v>
      </c>
      <c r="DX31" s="296">
        <v>14570</v>
      </c>
      <c r="DY31" s="296">
        <v>122016</v>
      </c>
      <c r="DZ31" s="296">
        <v>133765</v>
      </c>
      <c r="EA31" s="296">
        <v>82150</v>
      </c>
      <c r="EB31" s="299">
        <v>352501</v>
      </c>
      <c r="EC31" s="300">
        <v>352501</v>
      </c>
      <c r="ED31" s="295">
        <v>0</v>
      </c>
      <c r="EE31" s="296">
        <v>0</v>
      </c>
      <c r="EF31" s="297">
        <v>0</v>
      </c>
      <c r="EG31" s="301"/>
      <c r="EH31" s="296">
        <v>0</v>
      </c>
      <c r="EI31" s="296">
        <v>17362</v>
      </c>
      <c r="EJ31" s="296">
        <v>434</v>
      </c>
      <c r="EK31" s="296">
        <v>22630</v>
      </c>
      <c r="EL31" s="296">
        <v>217</v>
      </c>
      <c r="EM31" s="299">
        <v>40643</v>
      </c>
      <c r="EN31" s="300">
        <v>40643</v>
      </c>
      <c r="EO31" s="295">
        <v>0</v>
      </c>
      <c r="EP31" s="296">
        <v>0</v>
      </c>
      <c r="EQ31" s="297">
        <v>0</v>
      </c>
      <c r="ER31" s="301"/>
      <c r="ES31" s="296">
        <v>0</v>
      </c>
      <c r="ET31" s="296">
        <v>0</v>
      </c>
      <c r="EU31" s="296">
        <v>0</v>
      </c>
      <c r="EV31" s="296">
        <v>0</v>
      </c>
      <c r="EW31" s="296">
        <v>0</v>
      </c>
      <c r="EX31" s="299">
        <v>0</v>
      </c>
      <c r="EY31" s="300">
        <v>0</v>
      </c>
      <c r="EZ31" s="295">
        <v>0</v>
      </c>
      <c r="FA31" s="296">
        <v>0</v>
      </c>
      <c r="FB31" s="297">
        <v>0</v>
      </c>
      <c r="FC31" s="301"/>
      <c r="FD31" s="296">
        <v>0</v>
      </c>
      <c r="FE31" s="296">
        <v>0</v>
      </c>
      <c r="FF31" s="296">
        <v>0</v>
      </c>
      <c r="FG31" s="296">
        <v>0</v>
      </c>
      <c r="FH31" s="296">
        <v>0</v>
      </c>
      <c r="FI31" s="299">
        <v>0</v>
      </c>
      <c r="FJ31" s="300">
        <v>0</v>
      </c>
      <c r="FK31" s="295">
        <v>0</v>
      </c>
      <c r="FL31" s="296">
        <v>0</v>
      </c>
      <c r="FM31" s="297">
        <v>0</v>
      </c>
      <c r="FN31" s="301"/>
      <c r="FO31" s="296">
        <v>0</v>
      </c>
      <c r="FP31" s="296">
        <v>0</v>
      </c>
      <c r="FQ31" s="296">
        <v>36766</v>
      </c>
      <c r="FR31" s="296">
        <v>0</v>
      </c>
      <c r="FS31" s="296">
        <v>0</v>
      </c>
      <c r="FT31" s="299">
        <v>36766</v>
      </c>
      <c r="FU31" s="300">
        <v>36766</v>
      </c>
      <c r="FV31" s="295">
        <v>0</v>
      </c>
      <c r="FW31" s="296">
        <v>0</v>
      </c>
      <c r="FX31" s="297">
        <v>0</v>
      </c>
      <c r="FY31" s="298">
        <v>0</v>
      </c>
      <c r="FZ31" s="296">
        <v>0</v>
      </c>
      <c r="GA31" s="296">
        <v>0</v>
      </c>
      <c r="GB31" s="296">
        <v>0</v>
      </c>
      <c r="GC31" s="296">
        <v>4284</v>
      </c>
      <c r="GD31" s="296">
        <v>0</v>
      </c>
      <c r="GE31" s="299">
        <v>4284</v>
      </c>
      <c r="GF31" s="300">
        <v>4284</v>
      </c>
      <c r="GG31" s="295">
        <v>0</v>
      </c>
      <c r="GH31" s="296">
        <v>0</v>
      </c>
      <c r="GI31" s="297">
        <v>0</v>
      </c>
      <c r="GJ31" s="298">
        <v>0</v>
      </c>
      <c r="GK31" s="296">
        <v>0</v>
      </c>
      <c r="GL31" s="296">
        <v>0</v>
      </c>
      <c r="GM31" s="296">
        <v>0</v>
      </c>
      <c r="GN31" s="296">
        <v>0</v>
      </c>
      <c r="GO31" s="296">
        <v>0</v>
      </c>
      <c r="GP31" s="299">
        <v>0</v>
      </c>
      <c r="GQ31" s="300">
        <v>0</v>
      </c>
      <c r="GR31" s="295">
        <v>0</v>
      </c>
      <c r="GS31" s="296">
        <v>0</v>
      </c>
      <c r="GT31" s="297">
        <v>0</v>
      </c>
      <c r="GU31" s="298">
        <v>0</v>
      </c>
      <c r="GV31" s="296">
        <v>0</v>
      </c>
      <c r="GW31" s="296">
        <v>0</v>
      </c>
      <c r="GX31" s="296">
        <v>0</v>
      </c>
      <c r="GY31" s="296">
        <v>0</v>
      </c>
      <c r="GZ31" s="296">
        <v>0</v>
      </c>
      <c r="HA31" s="299">
        <v>0</v>
      </c>
      <c r="HB31" s="300">
        <v>0</v>
      </c>
      <c r="HC31" s="295">
        <v>0</v>
      </c>
      <c r="HD31" s="296">
        <v>0</v>
      </c>
      <c r="HE31" s="297">
        <v>0</v>
      </c>
      <c r="HF31" s="301"/>
      <c r="HG31" s="296">
        <v>0</v>
      </c>
      <c r="HH31" s="296">
        <v>0</v>
      </c>
      <c r="HI31" s="296">
        <v>0</v>
      </c>
      <c r="HJ31" s="296">
        <v>0</v>
      </c>
      <c r="HK31" s="296">
        <v>0</v>
      </c>
      <c r="HL31" s="299">
        <v>0</v>
      </c>
      <c r="HM31" s="300">
        <v>0</v>
      </c>
      <c r="HN31" s="295">
        <v>0</v>
      </c>
      <c r="HO31" s="296">
        <v>0</v>
      </c>
      <c r="HP31" s="297">
        <v>0</v>
      </c>
      <c r="HQ31" s="298">
        <v>0</v>
      </c>
      <c r="HR31" s="296">
        <v>0</v>
      </c>
      <c r="HS31" s="296">
        <v>66022</v>
      </c>
      <c r="HT31" s="296">
        <v>442246</v>
      </c>
      <c r="HU31" s="296">
        <v>369914</v>
      </c>
      <c r="HV31" s="296">
        <v>209312</v>
      </c>
      <c r="HW31" s="299">
        <v>1087494</v>
      </c>
      <c r="HX31" s="300">
        <v>1087494</v>
      </c>
    </row>
    <row r="32" spans="1:232" ht="16.5" customHeight="1" x14ac:dyDescent="0.2">
      <c r="A32" s="293" t="s">
        <v>29</v>
      </c>
      <c r="B32" s="295">
        <v>0</v>
      </c>
      <c r="C32" s="296">
        <v>0</v>
      </c>
      <c r="D32" s="297">
        <v>0</v>
      </c>
      <c r="E32" s="298">
        <v>0</v>
      </c>
      <c r="F32" s="296">
        <v>2635</v>
      </c>
      <c r="G32" s="296">
        <v>146000</v>
      </c>
      <c r="H32" s="296">
        <v>241202</v>
      </c>
      <c r="I32" s="296">
        <v>578177</v>
      </c>
      <c r="J32" s="296">
        <v>197100</v>
      </c>
      <c r="K32" s="299">
        <v>1165114</v>
      </c>
      <c r="L32" s="300">
        <v>1165114</v>
      </c>
      <c r="M32" s="295">
        <v>0</v>
      </c>
      <c r="N32" s="296">
        <v>0</v>
      </c>
      <c r="O32" s="297">
        <v>0</v>
      </c>
      <c r="P32" s="301"/>
      <c r="Q32" s="296">
        <v>0</v>
      </c>
      <c r="R32" s="296">
        <v>0</v>
      </c>
      <c r="S32" s="296">
        <v>166935</v>
      </c>
      <c r="T32" s="296">
        <v>294220</v>
      </c>
      <c r="U32" s="296">
        <v>160890</v>
      </c>
      <c r="V32" s="299">
        <v>622045</v>
      </c>
      <c r="W32" s="300">
        <v>622045</v>
      </c>
      <c r="X32" s="295">
        <v>0</v>
      </c>
      <c r="Y32" s="296">
        <v>0</v>
      </c>
      <c r="Z32" s="297">
        <v>0</v>
      </c>
      <c r="AA32" s="301"/>
      <c r="AB32" s="296">
        <v>2635</v>
      </c>
      <c r="AC32" s="296">
        <v>117335</v>
      </c>
      <c r="AD32" s="296">
        <v>24645</v>
      </c>
      <c r="AE32" s="296">
        <v>89525</v>
      </c>
      <c r="AF32" s="296">
        <v>2635</v>
      </c>
      <c r="AG32" s="299">
        <v>236775</v>
      </c>
      <c r="AH32" s="300">
        <v>236775</v>
      </c>
      <c r="AI32" s="295">
        <v>0</v>
      </c>
      <c r="AJ32" s="296">
        <v>0</v>
      </c>
      <c r="AK32" s="297">
        <v>0</v>
      </c>
      <c r="AL32" s="301"/>
      <c r="AM32" s="296">
        <v>0</v>
      </c>
      <c r="AN32" s="296">
        <v>0</v>
      </c>
      <c r="AO32" s="296">
        <v>0</v>
      </c>
      <c r="AP32" s="296">
        <v>0</v>
      </c>
      <c r="AQ32" s="296">
        <v>0</v>
      </c>
      <c r="AR32" s="299">
        <v>0</v>
      </c>
      <c r="AS32" s="300">
        <v>0</v>
      </c>
      <c r="AT32" s="295">
        <v>0</v>
      </c>
      <c r="AU32" s="296">
        <v>0</v>
      </c>
      <c r="AV32" s="297">
        <v>0</v>
      </c>
      <c r="AW32" s="301"/>
      <c r="AX32" s="296">
        <v>0</v>
      </c>
      <c r="AY32" s="296">
        <v>0</v>
      </c>
      <c r="AZ32" s="296">
        <v>0</v>
      </c>
      <c r="BA32" s="296">
        <v>0</v>
      </c>
      <c r="BB32" s="296">
        <v>0</v>
      </c>
      <c r="BC32" s="299">
        <v>0</v>
      </c>
      <c r="BD32" s="300">
        <v>0</v>
      </c>
      <c r="BE32" s="295">
        <v>0</v>
      </c>
      <c r="BF32" s="296">
        <v>0</v>
      </c>
      <c r="BG32" s="297">
        <v>0</v>
      </c>
      <c r="BH32" s="301"/>
      <c r="BI32" s="296">
        <v>0</v>
      </c>
      <c r="BJ32" s="296">
        <v>1445</v>
      </c>
      <c r="BK32" s="296">
        <v>5270</v>
      </c>
      <c r="BL32" s="296">
        <v>179350</v>
      </c>
      <c r="BM32" s="296">
        <v>32705</v>
      </c>
      <c r="BN32" s="299">
        <v>218770</v>
      </c>
      <c r="BO32" s="300">
        <v>218770</v>
      </c>
      <c r="BP32" s="295">
        <v>0</v>
      </c>
      <c r="BQ32" s="296">
        <v>0</v>
      </c>
      <c r="BR32" s="297">
        <v>0</v>
      </c>
      <c r="BS32" s="298">
        <v>0</v>
      </c>
      <c r="BT32" s="296">
        <v>0</v>
      </c>
      <c r="BU32" s="296">
        <v>27220</v>
      </c>
      <c r="BV32" s="296">
        <v>44352</v>
      </c>
      <c r="BW32" s="296">
        <v>15082</v>
      </c>
      <c r="BX32" s="296">
        <v>870</v>
      </c>
      <c r="BY32" s="299">
        <v>87524</v>
      </c>
      <c r="BZ32" s="300">
        <v>87524</v>
      </c>
      <c r="CA32" s="295">
        <v>0</v>
      </c>
      <c r="CB32" s="296">
        <v>0</v>
      </c>
      <c r="CC32" s="297">
        <v>0</v>
      </c>
      <c r="CD32" s="298">
        <v>0</v>
      </c>
      <c r="CE32" s="296">
        <v>0</v>
      </c>
      <c r="CF32" s="296">
        <v>0</v>
      </c>
      <c r="CG32" s="296">
        <v>0</v>
      </c>
      <c r="CH32" s="296">
        <v>0</v>
      </c>
      <c r="CI32" s="296">
        <v>0</v>
      </c>
      <c r="CJ32" s="299">
        <v>0</v>
      </c>
      <c r="CK32" s="300">
        <v>0</v>
      </c>
      <c r="CL32" s="295">
        <v>0</v>
      </c>
      <c r="CM32" s="296">
        <v>0</v>
      </c>
      <c r="CN32" s="297">
        <v>0</v>
      </c>
      <c r="CO32" s="298">
        <v>0</v>
      </c>
      <c r="CP32" s="296">
        <v>0</v>
      </c>
      <c r="CQ32" s="296">
        <v>0</v>
      </c>
      <c r="CR32" s="296">
        <v>0</v>
      </c>
      <c r="CS32" s="296">
        <v>0</v>
      </c>
      <c r="CT32" s="296">
        <v>0</v>
      </c>
      <c r="CU32" s="299">
        <v>0</v>
      </c>
      <c r="CV32" s="300">
        <v>0</v>
      </c>
      <c r="CW32" s="295">
        <v>0</v>
      </c>
      <c r="CX32" s="296">
        <v>0</v>
      </c>
      <c r="CY32" s="297">
        <v>0</v>
      </c>
      <c r="CZ32" s="301"/>
      <c r="DA32" s="296">
        <v>0</v>
      </c>
      <c r="DB32" s="296">
        <v>0</v>
      </c>
      <c r="DC32" s="296">
        <v>0</v>
      </c>
      <c r="DD32" s="296">
        <v>0</v>
      </c>
      <c r="DE32" s="296">
        <v>0</v>
      </c>
      <c r="DF32" s="299">
        <v>0</v>
      </c>
      <c r="DG32" s="300">
        <v>0</v>
      </c>
      <c r="DH32" s="295">
        <v>0</v>
      </c>
      <c r="DI32" s="296">
        <v>0</v>
      </c>
      <c r="DJ32" s="297">
        <v>0</v>
      </c>
      <c r="DK32" s="298">
        <v>0</v>
      </c>
      <c r="DL32" s="296">
        <v>217</v>
      </c>
      <c r="DM32" s="296">
        <v>77559</v>
      </c>
      <c r="DN32" s="296">
        <v>236825</v>
      </c>
      <c r="DO32" s="296">
        <v>510707</v>
      </c>
      <c r="DP32" s="296">
        <v>163202</v>
      </c>
      <c r="DQ32" s="299">
        <v>988510</v>
      </c>
      <c r="DR32" s="302">
        <v>988510</v>
      </c>
      <c r="DS32" s="295">
        <v>0</v>
      </c>
      <c r="DT32" s="296">
        <v>0</v>
      </c>
      <c r="DU32" s="297">
        <v>0</v>
      </c>
      <c r="DV32" s="301"/>
      <c r="DW32" s="296">
        <v>0</v>
      </c>
      <c r="DX32" s="296">
        <v>0</v>
      </c>
      <c r="DY32" s="296">
        <v>155837</v>
      </c>
      <c r="DZ32" s="296">
        <v>292019</v>
      </c>
      <c r="EA32" s="296">
        <v>123411</v>
      </c>
      <c r="EB32" s="299">
        <v>571267</v>
      </c>
      <c r="EC32" s="300">
        <v>571267</v>
      </c>
      <c r="ED32" s="295">
        <v>0</v>
      </c>
      <c r="EE32" s="296">
        <v>0</v>
      </c>
      <c r="EF32" s="297">
        <v>0</v>
      </c>
      <c r="EG32" s="301"/>
      <c r="EH32" s="296">
        <v>217</v>
      </c>
      <c r="EI32" s="296">
        <v>48267</v>
      </c>
      <c r="EJ32" s="296">
        <v>186</v>
      </c>
      <c r="EK32" s="296">
        <v>847</v>
      </c>
      <c r="EL32" s="296">
        <v>217</v>
      </c>
      <c r="EM32" s="299">
        <v>49734</v>
      </c>
      <c r="EN32" s="300">
        <v>49734</v>
      </c>
      <c r="EO32" s="295">
        <v>0</v>
      </c>
      <c r="EP32" s="296">
        <v>0</v>
      </c>
      <c r="EQ32" s="297">
        <v>0</v>
      </c>
      <c r="ER32" s="301"/>
      <c r="ES32" s="296">
        <v>0</v>
      </c>
      <c r="ET32" s="296">
        <v>0</v>
      </c>
      <c r="EU32" s="296">
        <v>0</v>
      </c>
      <c r="EV32" s="296">
        <v>0</v>
      </c>
      <c r="EW32" s="296">
        <v>0</v>
      </c>
      <c r="EX32" s="299">
        <v>0</v>
      </c>
      <c r="EY32" s="300">
        <v>0</v>
      </c>
      <c r="EZ32" s="295">
        <v>0</v>
      </c>
      <c r="FA32" s="296">
        <v>0</v>
      </c>
      <c r="FB32" s="297">
        <v>0</v>
      </c>
      <c r="FC32" s="301"/>
      <c r="FD32" s="296">
        <v>0</v>
      </c>
      <c r="FE32" s="296">
        <v>0</v>
      </c>
      <c r="FF32" s="296">
        <v>0</v>
      </c>
      <c r="FG32" s="296">
        <v>0</v>
      </c>
      <c r="FH32" s="296">
        <v>0</v>
      </c>
      <c r="FI32" s="299">
        <v>0</v>
      </c>
      <c r="FJ32" s="300">
        <v>0</v>
      </c>
      <c r="FK32" s="295">
        <v>0</v>
      </c>
      <c r="FL32" s="296">
        <v>0</v>
      </c>
      <c r="FM32" s="297">
        <v>0</v>
      </c>
      <c r="FN32" s="301"/>
      <c r="FO32" s="296">
        <v>0</v>
      </c>
      <c r="FP32" s="296">
        <v>11832</v>
      </c>
      <c r="FQ32" s="296">
        <v>43152</v>
      </c>
      <c r="FR32" s="296">
        <v>206364</v>
      </c>
      <c r="FS32" s="296">
        <v>36766</v>
      </c>
      <c r="FT32" s="299">
        <v>298114</v>
      </c>
      <c r="FU32" s="300">
        <v>298114</v>
      </c>
      <c r="FV32" s="295">
        <v>0</v>
      </c>
      <c r="FW32" s="296">
        <v>0</v>
      </c>
      <c r="FX32" s="297">
        <v>0</v>
      </c>
      <c r="FY32" s="298">
        <v>0</v>
      </c>
      <c r="FZ32" s="296">
        <v>0</v>
      </c>
      <c r="GA32" s="296">
        <v>17460</v>
      </c>
      <c r="GB32" s="296">
        <v>37650</v>
      </c>
      <c r="GC32" s="296">
        <v>11477</v>
      </c>
      <c r="GD32" s="296">
        <v>2808</v>
      </c>
      <c r="GE32" s="299">
        <v>69395</v>
      </c>
      <c r="GF32" s="300">
        <v>69395</v>
      </c>
      <c r="GG32" s="295">
        <v>0</v>
      </c>
      <c r="GH32" s="296">
        <v>0</v>
      </c>
      <c r="GI32" s="297">
        <v>0</v>
      </c>
      <c r="GJ32" s="298">
        <v>0</v>
      </c>
      <c r="GK32" s="296">
        <v>0</v>
      </c>
      <c r="GL32" s="296">
        <v>0</v>
      </c>
      <c r="GM32" s="296">
        <v>0</v>
      </c>
      <c r="GN32" s="296">
        <v>0</v>
      </c>
      <c r="GO32" s="296">
        <v>0</v>
      </c>
      <c r="GP32" s="299">
        <v>0</v>
      </c>
      <c r="GQ32" s="300">
        <v>0</v>
      </c>
      <c r="GR32" s="295">
        <v>0</v>
      </c>
      <c r="GS32" s="296">
        <v>0</v>
      </c>
      <c r="GT32" s="297">
        <v>0</v>
      </c>
      <c r="GU32" s="298">
        <v>0</v>
      </c>
      <c r="GV32" s="296">
        <v>0</v>
      </c>
      <c r="GW32" s="296">
        <v>0</v>
      </c>
      <c r="GX32" s="296">
        <v>0</v>
      </c>
      <c r="GY32" s="296">
        <v>0</v>
      </c>
      <c r="GZ32" s="296">
        <v>0</v>
      </c>
      <c r="HA32" s="299">
        <v>0</v>
      </c>
      <c r="HB32" s="300">
        <v>0</v>
      </c>
      <c r="HC32" s="295">
        <v>0</v>
      </c>
      <c r="HD32" s="296">
        <v>0</v>
      </c>
      <c r="HE32" s="297">
        <v>0</v>
      </c>
      <c r="HF32" s="301"/>
      <c r="HG32" s="296">
        <v>0</v>
      </c>
      <c r="HH32" s="296">
        <v>0</v>
      </c>
      <c r="HI32" s="296">
        <v>0</v>
      </c>
      <c r="HJ32" s="296">
        <v>0</v>
      </c>
      <c r="HK32" s="296">
        <v>0</v>
      </c>
      <c r="HL32" s="299">
        <v>0</v>
      </c>
      <c r="HM32" s="300">
        <v>0</v>
      </c>
      <c r="HN32" s="295">
        <v>0</v>
      </c>
      <c r="HO32" s="296">
        <v>0</v>
      </c>
      <c r="HP32" s="297">
        <v>0</v>
      </c>
      <c r="HQ32" s="298">
        <v>0</v>
      </c>
      <c r="HR32" s="296">
        <v>2852</v>
      </c>
      <c r="HS32" s="296">
        <v>223559</v>
      </c>
      <c r="HT32" s="296">
        <v>478027</v>
      </c>
      <c r="HU32" s="296">
        <v>1088884</v>
      </c>
      <c r="HV32" s="296">
        <v>360302</v>
      </c>
      <c r="HW32" s="299">
        <v>2153624</v>
      </c>
      <c r="HX32" s="300">
        <v>2153624</v>
      </c>
    </row>
    <row r="33" spans="1:232" ht="16.5" customHeight="1" x14ac:dyDescent="0.2">
      <c r="A33" s="293" t="s">
        <v>30</v>
      </c>
      <c r="B33" s="295">
        <v>0</v>
      </c>
      <c r="C33" s="296">
        <v>0</v>
      </c>
      <c r="D33" s="297">
        <v>0</v>
      </c>
      <c r="E33" s="298">
        <v>0</v>
      </c>
      <c r="F33" s="296">
        <v>65015</v>
      </c>
      <c r="G33" s="296">
        <v>54995</v>
      </c>
      <c r="H33" s="296">
        <v>243660</v>
      </c>
      <c r="I33" s="296">
        <v>409820</v>
      </c>
      <c r="J33" s="296">
        <v>269178</v>
      </c>
      <c r="K33" s="299">
        <v>1042668</v>
      </c>
      <c r="L33" s="300">
        <v>1042668</v>
      </c>
      <c r="M33" s="295">
        <v>0</v>
      </c>
      <c r="N33" s="296">
        <v>0</v>
      </c>
      <c r="O33" s="297">
        <v>0</v>
      </c>
      <c r="P33" s="301"/>
      <c r="Q33" s="296">
        <v>2635</v>
      </c>
      <c r="R33" s="296">
        <v>27280</v>
      </c>
      <c r="S33" s="296">
        <v>203980</v>
      </c>
      <c r="T33" s="296">
        <v>171900</v>
      </c>
      <c r="U33" s="296">
        <v>265608</v>
      </c>
      <c r="V33" s="299">
        <v>671403</v>
      </c>
      <c r="W33" s="300">
        <v>671403</v>
      </c>
      <c r="X33" s="295">
        <v>0</v>
      </c>
      <c r="Y33" s="296">
        <v>0</v>
      </c>
      <c r="Z33" s="297">
        <v>0</v>
      </c>
      <c r="AA33" s="301"/>
      <c r="AB33" s="296">
        <v>59985</v>
      </c>
      <c r="AC33" s="296">
        <v>27280</v>
      </c>
      <c r="AD33" s="296">
        <v>36615</v>
      </c>
      <c r="AE33" s="296">
        <v>163215</v>
      </c>
      <c r="AF33" s="296">
        <v>3570</v>
      </c>
      <c r="AG33" s="299">
        <v>290665</v>
      </c>
      <c r="AH33" s="300">
        <v>290665</v>
      </c>
      <c r="AI33" s="295">
        <v>0</v>
      </c>
      <c r="AJ33" s="296">
        <v>0</v>
      </c>
      <c r="AK33" s="297">
        <v>0</v>
      </c>
      <c r="AL33" s="301"/>
      <c r="AM33" s="296">
        <v>0</v>
      </c>
      <c r="AN33" s="296">
        <v>0</v>
      </c>
      <c r="AO33" s="296">
        <v>0</v>
      </c>
      <c r="AP33" s="296">
        <v>0</v>
      </c>
      <c r="AQ33" s="296">
        <v>0</v>
      </c>
      <c r="AR33" s="299">
        <v>0</v>
      </c>
      <c r="AS33" s="300">
        <v>0</v>
      </c>
      <c r="AT33" s="295">
        <v>0</v>
      </c>
      <c r="AU33" s="296">
        <v>0</v>
      </c>
      <c r="AV33" s="297">
        <v>0</v>
      </c>
      <c r="AW33" s="301"/>
      <c r="AX33" s="296">
        <v>0</v>
      </c>
      <c r="AY33" s="296">
        <v>0</v>
      </c>
      <c r="AZ33" s="296">
        <v>0</v>
      </c>
      <c r="BA33" s="296">
        <v>0</v>
      </c>
      <c r="BB33" s="296">
        <v>0</v>
      </c>
      <c r="BC33" s="299">
        <v>0</v>
      </c>
      <c r="BD33" s="300">
        <v>0</v>
      </c>
      <c r="BE33" s="295">
        <v>0</v>
      </c>
      <c r="BF33" s="296">
        <v>0</v>
      </c>
      <c r="BG33" s="297">
        <v>0</v>
      </c>
      <c r="BH33" s="301"/>
      <c r="BI33" s="296">
        <v>0</v>
      </c>
      <c r="BJ33" s="296">
        <v>0</v>
      </c>
      <c r="BK33" s="296">
        <v>0</v>
      </c>
      <c r="BL33" s="296">
        <v>0</v>
      </c>
      <c r="BM33" s="296">
        <v>0</v>
      </c>
      <c r="BN33" s="299">
        <v>0</v>
      </c>
      <c r="BO33" s="300">
        <v>0</v>
      </c>
      <c r="BP33" s="295">
        <v>0</v>
      </c>
      <c r="BQ33" s="296">
        <v>0</v>
      </c>
      <c r="BR33" s="297">
        <v>0</v>
      </c>
      <c r="BS33" s="298">
        <v>0</v>
      </c>
      <c r="BT33" s="296">
        <v>2395</v>
      </c>
      <c r="BU33" s="296">
        <v>435</v>
      </c>
      <c r="BV33" s="296">
        <v>3065</v>
      </c>
      <c r="BW33" s="296">
        <v>74705</v>
      </c>
      <c r="BX33" s="296">
        <v>0</v>
      </c>
      <c r="BY33" s="299">
        <v>80600</v>
      </c>
      <c r="BZ33" s="300">
        <v>80600</v>
      </c>
      <c r="CA33" s="295">
        <v>0</v>
      </c>
      <c r="CB33" s="296">
        <v>0</v>
      </c>
      <c r="CC33" s="297">
        <v>0</v>
      </c>
      <c r="CD33" s="298">
        <v>0</v>
      </c>
      <c r="CE33" s="296">
        <v>0</v>
      </c>
      <c r="CF33" s="296">
        <v>0</v>
      </c>
      <c r="CG33" s="296">
        <v>0</v>
      </c>
      <c r="CH33" s="296">
        <v>0</v>
      </c>
      <c r="CI33" s="296">
        <v>0</v>
      </c>
      <c r="CJ33" s="299">
        <v>0</v>
      </c>
      <c r="CK33" s="300">
        <v>0</v>
      </c>
      <c r="CL33" s="295">
        <v>0</v>
      </c>
      <c r="CM33" s="296">
        <v>0</v>
      </c>
      <c r="CN33" s="297">
        <v>0</v>
      </c>
      <c r="CO33" s="298">
        <v>0</v>
      </c>
      <c r="CP33" s="296">
        <v>0</v>
      </c>
      <c r="CQ33" s="296">
        <v>0</v>
      </c>
      <c r="CR33" s="296">
        <v>0</v>
      </c>
      <c r="CS33" s="296">
        <v>0</v>
      </c>
      <c r="CT33" s="296">
        <v>0</v>
      </c>
      <c r="CU33" s="299">
        <v>0</v>
      </c>
      <c r="CV33" s="300">
        <v>0</v>
      </c>
      <c r="CW33" s="295">
        <v>0</v>
      </c>
      <c r="CX33" s="296">
        <v>0</v>
      </c>
      <c r="CY33" s="297">
        <v>0</v>
      </c>
      <c r="CZ33" s="301"/>
      <c r="DA33" s="296">
        <v>0</v>
      </c>
      <c r="DB33" s="296">
        <v>0</v>
      </c>
      <c r="DC33" s="296">
        <v>0</v>
      </c>
      <c r="DD33" s="296">
        <v>0</v>
      </c>
      <c r="DE33" s="296">
        <v>0</v>
      </c>
      <c r="DF33" s="299">
        <v>0</v>
      </c>
      <c r="DG33" s="300">
        <v>0</v>
      </c>
      <c r="DH33" s="295">
        <v>0</v>
      </c>
      <c r="DI33" s="296">
        <v>0</v>
      </c>
      <c r="DJ33" s="297">
        <v>0</v>
      </c>
      <c r="DK33" s="298">
        <v>0</v>
      </c>
      <c r="DL33" s="296">
        <v>64761</v>
      </c>
      <c r="DM33" s="296">
        <v>40906</v>
      </c>
      <c r="DN33" s="296">
        <v>322795</v>
      </c>
      <c r="DO33" s="296">
        <v>325094</v>
      </c>
      <c r="DP33" s="296">
        <v>264642</v>
      </c>
      <c r="DQ33" s="299">
        <v>1018198</v>
      </c>
      <c r="DR33" s="302">
        <v>1018198</v>
      </c>
      <c r="DS33" s="295">
        <v>0</v>
      </c>
      <c r="DT33" s="296">
        <v>0</v>
      </c>
      <c r="DU33" s="297">
        <v>0</v>
      </c>
      <c r="DV33" s="301"/>
      <c r="DW33" s="296">
        <v>21576</v>
      </c>
      <c r="DX33" s="296">
        <v>36611</v>
      </c>
      <c r="DY33" s="296">
        <v>303149</v>
      </c>
      <c r="DZ33" s="296">
        <v>232527</v>
      </c>
      <c r="EA33" s="296">
        <v>255475</v>
      </c>
      <c r="EB33" s="299">
        <v>849338</v>
      </c>
      <c r="EC33" s="300">
        <v>849338</v>
      </c>
      <c r="ED33" s="295">
        <v>0</v>
      </c>
      <c r="EE33" s="296">
        <v>0</v>
      </c>
      <c r="EF33" s="297">
        <v>0</v>
      </c>
      <c r="EG33" s="301"/>
      <c r="EH33" s="296">
        <v>36952</v>
      </c>
      <c r="EI33" s="296">
        <v>434</v>
      </c>
      <c r="EJ33" s="296">
        <v>11420</v>
      </c>
      <c r="EK33" s="296">
        <v>13268</v>
      </c>
      <c r="EL33" s="296">
        <v>9167</v>
      </c>
      <c r="EM33" s="299">
        <v>71241</v>
      </c>
      <c r="EN33" s="300">
        <v>71241</v>
      </c>
      <c r="EO33" s="295">
        <v>0</v>
      </c>
      <c r="EP33" s="296">
        <v>0</v>
      </c>
      <c r="EQ33" s="297">
        <v>0</v>
      </c>
      <c r="ER33" s="301"/>
      <c r="ES33" s="296">
        <v>0</v>
      </c>
      <c r="ET33" s="296">
        <v>0</v>
      </c>
      <c r="EU33" s="296">
        <v>0</v>
      </c>
      <c r="EV33" s="296">
        <v>0</v>
      </c>
      <c r="EW33" s="296">
        <v>0</v>
      </c>
      <c r="EX33" s="299">
        <v>0</v>
      </c>
      <c r="EY33" s="300">
        <v>0</v>
      </c>
      <c r="EZ33" s="295">
        <v>0</v>
      </c>
      <c r="FA33" s="296">
        <v>0</v>
      </c>
      <c r="FB33" s="297">
        <v>0</v>
      </c>
      <c r="FC33" s="301"/>
      <c r="FD33" s="296">
        <v>0</v>
      </c>
      <c r="FE33" s="296">
        <v>0</v>
      </c>
      <c r="FF33" s="296">
        <v>0</v>
      </c>
      <c r="FG33" s="296">
        <v>0</v>
      </c>
      <c r="FH33" s="296">
        <v>0</v>
      </c>
      <c r="FI33" s="299">
        <v>0</v>
      </c>
      <c r="FJ33" s="300">
        <v>0</v>
      </c>
      <c r="FK33" s="295">
        <v>0</v>
      </c>
      <c r="FL33" s="296">
        <v>0</v>
      </c>
      <c r="FM33" s="297">
        <v>0</v>
      </c>
      <c r="FN33" s="301"/>
      <c r="FO33" s="296">
        <v>0</v>
      </c>
      <c r="FP33" s="296">
        <v>0</v>
      </c>
      <c r="FQ33" s="296">
        <v>0</v>
      </c>
      <c r="FR33" s="296">
        <v>0</v>
      </c>
      <c r="FS33" s="296">
        <v>0</v>
      </c>
      <c r="FT33" s="299">
        <v>0</v>
      </c>
      <c r="FU33" s="300">
        <v>0</v>
      </c>
      <c r="FV33" s="295">
        <v>0</v>
      </c>
      <c r="FW33" s="296">
        <v>0</v>
      </c>
      <c r="FX33" s="297">
        <v>0</v>
      </c>
      <c r="FY33" s="298">
        <v>0</v>
      </c>
      <c r="FZ33" s="296">
        <v>6233</v>
      </c>
      <c r="GA33" s="296">
        <v>3861</v>
      </c>
      <c r="GB33" s="296">
        <v>8226</v>
      </c>
      <c r="GC33" s="296">
        <v>79299</v>
      </c>
      <c r="GD33" s="296">
        <v>0</v>
      </c>
      <c r="GE33" s="299">
        <v>97619</v>
      </c>
      <c r="GF33" s="300">
        <v>97619</v>
      </c>
      <c r="GG33" s="295">
        <v>0</v>
      </c>
      <c r="GH33" s="296">
        <v>0</v>
      </c>
      <c r="GI33" s="297">
        <v>0</v>
      </c>
      <c r="GJ33" s="298">
        <v>0</v>
      </c>
      <c r="GK33" s="296">
        <v>0</v>
      </c>
      <c r="GL33" s="296">
        <v>0</v>
      </c>
      <c r="GM33" s="296">
        <v>0</v>
      </c>
      <c r="GN33" s="296">
        <v>0</v>
      </c>
      <c r="GO33" s="296">
        <v>0</v>
      </c>
      <c r="GP33" s="299">
        <v>0</v>
      </c>
      <c r="GQ33" s="300">
        <v>0</v>
      </c>
      <c r="GR33" s="295">
        <v>0</v>
      </c>
      <c r="GS33" s="296">
        <v>0</v>
      </c>
      <c r="GT33" s="297">
        <v>0</v>
      </c>
      <c r="GU33" s="298">
        <v>0</v>
      </c>
      <c r="GV33" s="296">
        <v>0</v>
      </c>
      <c r="GW33" s="296">
        <v>0</v>
      </c>
      <c r="GX33" s="296">
        <v>0</v>
      </c>
      <c r="GY33" s="296">
        <v>0</v>
      </c>
      <c r="GZ33" s="296">
        <v>0</v>
      </c>
      <c r="HA33" s="299">
        <v>0</v>
      </c>
      <c r="HB33" s="300">
        <v>0</v>
      </c>
      <c r="HC33" s="295">
        <v>0</v>
      </c>
      <c r="HD33" s="296">
        <v>0</v>
      </c>
      <c r="HE33" s="297">
        <v>0</v>
      </c>
      <c r="HF33" s="301"/>
      <c r="HG33" s="296">
        <v>0</v>
      </c>
      <c r="HH33" s="296">
        <v>0</v>
      </c>
      <c r="HI33" s="296">
        <v>0</v>
      </c>
      <c r="HJ33" s="296">
        <v>0</v>
      </c>
      <c r="HK33" s="296">
        <v>0</v>
      </c>
      <c r="HL33" s="299">
        <v>0</v>
      </c>
      <c r="HM33" s="300">
        <v>0</v>
      </c>
      <c r="HN33" s="295">
        <v>0</v>
      </c>
      <c r="HO33" s="296">
        <v>0</v>
      </c>
      <c r="HP33" s="297">
        <v>0</v>
      </c>
      <c r="HQ33" s="298">
        <v>0</v>
      </c>
      <c r="HR33" s="296">
        <v>129776</v>
      </c>
      <c r="HS33" s="296">
        <v>95901</v>
      </c>
      <c r="HT33" s="296">
        <v>566455</v>
      </c>
      <c r="HU33" s="296">
        <v>734914</v>
      </c>
      <c r="HV33" s="296">
        <v>533820</v>
      </c>
      <c r="HW33" s="299">
        <v>2060866</v>
      </c>
      <c r="HX33" s="300">
        <v>2060866</v>
      </c>
    </row>
    <row r="34" spans="1:232" ht="16.5" customHeight="1" x14ac:dyDescent="0.2">
      <c r="A34" s="293" t="s">
        <v>31</v>
      </c>
      <c r="B34" s="295">
        <v>0</v>
      </c>
      <c r="C34" s="296">
        <v>0</v>
      </c>
      <c r="D34" s="297">
        <v>0</v>
      </c>
      <c r="E34" s="298">
        <v>0</v>
      </c>
      <c r="F34" s="296">
        <v>25225</v>
      </c>
      <c r="G34" s="296">
        <v>107297</v>
      </c>
      <c r="H34" s="296">
        <v>252915</v>
      </c>
      <c r="I34" s="296">
        <v>132965</v>
      </c>
      <c r="J34" s="296">
        <v>221035</v>
      </c>
      <c r="K34" s="299">
        <v>739437</v>
      </c>
      <c r="L34" s="300">
        <v>739437</v>
      </c>
      <c r="M34" s="295">
        <v>0</v>
      </c>
      <c r="N34" s="296">
        <v>0</v>
      </c>
      <c r="O34" s="297">
        <v>0</v>
      </c>
      <c r="P34" s="301"/>
      <c r="Q34" s="296">
        <v>0</v>
      </c>
      <c r="R34" s="296">
        <v>0</v>
      </c>
      <c r="S34" s="296">
        <v>206360</v>
      </c>
      <c r="T34" s="296">
        <v>122425</v>
      </c>
      <c r="U34" s="296">
        <v>182590</v>
      </c>
      <c r="V34" s="299">
        <v>511375</v>
      </c>
      <c r="W34" s="300">
        <v>511375</v>
      </c>
      <c r="X34" s="295">
        <v>0</v>
      </c>
      <c r="Y34" s="296">
        <v>0</v>
      </c>
      <c r="Z34" s="297">
        <v>0</v>
      </c>
      <c r="AA34" s="301"/>
      <c r="AB34" s="296">
        <v>24645</v>
      </c>
      <c r="AC34" s="296">
        <v>88872</v>
      </c>
      <c r="AD34" s="296">
        <v>37975</v>
      </c>
      <c r="AE34" s="296">
        <v>10540</v>
      </c>
      <c r="AF34" s="296">
        <v>0</v>
      </c>
      <c r="AG34" s="299">
        <v>162032</v>
      </c>
      <c r="AH34" s="300">
        <v>162032</v>
      </c>
      <c r="AI34" s="295">
        <v>0</v>
      </c>
      <c r="AJ34" s="296">
        <v>0</v>
      </c>
      <c r="AK34" s="297">
        <v>0</v>
      </c>
      <c r="AL34" s="301"/>
      <c r="AM34" s="296">
        <v>0</v>
      </c>
      <c r="AN34" s="296">
        <v>0</v>
      </c>
      <c r="AO34" s="296">
        <v>0</v>
      </c>
      <c r="AP34" s="296">
        <v>0</v>
      </c>
      <c r="AQ34" s="296">
        <v>0</v>
      </c>
      <c r="AR34" s="299">
        <v>0</v>
      </c>
      <c r="AS34" s="300">
        <v>0</v>
      </c>
      <c r="AT34" s="295">
        <v>0</v>
      </c>
      <c r="AU34" s="296">
        <v>0</v>
      </c>
      <c r="AV34" s="297">
        <v>0</v>
      </c>
      <c r="AW34" s="301"/>
      <c r="AX34" s="296">
        <v>0</v>
      </c>
      <c r="AY34" s="296">
        <v>0</v>
      </c>
      <c r="AZ34" s="296">
        <v>0</v>
      </c>
      <c r="BA34" s="296">
        <v>0</v>
      </c>
      <c r="BB34" s="296">
        <v>32705</v>
      </c>
      <c r="BC34" s="299">
        <v>32705</v>
      </c>
      <c r="BD34" s="300">
        <v>32705</v>
      </c>
      <c r="BE34" s="295">
        <v>0</v>
      </c>
      <c r="BF34" s="296">
        <v>0</v>
      </c>
      <c r="BG34" s="297">
        <v>0</v>
      </c>
      <c r="BH34" s="301"/>
      <c r="BI34" s="296">
        <v>0</v>
      </c>
      <c r="BJ34" s="296">
        <v>0</v>
      </c>
      <c r="BK34" s="296">
        <v>0</v>
      </c>
      <c r="BL34" s="296">
        <v>0</v>
      </c>
      <c r="BM34" s="296">
        <v>0</v>
      </c>
      <c r="BN34" s="299">
        <v>0</v>
      </c>
      <c r="BO34" s="300">
        <v>0</v>
      </c>
      <c r="BP34" s="295">
        <v>0</v>
      </c>
      <c r="BQ34" s="296">
        <v>0</v>
      </c>
      <c r="BR34" s="297">
        <v>0</v>
      </c>
      <c r="BS34" s="298">
        <v>0</v>
      </c>
      <c r="BT34" s="296">
        <v>580</v>
      </c>
      <c r="BU34" s="296">
        <v>18425</v>
      </c>
      <c r="BV34" s="296">
        <v>8580</v>
      </c>
      <c r="BW34" s="296">
        <v>0</v>
      </c>
      <c r="BX34" s="296">
        <v>5740</v>
      </c>
      <c r="BY34" s="299">
        <v>33325</v>
      </c>
      <c r="BZ34" s="300">
        <v>33325</v>
      </c>
      <c r="CA34" s="295">
        <v>0</v>
      </c>
      <c r="CB34" s="296">
        <v>0</v>
      </c>
      <c r="CC34" s="297">
        <v>0</v>
      </c>
      <c r="CD34" s="298">
        <v>0</v>
      </c>
      <c r="CE34" s="296">
        <v>0</v>
      </c>
      <c r="CF34" s="296">
        <v>0</v>
      </c>
      <c r="CG34" s="296">
        <v>0</v>
      </c>
      <c r="CH34" s="296">
        <v>0</v>
      </c>
      <c r="CI34" s="296">
        <v>0</v>
      </c>
      <c r="CJ34" s="299">
        <v>0</v>
      </c>
      <c r="CK34" s="300">
        <v>0</v>
      </c>
      <c r="CL34" s="295">
        <v>0</v>
      </c>
      <c r="CM34" s="296">
        <v>0</v>
      </c>
      <c r="CN34" s="297">
        <v>0</v>
      </c>
      <c r="CO34" s="298">
        <v>0</v>
      </c>
      <c r="CP34" s="296">
        <v>0</v>
      </c>
      <c r="CQ34" s="296">
        <v>0</v>
      </c>
      <c r="CR34" s="296">
        <v>0</v>
      </c>
      <c r="CS34" s="296">
        <v>0</v>
      </c>
      <c r="CT34" s="296">
        <v>0</v>
      </c>
      <c r="CU34" s="299">
        <v>0</v>
      </c>
      <c r="CV34" s="300">
        <v>0</v>
      </c>
      <c r="CW34" s="295">
        <v>0</v>
      </c>
      <c r="CX34" s="296">
        <v>0</v>
      </c>
      <c r="CY34" s="297">
        <v>0</v>
      </c>
      <c r="CZ34" s="301"/>
      <c r="DA34" s="296">
        <v>0</v>
      </c>
      <c r="DB34" s="296">
        <v>0</v>
      </c>
      <c r="DC34" s="296">
        <v>0</v>
      </c>
      <c r="DD34" s="296">
        <v>0</v>
      </c>
      <c r="DE34" s="296">
        <v>0</v>
      </c>
      <c r="DF34" s="299">
        <v>0</v>
      </c>
      <c r="DG34" s="300">
        <v>0</v>
      </c>
      <c r="DH34" s="295">
        <v>0</v>
      </c>
      <c r="DI34" s="296">
        <v>0</v>
      </c>
      <c r="DJ34" s="297">
        <v>0</v>
      </c>
      <c r="DK34" s="298">
        <v>0</v>
      </c>
      <c r="DL34" s="296">
        <v>2323</v>
      </c>
      <c r="DM34" s="296">
        <v>24371</v>
      </c>
      <c r="DN34" s="296">
        <v>328938</v>
      </c>
      <c r="DO34" s="296">
        <v>242854</v>
      </c>
      <c r="DP34" s="296">
        <v>224566</v>
      </c>
      <c r="DQ34" s="299">
        <v>823052</v>
      </c>
      <c r="DR34" s="302">
        <v>823052</v>
      </c>
      <c r="DS34" s="295">
        <v>0</v>
      </c>
      <c r="DT34" s="296">
        <v>0</v>
      </c>
      <c r="DU34" s="297">
        <v>0</v>
      </c>
      <c r="DV34" s="301"/>
      <c r="DW34" s="296">
        <v>0</v>
      </c>
      <c r="DX34" s="296">
        <v>0</v>
      </c>
      <c r="DY34" s="296">
        <v>300826</v>
      </c>
      <c r="DZ34" s="296">
        <v>241986</v>
      </c>
      <c r="EA34" s="296">
        <v>181009</v>
      </c>
      <c r="EB34" s="299">
        <v>723821</v>
      </c>
      <c r="EC34" s="300">
        <v>723821</v>
      </c>
      <c r="ED34" s="295">
        <v>0</v>
      </c>
      <c r="EE34" s="296">
        <v>0</v>
      </c>
      <c r="EF34" s="297">
        <v>0</v>
      </c>
      <c r="EG34" s="301"/>
      <c r="EH34" s="296">
        <v>217</v>
      </c>
      <c r="EI34" s="296">
        <v>1205</v>
      </c>
      <c r="EJ34" s="296">
        <v>620</v>
      </c>
      <c r="EK34" s="296">
        <v>868</v>
      </c>
      <c r="EL34" s="296">
        <v>0</v>
      </c>
      <c r="EM34" s="299">
        <v>2910</v>
      </c>
      <c r="EN34" s="300">
        <v>2910</v>
      </c>
      <c r="EO34" s="295">
        <v>0</v>
      </c>
      <c r="EP34" s="296">
        <v>0</v>
      </c>
      <c r="EQ34" s="297">
        <v>0</v>
      </c>
      <c r="ER34" s="301"/>
      <c r="ES34" s="296">
        <v>0</v>
      </c>
      <c r="ET34" s="296">
        <v>0</v>
      </c>
      <c r="EU34" s="296">
        <v>0</v>
      </c>
      <c r="EV34" s="296">
        <v>0</v>
      </c>
      <c r="EW34" s="296">
        <v>0</v>
      </c>
      <c r="EX34" s="299">
        <v>0</v>
      </c>
      <c r="EY34" s="300">
        <v>0</v>
      </c>
      <c r="EZ34" s="295">
        <v>0</v>
      </c>
      <c r="FA34" s="296">
        <v>0</v>
      </c>
      <c r="FB34" s="297">
        <v>0</v>
      </c>
      <c r="FC34" s="301"/>
      <c r="FD34" s="296">
        <v>0</v>
      </c>
      <c r="FE34" s="296">
        <v>0</v>
      </c>
      <c r="FF34" s="296">
        <v>0</v>
      </c>
      <c r="FG34" s="296">
        <v>0</v>
      </c>
      <c r="FH34" s="296">
        <v>36518</v>
      </c>
      <c r="FI34" s="299">
        <v>36518</v>
      </c>
      <c r="FJ34" s="300">
        <v>36518</v>
      </c>
      <c r="FK34" s="295">
        <v>0</v>
      </c>
      <c r="FL34" s="296">
        <v>0</v>
      </c>
      <c r="FM34" s="297">
        <v>0</v>
      </c>
      <c r="FN34" s="301"/>
      <c r="FO34" s="296">
        <v>0</v>
      </c>
      <c r="FP34" s="296">
        <v>0</v>
      </c>
      <c r="FQ34" s="296">
        <v>0</v>
      </c>
      <c r="FR34" s="296">
        <v>0</v>
      </c>
      <c r="FS34" s="296">
        <v>0</v>
      </c>
      <c r="FT34" s="299">
        <v>0</v>
      </c>
      <c r="FU34" s="300">
        <v>0</v>
      </c>
      <c r="FV34" s="295">
        <v>0</v>
      </c>
      <c r="FW34" s="296">
        <v>0</v>
      </c>
      <c r="FX34" s="297">
        <v>0</v>
      </c>
      <c r="FY34" s="298">
        <v>0</v>
      </c>
      <c r="FZ34" s="296">
        <v>2106</v>
      </c>
      <c r="GA34" s="296">
        <v>23166</v>
      </c>
      <c r="GB34" s="296">
        <v>27492</v>
      </c>
      <c r="GC34" s="296">
        <v>0</v>
      </c>
      <c r="GD34" s="296">
        <v>7039</v>
      </c>
      <c r="GE34" s="299">
        <v>59803</v>
      </c>
      <c r="GF34" s="300">
        <v>59803</v>
      </c>
      <c r="GG34" s="295">
        <v>0</v>
      </c>
      <c r="GH34" s="296">
        <v>0</v>
      </c>
      <c r="GI34" s="297">
        <v>0</v>
      </c>
      <c r="GJ34" s="298">
        <v>0</v>
      </c>
      <c r="GK34" s="296">
        <v>0</v>
      </c>
      <c r="GL34" s="296">
        <v>0</v>
      </c>
      <c r="GM34" s="296">
        <v>0</v>
      </c>
      <c r="GN34" s="296">
        <v>0</v>
      </c>
      <c r="GO34" s="296">
        <v>0</v>
      </c>
      <c r="GP34" s="299">
        <v>0</v>
      </c>
      <c r="GQ34" s="300">
        <v>0</v>
      </c>
      <c r="GR34" s="295">
        <v>0</v>
      </c>
      <c r="GS34" s="296">
        <v>0</v>
      </c>
      <c r="GT34" s="297">
        <v>0</v>
      </c>
      <c r="GU34" s="298">
        <v>0</v>
      </c>
      <c r="GV34" s="296">
        <v>0</v>
      </c>
      <c r="GW34" s="296">
        <v>0</v>
      </c>
      <c r="GX34" s="296">
        <v>0</v>
      </c>
      <c r="GY34" s="296">
        <v>0</v>
      </c>
      <c r="GZ34" s="296">
        <v>0</v>
      </c>
      <c r="HA34" s="299">
        <v>0</v>
      </c>
      <c r="HB34" s="300">
        <v>0</v>
      </c>
      <c r="HC34" s="295">
        <v>0</v>
      </c>
      <c r="HD34" s="296">
        <v>0</v>
      </c>
      <c r="HE34" s="297">
        <v>0</v>
      </c>
      <c r="HF34" s="301"/>
      <c r="HG34" s="296">
        <v>0</v>
      </c>
      <c r="HH34" s="296">
        <v>0</v>
      </c>
      <c r="HI34" s="296">
        <v>0</v>
      </c>
      <c r="HJ34" s="296">
        <v>0</v>
      </c>
      <c r="HK34" s="296">
        <v>0</v>
      </c>
      <c r="HL34" s="299">
        <v>0</v>
      </c>
      <c r="HM34" s="300">
        <v>0</v>
      </c>
      <c r="HN34" s="295">
        <v>0</v>
      </c>
      <c r="HO34" s="296">
        <v>0</v>
      </c>
      <c r="HP34" s="297">
        <v>0</v>
      </c>
      <c r="HQ34" s="298">
        <v>0</v>
      </c>
      <c r="HR34" s="296">
        <v>27548</v>
      </c>
      <c r="HS34" s="296">
        <v>131668</v>
      </c>
      <c r="HT34" s="296">
        <v>581853</v>
      </c>
      <c r="HU34" s="296">
        <v>375819</v>
      </c>
      <c r="HV34" s="296">
        <v>445601</v>
      </c>
      <c r="HW34" s="299">
        <v>1562489</v>
      </c>
      <c r="HX34" s="300">
        <v>1562489</v>
      </c>
    </row>
    <row r="35" spans="1:232" ht="16.5" customHeight="1" x14ac:dyDescent="0.2">
      <c r="A35" s="293" t="s">
        <v>32</v>
      </c>
      <c r="B35" s="295">
        <v>0</v>
      </c>
      <c r="C35" s="296">
        <v>0</v>
      </c>
      <c r="D35" s="297">
        <v>0</v>
      </c>
      <c r="E35" s="298">
        <v>0</v>
      </c>
      <c r="F35" s="296">
        <v>2635</v>
      </c>
      <c r="G35" s="296">
        <v>118921</v>
      </c>
      <c r="H35" s="296">
        <v>415123</v>
      </c>
      <c r="I35" s="296">
        <v>382100</v>
      </c>
      <c r="J35" s="296">
        <v>87420</v>
      </c>
      <c r="K35" s="299">
        <v>1006199</v>
      </c>
      <c r="L35" s="300">
        <v>1006199</v>
      </c>
      <c r="M35" s="295">
        <v>0</v>
      </c>
      <c r="N35" s="296">
        <v>0</v>
      </c>
      <c r="O35" s="297">
        <v>0</v>
      </c>
      <c r="P35" s="301"/>
      <c r="Q35" s="296">
        <v>0</v>
      </c>
      <c r="R35" s="296">
        <v>35495</v>
      </c>
      <c r="S35" s="296">
        <v>138383</v>
      </c>
      <c r="T35" s="296">
        <v>199485</v>
      </c>
      <c r="U35" s="296">
        <v>24645</v>
      </c>
      <c r="V35" s="299">
        <v>398008</v>
      </c>
      <c r="W35" s="300">
        <v>398008</v>
      </c>
      <c r="X35" s="295">
        <v>0</v>
      </c>
      <c r="Y35" s="296">
        <v>0</v>
      </c>
      <c r="Z35" s="297">
        <v>0</v>
      </c>
      <c r="AA35" s="301"/>
      <c r="AB35" s="296">
        <v>2635</v>
      </c>
      <c r="AC35" s="296">
        <v>73470</v>
      </c>
      <c r="AD35" s="296">
        <v>43245</v>
      </c>
      <c r="AE35" s="296">
        <v>147845</v>
      </c>
      <c r="AF35" s="296">
        <v>35495</v>
      </c>
      <c r="AG35" s="299">
        <v>302690</v>
      </c>
      <c r="AH35" s="300">
        <v>302690</v>
      </c>
      <c r="AI35" s="295">
        <v>0</v>
      </c>
      <c r="AJ35" s="296">
        <v>0</v>
      </c>
      <c r="AK35" s="297">
        <v>0</v>
      </c>
      <c r="AL35" s="301"/>
      <c r="AM35" s="296">
        <v>0</v>
      </c>
      <c r="AN35" s="296">
        <v>0</v>
      </c>
      <c r="AO35" s="296">
        <v>0</v>
      </c>
      <c r="AP35" s="296">
        <v>0</v>
      </c>
      <c r="AQ35" s="296">
        <v>0</v>
      </c>
      <c r="AR35" s="299">
        <v>0</v>
      </c>
      <c r="AS35" s="300">
        <v>0</v>
      </c>
      <c r="AT35" s="295">
        <v>0</v>
      </c>
      <c r="AU35" s="296">
        <v>0</v>
      </c>
      <c r="AV35" s="297">
        <v>0</v>
      </c>
      <c r="AW35" s="301"/>
      <c r="AX35" s="296">
        <v>0</v>
      </c>
      <c r="AY35" s="296">
        <v>0</v>
      </c>
      <c r="AZ35" s="296">
        <v>0</v>
      </c>
      <c r="BA35" s="296">
        <v>0</v>
      </c>
      <c r="BB35" s="296">
        <v>0</v>
      </c>
      <c r="BC35" s="299">
        <v>0</v>
      </c>
      <c r="BD35" s="300">
        <v>0</v>
      </c>
      <c r="BE35" s="295">
        <v>0</v>
      </c>
      <c r="BF35" s="296">
        <v>0</v>
      </c>
      <c r="BG35" s="297">
        <v>0</v>
      </c>
      <c r="BH35" s="301"/>
      <c r="BI35" s="296">
        <v>0</v>
      </c>
      <c r="BJ35" s="296">
        <v>0</v>
      </c>
      <c r="BK35" s="296">
        <v>231570</v>
      </c>
      <c r="BL35" s="296">
        <v>34505</v>
      </c>
      <c r="BM35" s="296">
        <v>27280</v>
      </c>
      <c r="BN35" s="299">
        <v>293355</v>
      </c>
      <c r="BO35" s="300">
        <v>293355</v>
      </c>
      <c r="BP35" s="295">
        <v>0</v>
      </c>
      <c r="BQ35" s="296">
        <v>0</v>
      </c>
      <c r="BR35" s="297">
        <v>0</v>
      </c>
      <c r="BS35" s="298">
        <v>0</v>
      </c>
      <c r="BT35" s="296">
        <v>0</v>
      </c>
      <c r="BU35" s="296">
        <v>5751</v>
      </c>
      <c r="BV35" s="296">
        <v>1925</v>
      </c>
      <c r="BW35" s="296">
        <v>0</v>
      </c>
      <c r="BX35" s="296">
        <v>0</v>
      </c>
      <c r="BY35" s="299">
        <v>7676</v>
      </c>
      <c r="BZ35" s="300">
        <v>7676</v>
      </c>
      <c r="CA35" s="295">
        <v>0</v>
      </c>
      <c r="CB35" s="296">
        <v>0</v>
      </c>
      <c r="CC35" s="297">
        <v>0</v>
      </c>
      <c r="CD35" s="298">
        <v>0</v>
      </c>
      <c r="CE35" s="296">
        <v>0</v>
      </c>
      <c r="CF35" s="296">
        <v>4205</v>
      </c>
      <c r="CG35" s="296">
        <v>0</v>
      </c>
      <c r="CH35" s="296">
        <v>265</v>
      </c>
      <c r="CI35" s="296">
        <v>0</v>
      </c>
      <c r="CJ35" s="299">
        <v>4470</v>
      </c>
      <c r="CK35" s="300">
        <v>4470</v>
      </c>
      <c r="CL35" s="295">
        <v>0</v>
      </c>
      <c r="CM35" s="296">
        <v>0</v>
      </c>
      <c r="CN35" s="297">
        <v>0</v>
      </c>
      <c r="CO35" s="298">
        <v>0</v>
      </c>
      <c r="CP35" s="296">
        <v>0</v>
      </c>
      <c r="CQ35" s="296">
        <v>0</v>
      </c>
      <c r="CR35" s="296">
        <v>0</v>
      </c>
      <c r="CS35" s="296">
        <v>0</v>
      </c>
      <c r="CT35" s="296">
        <v>0</v>
      </c>
      <c r="CU35" s="299">
        <v>0</v>
      </c>
      <c r="CV35" s="300">
        <v>0</v>
      </c>
      <c r="CW35" s="295">
        <v>0</v>
      </c>
      <c r="CX35" s="296">
        <v>0</v>
      </c>
      <c r="CY35" s="297">
        <v>0</v>
      </c>
      <c r="CZ35" s="301"/>
      <c r="DA35" s="296">
        <v>0</v>
      </c>
      <c r="DB35" s="296">
        <v>0</v>
      </c>
      <c r="DC35" s="296">
        <v>0</v>
      </c>
      <c r="DD35" s="296">
        <v>0</v>
      </c>
      <c r="DE35" s="296">
        <v>0</v>
      </c>
      <c r="DF35" s="299">
        <v>0</v>
      </c>
      <c r="DG35" s="300">
        <v>0</v>
      </c>
      <c r="DH35" s="295">
        <v>0</v>
      </c>
      <c r="DI35" s="296">
        <v>0</v>
      </c>
      <c r="DJ35" s="297">
        <v>0</v>
      </c>
      <c r="DK35" s="298">
        <v>0</v>
      </c>
      <c r="DL35" s="296">
        <v>217</v>
      </c>
      <c r="DM35" s="296">
        <v>43263</v>
      </c>
      <c r="DN35" s="296">
        <v>353994</v>
      </c>
      <c r="DO35" s="296">
        <v>339026</v>
      </c>
      <c r="DP35" s="296">
        <v>55025</v>
      </c>
      <c r="DQ35" s="299">
        <v>791525</v>
      </c>
      <c r="DR35" s="302">
        <v>791525</v>
      </c>
      <c r="DS35" s="295">
        <v>0</v>
      </c>
      <c r="DT35" s="296">
        <v>0</v>
      </c>
      <c r="DU35" s="297">
        <v>0</v>
      </c>
      <c r="DV35" s="301"/>
      <c r="DW35" s="296">
        <v>0</v>
      </c>
      <c r="DX35" s="296">
        <v>26381</v>
      </c>
      <c r="DY35" s="296">
        <v>158813</v>
      </c>
      <c r="DZ35" s="296">
        <v>268646</v>
      </c>
      <c r="EA35" s="296">
        <v>21576</v>
      </c>
      <c r="EB35" s="299">
        <v>475416</v>
      </c>
      <c r="EC35" s="300">
        <v>475416</v>
      </c>
      <c r="ED35" s="295">
        <v>0</v>
      </c>
      <c r="EE35" s="296">
        <v>0</v>
      </c>
      <c r="EF35" s="297">
        <v>0</v>
      </c>
      <c r="EG35" s="301"/>
      <c r="EH35" s="296">
        <v>217</v>
      </c>
      <c r="EI35" s="296">
        <v>12307</v>
      </c>
      <c r="EJ35" s="296">
        <v>22847</v>
      </c>
      <c r="EK35" s="296">
        <v>14901</v>
      </c>
      <c r="EL35" s="296">
        <v>11687</v>
      </c>
      <c r="EM35" s="299">
        <v>61959</v>
      </c>
      <c r="EN35" s="300">
        <v>61959</v>
      </c>
      <c r="EO35" s="295">
        <v>0</v>
      </c>
      <c r="EP35" s="296">
        <v>0</v>
      </c>
      <c r="EQ35" s="297">
        <v>0</v>
      </c>
      <c r="ER35" s="301"/>
      <c r="ES35" s="296">
        <v>0</v>
      </c>
      <c r="ET35" s="296">
        <v>0</v>
      </c>
      <c r="EU35" s="296">
        <v>0</v>
      </c>
      <c r="EV35" s="296">
        <v>0</v>
      </c>
      <c r="EW35" s="296">
        <v>0</v>
      </c>
      <c r="EX35" s="299">
        <v>0</v>
      </c>
      <c r="EY35" s="300">
        <v>0</v>
      </c>
      <c r="EZ35" s="295">
        <v>0</v>
      </c>
      <c r="FA35" s="296">
        <v>0</v>
      </c>
      <c r="FB35" s="297">
        <v>0</v>
      </c>
      <c r="FC35" s="301"/>
      <c r="FD35" s="296">
        <v>0</v>
      </c>
      <c r="FE35" s="296">
        <v>0</v>
      </c>
      <c r="FF35" s="296">
        <v>0</v>
      </c>
      <c r="FG35" s="296">
        <v>0</v>
      </c>
      <c r="FH35" s="296">
        <v>0</v>
      </c>
      <c r="FI35" s="299">
        <v>0</v>
      </c>
      <c r="FJ35" s="300">
        <v>0</v>
      </c>
      <c r="FK35" s="295">
        <v>0</v>
      </c>
      <c r="FL35" s="296">
        <v>0</v>
      </c>
      <c r="FM35" s="297">
        <v>0</v>
      </c>
      <c r="FN35" s="301"/>
      <c r="FO35" s="296">
        <v>0</v>
      </c>
      <c r="FP35" s="296">
        <v>0</v>
      </c>
      <c r="FQ35" s="296">
        <v>170624</v>
      </c>
      <c r="FR35" s="296">
        <v>53703</v>
      </c>
      <c r="FS35" s="296">
        <v>21762</v>
      </c>
      <c r="FT35" s="299">
        <v>246089</v>
      </c>
      <c r="FU35" s="300">
        <v>246089</v>
      </c>
      <c r="FV35" s="295">
        <v>0</v>
      </c>
      <c r="FW35" s="296">
        <v>0</v>
      </c>
      <c r="FX35" s="297">
        <v>0</v>
      </c>
      <c r="FY35" s="298">
        <v>0</v>
      </c>
      <c r="FZ35" s="296">
        <v>0</v>
      </c>
      <c r="GA35" s="296">
        <v>4365</v>
      </c>
      <c r="GB35" s="296">
        <v>1710</v>
      </c>
      <c r="GC35" s="296">
        <v>702</v>
      </c>
      <c r="GD35" s="296">
        <v>0</v>
      </c>
      <c r="GE35" s="299">
        <v>6777</v>
      </c>
      <c r="GF35" s="300">
        <v>6777</v>
      </c>
      <c r="GG35" s="295">
        <v>0</v>
      </c>
      <c r="GH35" s="296">
        <v>0</v>
      </c>
      <c r="GI35" s="297">
        <v>0</v>
      </c>
      <c r="GJ35" s="298">
        <v>0</v>
      </c>
      <c r="GK35" s="296">
        <v>0</v>
      </c>
      <c r="GL35" s="296">
        <v>210</v>
      </c>
      <c r="GM35" s="296">
        <v>0</v>
      </c>
      <c r="GN35" s="296">
        <v>1074</v>
      </c>
      <c r="GO35" s="296">
        <v>0</v>
      </c>
      <c r="GP35" s="299">
        <v>1284</v>
      </c>
      <c r="GQ35" s="300">
        <v>1284</v>
      </c>
      <c r="GR35" s="295">
        <v>0</v>
      </c>
      <c r="GS35" s="296">
        <v>0</v>
      </c>
      <c r="GT35" s="297">
        <v>0</v>
      </c>
      <c r="GU35" s="298">
        <v>0</v>
      </c>
      <c r="GV35" s="296">
        <v>0</v>
      </c>
      <c r="GW35" s="296">
        <v>0</v>
      </c>
      <c r="GX35" s="296">
        <v>0</v>
      </c>
      <c r="GY35" s="296">
        <v>0</v>
      </c>
      <c r="GZ35" s="296">
        <v>0</v>
      </c>
      <c r="HA35" s="299">
        <v>0</v>
      </c>
      <c r="HB35" s="300">
        <v>0</v>
      </c>
      <c r="HC35" s="295">
        <v>0</v>
      </c>
      <c r="HD35" s="296">
        <v>0</v>
      </c>
      <c r="HE35" s="297">
        <v>0</v>
      </c>
      <c r="HF35" s="301"/>
      <c r="HG35" s="296">
        <v>0</v>
      </c>
      <c r="HH35" s="296">
        <v>0</v>
      </c>
      <c r="HI35" s="296">
        <v>0</v>
      </c>
      <c r="HJ35" s="296">
        <v>0</v>
      </c>
      <c r="HK35" s="296">
        <v>0</v>
      </c>
      <c r="HL35" s="299">
        <v>0</v>
      </c>
      <c r="HM35" s="300">
        <v>0</v>
      </c>
      <c r="HN35" s="295">
        <v>0</v>
      </c>
      <c r="HO35" s="296">
        <v>0</v>
      </c>
      <c r="HP35" s="297">
        <v>0</v>
      </c>
      <c r="HQ35" s="298">
        <v>0</v>
      </c>
      <c r="HR35" s="296">
        <v>2852</v>
      </c>
      <c r="HS35" s="296">
        <v>162184</v>
      </c>
      <c r="HT35" s="296">
        <v>769117</v>
      </c>
      <c r="HU35" s="296">
        <v>721126</v>
      </c>
      <c r="HV35" s="296">
        <v>142445</v>
      </c>
      <c r="HW35" s="299">
        <v>1797724</v>
      </c>
      <c r="HX35" s="300">
        <v>1797724</v>
      </c>
    </row>
    <row r="36" spans="1:232" ht="16.5" customHeight="1" x14ac:dyDescent="0.2">
      <c r="A36" s="293" t="s">
        <v>33</v>
      </c>
      <c r="B36" s="295">
        <v>0</v>
      </c>
      <c r="C36" s="296">
        <v>0</v>
      </c>
      <c r="D36" s="297">
        <v>0</v>
      </c>
      <c r="E36" s="298">
        <v>0</v>
      </c>
      <c r="F36" s="296">
        <v>101225</v>
      </c>
      <c r="G36" s="296">
        <v>96030</v>
      </c>
      <c r="H36" s="296">
        <v>539835</v>
      </c>
      <c r="I36" s="296">
        <v>594960</v>
      </c>
      <c r="J36" s="296">
        <v>507835</v>
      </c>
      <c r="K36" s="299">
        <v>1839885</v>
      </c>
      <c r="L36" s="300">
        <v>1839885</v>
      </c>
      <c r="M36" s="295">
        <v>0</v>
      </c>
      <c r="N36" s="296">
        <v>0</v>
      </c>
      <c r="O36" s="297">
        <v>0</v>
      </c>
      <c r="P36" s="301"/>
      <c r="Q36" s="296">
        <v>0</v>
      </c>
      <c r="R36" s="296">
        <v>27280</v>
      </c>
      <c r="S36" s="296">
        <v>316370</v>
      </c>
      <c r="T36" s="296">
        <v>367595</v>
      </c>
      <c r="U36" s="296">
        <v>396240</v>
      </c>
      <c r="V36" s="299">
        <v>1107485</v>
      </c>
      <c r="W36" s="300">
        <v>1107485</v>
      </c>
      <c r="X36" s="295">
        <v>0</v>
      </c>
      <c r="Y36" s="296">
        <v>0</v>
      </c>
      <c r="Z36" s="297">
        <v>0</v>
      </c>
      <c r="AA36" s="301"/>
      <c r="AB36" s="296">
        <v>75855</v>
      </c>
      <c r="AC36" s="296">
        <v>30620</v>
      </c>
      <c r="AD36" s="296">
        <v>166470</v>
      </c>
      <c r="AE36" s="296">
        <v>111290</v>
      </c>
      <c r="AF36" s="296">
        <v>2635</v>
      </c>
      <c r="AG36" s="299">
        <v>386870</v>
      </c>
      <c r="AH36" s="300">
        <v>386870</v>
      </c>
      <c r="AI36" s="295">
        <v>0</v>
      </c>
      <c r="AJ36" s="296">
        <v>0</v>
      </c>
      <c r="AK36" s="297">
        <v>0</v>
      </c>
      <c r="AL36" s="301"/>
      <c r="AM36" s="296">
        <v>0</v>
      </c>
      <c r="AN36" s="296">
        <v>0</v>
      </c>
      <c r="AO36" s="296">
        <v>0</v>
      </c>
      <c r="AP36" s="296">
        <v>0</v>
      </c>
      <c r="AQ36" s="296">
        <v>0</v>
      </c>
      <c r="AR36" s="299">
        <v>0</v>
      </c>
      <c r="AS36" s="300">
        <v>0</v>
      </c>
      <c r="AT36" s="295">
        <v>0</v>
      </c>
      <c r="AU36" s="296">
        <v>0</v>
      </c>
      <c r="AV36" s="297">
        <v>0</v>
      </c>
      <c r="AW36" s="301"/>
      <c r="AX36" s="296">
        <v>24645</v>
      </c>
      <c r="AY36" s="296">
        <v>38130</v>
      </c>
      <c r="AZ36" s="296">
        <v>40765</v>
      </c>
      <c r="BA36" s="296">
        <v>70990</v>
      </c>
      <c r="BB36" s="296">
        <v>103540</v>
      </c>
      <c r="BC36" s="299">
        <v>278070</v>
      </c>
      <c r="BD36" s="300">
        <v>278070</v>
      </c>
      <c r="BE36" s="295">
        <v>0</v>
      </c>
      <c r="BF36" s="296">
        <v>0</v>
      </c>
      <c r="BG36" s="297">
        <v>0</v>
      </c>
      <c r="BH36" s="301"/>
      <c r="BI36" s="296">
        <v>0</v>
      </c>
      <c r="BJ36" s="296">
        <v>0</v>
      </c>
      <c r="BK36" s="296">
        <v>0</v>
      </c>
      <c r="BL36" s="296">
        <v>0</v>
      </c>
      <c r="BM36" s="296">
        <v>0</v>
      </c>
      <c r="BN36" s="299">
        <v>0</v>
      </c>
      <c r="BO36" s="300">
        <v>0</v>
      </c>
      <c r="BP36" s="295">
        <v>0</v>
      </c>
      <c r="BQ36" s="296">
        <v>0</v>
      </c>
      <c r="BR36" s="297">
        <v>0</v>
      </c>
      <c r="BS36" s="298">
        <v>0</v>
      </c>
      <c r="BT36" s="296">
        <v>725</v>
      </c>
      <c r="BU36" s="296">
        <v>0</v>
      </c>
      <c r="BV36" s="296">
        <v>14950</v>
      </c>
      <c r="BW36" s="296">
        <v>45085</v>
      </c>
      <c r="BX36" s="296">
        <v>5420</v>
      </c>
      <c r="BY36" s="299">
        <v>66180</v>
      </c>
      <c r="BZ36" s="300">
        <v>66180</v>
      </c>
      <c r="CA36" s="295">
        <v>0</v>
      </c>
      <c r="CB36" s="296">
        <v>0</v>
      </c>
      <c r="CC36" s="297">
        <v>0</v>
      </c>
      <c r="CD36" s="298">
        <v>0</v>
      </c>
      <c r="CE36" s="296">
        <v>0</v>
      </c>
      <c r="CF36" s="296">
        <v>0</v>
      </c>
      <c r="CG36" s="296">
        <v>1280</v>
      </c>
      <c r="CH36" s="296">
        <v>0</v>
      </c>
      <c r="CI36" s="296">
        <v>0</v>
      </c>
      <c r="CJ36" s="299">
        <v>1280</v>
      </c>
      <c r="CK36" s="300">
        <v>1280</v>
      </c>
      <c r="CL36" s="295">
        <v>0</v>
      </c>
      <c r="CM36" s="296">
        <v>0</v>
      </c>
      <c r="CN36" s="297">
        <v>0</v>
      </c>
      <c r="CO36" s="298">
        <v>0</v>
      </c>
      <c r="CP36" s="296">
        <v>0</v>
      </c>
      <c r="CQ36" s="296">
        <v>0</v>
      </c>
      <c r="CR36" s="296">
        <v>0</v>
      </c>
      <c r="CS36" s="296">
        <v>0</v>
      </c>
      <c r="CT36" s="296">
        <v>0</v>
      </c>
      <c r="CU36" s="299">
        <v>0</v>
      </c>
      <c r="CV36" s="300">
        <v>0</v>
      </c>
      <c r="CW36" s="295">
        <v>0</v>
      </c>
      <c r="CX36" s="296">
        <v>0</v>
      </c>
      <c r="CY36" s="297">
        <v>0</v>
      </c>
      <c r="CZ36" s="301"/>
      <c r="DA36" s="296">
        <v>0</v>
      </c>
      <c r="DB36" s="296">
        <v>0</v>
      </c>
      <c r="DC36" s="296">
        <v>0</v>
      </c>
      <c r="DD36" s="296">
        <v>0</v>
      </c>
      <c r="DE36" s="296">
        <v>0</v>
      </c>
      <c r="DF36" s="299">
        <v>0</v>
      </c>
      <c r="DG36" s="300">
        <v>0</v>
      </c>
      <c r="DH36" s="295">
        <v>0</v>
      </c>
      <c r="DI36" s="296">
        <v>0</v>
      </c>
      <c r="DJ36" s="297">
        <v>0</v>
      </c>
      <c r="DK36" s="298">
        <v>0</v>
      </c>
      <c r="DL36" s="296">
        <v>4004</v>
      </c>
      <c r="DM36" s="296">
        <v>48788</v>
      </c>
      <c r="DN36" s="296">
        <v>416778</v>
      </c>
      <c r="DO36" s="296">
        <v>455482</v>
      </c>
      <c r="DP36" s="296">
        <v>310601</v>
      </c>
      <c r="DQ36" s="299">
        <v>1235653</v>
      </c>
      <c r="DR36" s="302">
        <v>1235653</v>
      </c>
      <c r="DS36" s="295">
        <v>0</v>
      </c>
      <c r="DT36" s="296">
        <v>0</v>
      </c>
      <c r="DU36" s="297">
        <v>0</v>
      </c>
      <c r="DV36" s="301"/>
      <c r="DW36" s="296">
        <v>0</v>
      </c>
      <c r="DX36" s="296">
        <v>36611</v>
      </c>
      <c r="DY36" s="296">
        <v>344270</v>
      </c>
      <c r="DZ36" s="296">
        <v>376761</v>
      </c>
      <c r="EA36" s="296">
        <v>294166</v>
      </c>
      <c r="EB36" s="299">
        <v>1051808</v>
      </c>
      <c r="EC36" s="300">
        <v>1051808</v>
      </c>
      <c r="ED36" s="295">
        <v>0</v>
      </c>
      <c r="EE36" s="296">
        <v>0</v>
      </c>
      <c r="EF36" s="297">
        <v>0</v>
      </c>
      <c r="EG36" s="301"/>
      <c r="EH36" s="296">
        <v>1330</v>
      </c>
      <c r="EI36" s="296">
        <v>273</v>
      </c>
      <c r="EJ36" s="296">
        <v>43570</v>
      </c>
      <c r="EK36" s="296">
        <v>1820</v>
      </c>
      <c r="EL36" s="296">
        <v>217</v>
      </c>
      <c r="EM36" s="299">
        <v>47210</v>
      </c>
      <c r="EN36" s="300">
        <v>47210</v>
      </c>
      <c r="EO36" s="295">
        <v>0</v>
      </c>
      <c r="EP36" s="296">
        <v>0</v>
      </c>
      <c r="EQ36" s="297">
        <v>0</v>
      </c>
      <c r="ER36" s="301"/>
      <c r="ES36" s="296">
        <v>0</v>
      </c>
      <c r="ET36" s="296">
        <v>0</v>
      </c>
      <c r="EU36" s="296">
        <v>0</v>
      </c>
      <c r="EV36" s="296">
        <v>0</v>
      </c>
      <c r="EW36" s="296">
        <v>0</v>
      </c>
      <c r="EX36" s="299">
        <v>0</v>
      </c>
      <c r="EY36" s="300">
        <v>0</v>
      </c>
      <c r="EZ36" s="295">
        <v>0</v>
      </c>
      <c r="FA36" s="296">
        <v>0</v>
      </c>
      <c r="FB36" s="297">
        <v>0</v>
      </c>
      <c r="FC36" s="301"/>
      <c r="FD36" s="296">
        <v>217</v>
      </c>
      <c r="FE36" s="296">
        <v>11904</v>
      </c>
      <c r="FF36" s="296">
        <v>12121</v>
      </c>
      <c r="FG36" s="296">
        <v>23374</v>
      </c>
      <c r="FH36" s="296">
        <v>12338</v>
      </c>
      <c r="FI36" s="299">
        <v>59954</v>
      </c>
      <c r="FJ36" s="300">
        <v>59954</v>
      </c>
      <c r="FK36" s="295">
        <v>0</v>
      </c>
      <c r="FL36" s="296">
        <v>0</v>
      </c>
      <c r="FM36" s="297">
        <v>0</v>
      </c>
      <c r="FN36" s="301"/>
      <c r="FO36" s="296">
        <v>0</v>
      </c>
      <c r="FP36" s="296">
        <v>0</v>
      </c>
      <c r="FQ36" s="296">
        <v>0</v>
      </c>
      <c r="FR36" s="296">
        <v>0</v>
      </c>
      <c r="FS36" s="296">
        <v>0</v>
      </c>
      <c r="FT36" s="299">
        <v>0</v>
      </c>
      <c r="FU36" s="300">
        <v>0</v>
      </c>
      <c r="FV36" s="295">
        <v>0</v>
      </c>
      <c r="FW36" s="296">
        <v>0</v>
      </c>
      <c r="FX36" s="297">
        <v>0</v>
      </c>
      <c r="FY36" s="298">
        <v>0</v>
      </c>
      <c r="FZ36" s="296">
        <v>2457</v>
      </c>
      <c r="GA36" s="296">
        <v>0</v>
      </c>
      <c r="GB36" s="296">
        <v>16803</v>
      </c>
      <c r="GC36" s="296">
        <v>53527</v>
      </c>
      <c r="GD36" s="296">
        <v>3880</v>
      </c>
      <c r="GE36" s="299">
        <v>76667</v>
      </c>
      <c r="GF36" s="300">
        <v>76667</v>
      </c>
      <c r="GG36" s="295">
        <v>0</v>
      </c>
      <c r="GH36" s="296">
        <v>0</v>
      </c>
      <c r="GI36" s="297">
        <v>0</v>
      </c>
      <c r="GJ36" s="298">
        <v>0</v>
      </c>
      <c r="GK36" s="296">
        <v>0</v>
      </c>
      <c r="GL36" s="296">
        <v>0</v>
      </c>
      <c r="GM36" s="296">
        <v>14</v>
      </c>
      <c r="GN36" s="296">
        <v>0</v>
      </c>
      <c r="GO36" s="296">
        <v>0</v>
      </c>
      <c r="GP36" s="299">
        <v>14</v>
      </c>
      <c r="GQ36" s="300">
        <v>14</v>
      </c>
      <c r="GR36" s="295">
        <v>0</v>
      </c>
      <c r="GS36" s="296">
        <v>0</v>
      </c>
      <c r="GT36" s="297">
        <v>0</v>
      </c>
      <c r="GU36" s="298">
        <v>0</v>
      </c>
      <c r="GV36" s="296">
        <v>0</v>
      </c>
      <c r="GW36" s="296">
        <v>0</v>
      </c>
      <c r="GX36" s="296">
        <v>0</v>
      </c>
      <c r="GY36" s="296">
        <v>0</v>
      </c>
      <c r="GZ36" s="296">
        <v>0</v>
      </c>
      <c r="HA36" s="299">
        <v>0</v>
      </c>
      <c r="HB36" s="300">
        <v>0</v>
      </c>
      <c r="HC36" s="295">
        <v>0</v>
      </c>
      <c r="HD36" s="296">
        <v>0</v>
      </c>
      <c r="HE36" s="297">
        <v>0</v>
      </c>
      <c r="HF36" s="301"/>
      <c r="HG36" s="296">
        <v>0</v>
      </c>
      <c r="HH36" s="296">
        <v>0</v>
      </c>
      <c r="HI36" s="296">
        <v>0</v>
      </c>
      <c r="HJ36" s="296">
        <v>0</v>
      </c>
      <c r="HK36" s="296">
        <v>0</v>
      </c>
      <c r="HL36" s="299">
        <v>0</v>
      </c>
      <c r="HM36" s="300">
        <v>0</v>
      </c>
      <c r="HN36" s="295">
        <v>0</v>
      </c>
      <c r="HO36" s="296">
        <v>0</v>
      </c>
      <c r="HP36" s="297">
        <v>0</v>
      </c>
      <c r="HQ36" s="298">
        <v>0</v>
      </c>
      <c r="HR36" s="296">
        <v>105229</v>
      </c>
      <c r="HS36" s="296">
        <v>144818</v>
      </c>
      <c r="HT36" s="296">
        <v>956613</v>
      </c>
      <c r="HU36" s="296">
        <v>1050442</v>
      </c>
      <c r="HV36" s="296">
        <v>818436</v>
      </c>
      <c r="HW36" s="299">
        <v>3075538</v>
      </c>
      <c r="HX36" s="300">
        <v>3075538</v>
      </c>
    </row>
    <row r="37" spans="1:232" ht="16.5" customHeight="1" x14ac:dyDescent="0.2">
      <c r="A37" s="293" t="s">
        <v>34</v>
      </c>
      <c r="B37" s="295">
        <v>0</v>
      </c>
      <c r="C37" s="296">
        <v>0</v>
      </c>
      <c r="D37" s="297">
        <v>0</v>
      </c>
      <c r="E37" s="298">
        <v>0</v>
      </c>
      <c r="F37" s="296">
        <v>80431</v>
      </c>
      <c r="G37" s="296">
        <v>99305</v>
      </c>
      <c r="H37" s="296">
        <v>159250</v>
      </c>
      <c r="I37" s="296">
        <v>290590</v>
      </c>
      <c r="J37" s="296">
        <v>241395</v>
      </c>
      <c r="K37" s="299">
        <v>870971</v>
      </c>
      <c r="L37" s="300">
        <v>870971</v>
      </c>
      <c r="M37" s="295">
        <v>0</v>
      </c>
      <c r="N37" s="296">
        <v>0</v>
      </c>
      <c r="O37" s="297">
        <v>0</v>
      </c>
      <c r="P37" s="301"/>
      <c r="Q37" s="296">
        <v>0</v>
      </c>
      <c r="R37" s="296">
        <v>0</v>
      </c>
      <c r="S37" s="296">
        <v>37975</v>
      </c>
      <c r="T37" s="296">
        <v>205995</v>
      </c>
      <c r="U37" s="296">
        <v>130925</v>
      </c>
      <c r="V37" s="299">
        <v>374895</v>
      </c>
      <c r="W37" s="300">
        <v>374895</v>
      </c>
      <c r="X37" s="295">
        <v>0</v>
      </c>
      <c r="Y37" s="296">
        <v>0</v>
      </c>
      <c r="Z37" s="297">
        <v>0</v>
      </c>
      <c r="AA37" s="301"/>
      <c r="AB37" s="296">
        <v>76570</v>
      </c>
      <c r="AC37" s="296">
        <v>63810</v>
      </c>
      <c r="AD37" s="296">
        <v>119970</v>
      </c>
      <c r="AE37" s="296">
        <v>68045</v>
      </c>
      <c r="AF37" s="296">
        <v>77765</v>
      </c>
      <c r="AG37" s="299">
        <v>406160</v>
      </c>
      <c r="AH37" s="300">
        <v>406160</v>
      </c>
      <c r="AI37" s="295">
        <v>0</v>
      </c>
      <c r="AJ37" s="296">
        <v>0</v>
      </c>
      <c r="AK37" s="297">
        <v>0</v>
      </c>
      <c r="AL37" s="301"/>
      <c r="AM37" s="296">
        <v>0</v>
      </c>
      <c r="AN37" s="296">
        <v>0</v>
      </c>
      <c r="AO37" s="296">
        <v>0</v>
      </c>
      <c r="AP37" s="296">
        <v>0</v>
      </c>
      <c r="AQ37" s="296">
        <v>0</v>
      </c>
      <c r="AR37" s="299">
        <v>0</v>
      </c>
      <c r="AS37" s="300">
        <v>0</v>
      </c>
      <c r="AT37" s="295">
        <v>0</v>
      </c>
      <c r="AU37" s="296">
        <v>0</v>
      </c>
      <c r="AV37" s="297">
        <v>0</v>
      </c>
      <c r="AW37" s="301"/>
      <c r="AX37" s="296">
        <v>0</v>
      </c>
      <c r="AY37" s="296">
        <v>35495</v>
      </c>
      <c r="AZ37" s="296">
        <v>0</v>
      </c>
      <c r="BA37" s="296">
        <v>0</v>
      </c>
      <c r="BB37" s="296">
        <v>32705</v>
      </c>
      <c r="BC37" s="299">
        <v>68200</v>
      </c>
      <c r="BD37" s="300">
        <v>68200</v>
      </c>
      <c r="BE37" s="295">
        <v>0</v>
      </c>
      <c r="BF37" s="296">
        <v>0</v>
      </c>
      <c r="BG37" s="297">
        <v>0</v>
      </c>
      <c r="BH37" s="301"/>
      <c r="BI37" s="296">
        <v>0</v>
      </c>
      <c r="BJ37" s="296">
        <v>0</v>
      </c>
      <c r="BK37" s="296">
        <v>0</v>
      </c>
      <c r="BL37" s="296">
        <v>0</v>
      </c>
      <c r="BM37" s="296">
        <v>0</v>
      </c>
      <c r="BN37" s="299">
        <v>0</v>
      </c>
      <c r="BO37" s="300">
        <v>0</v>
      </c>
      <c r="BP37" s="295">
        <v>0</v>
      </c>
      <c r="BQ37" s="296">
        <v>0</v>
      </c>
      <c r="BR37" s="297">
        <v>0</v>
      </c>
      <c r="BS37" s="298">
        <v>0</v>
      </c>
      <c r="BT37" s="296">
        <v>3861</v>
      </c>
      <c r="BU37" s="296">
        <v>0</v>
      </c>
      <c r="BV37" s="296">
        <v>1305</v>
      </c>
      <c r="BW37" s="296">
        <v>10320</v>
      </c>
      <c r="BX37" s="296">
        <v>0</v>
      </c>
      <c r="BY37" s="299">
        <v>15486</v>
      </c>
      <c r="BZ37" s="300">
        <v>15486</v>
      </c>
      <c r="CA37" s="295">
        <v>0</v>
      </c>
      <c r="CB37" s="296">
        <v>0</v>
      </c>
      <c r="CC37" s="297">
        <v>0</v>
      </c>
      <c r="CD37" s="298">
        <v>0</v>
      </c>
      <c r="CE37" s="296">
        <v>0</v>
      </c>
      <c r="CF37" s="296">
        <v>0</v>
      </c>
      <c r="CG37" s="296">
        <v>0</v>
      </c>
      <c r="CH37" s="296">
        <v>6230</v>
      </c>
      <c r="CI37" s="296">
        <v>0</v>
      </c>
      <c r="CJ37" s="299">
        <v>6230</v>
      </c>
      <c r="CK37" s="300">
        <v>6230</v>
      </c>
      <c r="CL37" s="295">
        <v>0</v>
      </c>
      <c r="CM37" s="296">
        <v>0</v>
      </c>
      <c r="CN37" s="297">
        <v>0</v>
      </c>
      <c r="CO37" s="298">
        <v>0</v>
      </c>
      <c r="CP37" s="296">
        <v>0</v>
      </c>
      <c r="CQ37" s="296">
        <v>0</v>
      </c>
      <c r="CR37" s="296">
        <v>0</v>
      </c>
      <c r="CS37" s="296">
        <v>0</v>
      </c>
      <c r="CT37" s="296">
        <v>0</v>
      </c>
      <c r="CU37" s="299">
        <v>0</v>
      </c>
      <c r="CV37" s="300">
        <v>0</v>
      </c>
      <c r="CW37" s="295">
        <v>0</v>
      </c>
      <c r="CX37" s="296">
        <v>0</v>
      </c>
      <c r="CY37" s="297">
        <v>0</v>
      </c>
      <c r="CZ37" s="301"/>
      <c r="DA37" s="296">
        <v>0</v>
      </c>
      <c r="DB37" s="296">
        <v>0</v>
      </c>
      <c r="DC37" s="296">
        <v>0</v>
      </c>
      <c r="DD37" s="296">
        <v>0</v>
      </c>
      <c r="DE37" s="296">
        <v>0</v>
      </c>
      <c r="DF37" s="299">
        <v>0</v>
      </c>
      <c r="DG37" s="300">
        <v>0</v>
      </c>
      <c r="DH37" s="295">
        <v>0</v>
      </c>
      <c r="DI37" s="296">
        <v>0</v>
      </c>
      <c r="DJ37" s="297">
        <v>0</v>
      </c>
      <c r="DK37" s="298">
        <v>0</v>
      </c>
      <c r="DL37" s="296">
        <v>7953</v>
      </c>
      <c r="DM37" s="296">
        <v>12653</v>
      </c>
      <c r="DN37" s="296">
        <v>92356</v>
      </c>
      <c r="DO37" s="296">
        <v>281365</v>
      </c>
      <c r="DP37" s="296">
        <v>162537</v>
      </c>
      <c r="DQ37" s="299">
        <v>556864</v>
      </c>
      <c r="DR37" s="302">
        <v>556864</v>
      </c>
      <c r="DS37" s="295">
        <v>0</v>
      </c>
      <c r="DT37" s="296">
        <v>0</v>
      </c>
      <c r="DU37" s="297">
        <v>0</v>
      </c>
      <c r="DV37" s="301"/>
      <c r="DW37" s="296">
        <v>0</v>
      </c>
      <c r="DX37" s="296">
        <v>0</v>
      </c>
      <c r="DY37" s="296">
        <v>79918</v>
      </c>
      <c r="DZ37" s="296">
        <v>257114</v>
      </c>
      <c r="EA37" s="296">
        <v>161634</v>
      </c>
      <c r="EB37" s="299">
        <v>498666</v>
      </c>
      <c r="EC37" s="300">
        <v>498666</v>
      </c>
      <c r="ED37" s="295">
        <v>0</v>
      </c>
      <c r="EE37" s="296">
        <v>0</v>
      </c>
      <c r="EF37" s="297">
        <v>0</v>
      </c>
      <c r="EG37" s="301"/>
      <c r="EH37" s="296">
        <v>837</v>
      </c>
      <c r="EI37" s="296">
        <v>966</v>
      </c>
      <c r="EJ37" s="296">
        <v>1302</v>
      </c>
      <c r="EK37" s="296">
        <v>12555</v>
      </c>
      <c r="EL37" s="296">
        <v>686</v>
      </c>
      <c r="EM37" s="299">
        <v>16346</v>
      </c>
      <c r="EN37" s="300">
        <v>16346</v>
      </c>
      <c r="EO37" s="295">
        <v>0</v>
      </c>
      <c r="EP37" s="296">
        <v>0</v>
      </c>
      <c r="EQ37" s="297">
        <v>0</v>
      </c>
      <c r="ER37" s="301"/>
      <c r="ES37" s="296">
        <v>0</v>
      </c>
      <c r="ET37" s="296">
        <v>0</v>
      </c>
      <c r="EU37" s="296">
        <v>0</v>
      </c>
      <c r="EV37" s="296">
        <v>0</v>
      </c>
      <c r="EW37" s="296">
        <v>0</v>
      </c>
      <c r="EX37" s="299">
        <v>0</v>
      </c>
      <c r="EY37" s="300">
        <v>0</v>
      </c>
      <c r="EZ37" s="295">
        <v>0</v>
      </c>
      <c r="FA37" s="296">
        <v>0</v>
      </c>
      <c r="FB37" s="297">
        <v>0</v>
      </c>
      <c r="FC37" s="301"/>
      <c r="FD37" s="296">
        <v>0</v>
      </c>
      <c r="FE37" s="296">
        <v>11687</v>
      </c>
      <c r="FF37" s="296">
        <v>0</v>
      </c>
      <c r="FG37" s="296">
        <v>0</v>
      </c>
      <c r="FH37" s="296">
        <v>217</v>
      </c>
      <c r="FI37" s="299">
        <v>11904</v>
      </c>
      <c r="FJ37" s="300">
        <v>11904</v>
      </c>
      <c r="FK37" s="295">
        <v>0</v>
      </c>
      <c r="FL37" s="296">
        <v>0</v>
      </c>
      <c r="FM37" s="297">
        <v>0</v>
      </c>
      <c r="FN37" s="301"/>
      <c r="FO37" s="296">
        <v>0</v>
      </c>
      <c r="FP37" s="296">
        <v>0</v>
      </c>
      <c r="FQ37" s="296">
        <v>0</v>
      </c>
      <c r="FR37" s="296">
        <v>0</v>
      </c>
      <c r="FS37" s="296">
        <v>0</v>
      </c>
      <c r="FT37" s="299">
        <v>0</v>
      </c>
      <c r="FU37" s="300">
        <v>0</v>
      </c>
      <c r="FV37" s="295">
        <v>0</v>
      </c>
      <c r="FW37" s="296">
        <v>0</v>
      </c>
      <c r="FX37" s="297">
        <v>0</v>
      </c>
      <c r="FY37" s="298">
        <v>0</v>
      </c>
      <c r="FZ37" s="296">
        <v>7116</v>
      </c>
      <c r="GA37" s="296">
        <v>0</v>
      </c>
      <c r="GB37" s="296">
        <v>11136</v>
      </c>
      <c r="GC37" s="296">
        <v>11640</v>
      </c>
      <c r="GD37" s="296">
        <v>0</v>
      </c>
      <c r="GE37" s="299">
        <v>29892</v>
      </c>
      <c r="GF37" s="300">
        <v>29892</v>
      </c>
      <c r="GG37" s="295">
        <v>0</v>
      </c>
      <c r="GH37" s="296">
        <v>0</v>
      </c>
      <c r="GI37" s="297">
        <v>0</v>
      </c>
      <c r="GJ37" s="298">
        <v>0</v>
      </c>
      <c r="GK37" s="296">
        <v>0</v>
      </c>
      <c r="GL37" s="296">
        <v>0</v>
      </c>
      <c r="GM37" s="296">
        <v>0</v>
      </c>
      <c r="GN37" s="296">
        <v>56</v>
      </c>
      <c r="GO37" s="296">
        <v>0</v>
      </c>
      <c r="GP37" s="299">
        <v>56</v>
      </c>
      <c r="GQ37" s="300">
        <v>56</v>
      </c>
      <c r="GR37" s="295">
        <v>0</v>
      </c>
      <c r="GS37" s="296">
        <v>0</v>
      </c>
      <c r="GT37" s="297">
        <v>0</v>
      </c>
      <c r="GU37" s="298">
        <v>0</v>
      </c>
      <c r="GV37" s="296">
        <v>0</v>
      </c>
      <c r="GW37" s="296">
        <v>0</v>
      </c>
      <c r="GX37" s="296">
        <v>0</v>
      </c>
      <c r="GY37" s="296">
        <v>0</v>
      </c>
      <c r="GZ37" s="296">
        <v>0</v>
      </c>
      <c r="HA37" s="299">
        <v>0</v>
      </c>
      <c r="HB37" s="300">
        <v>0</v>
      </c>
      <c r="HC37" s="295">
        <v>0</v>
      </c>
      <c r="HD37" s="296">
        <v>0</v>
      </c>
      <c r="HE37" s="297">
        <v>0</v>
      </c>
      <c r="HF37" s="301"/>
      <c r="HG37" s="296">
        <v>0</v>
      </c>
      <c r="HH37" s="296">
        <v>0</v>
      </c>
      <c r="HI37" s="296">
        <v>0</v>
      </c>
      <c r="HJ37" s="296">
        <v>0</v>
      </c>
      <c r="HK37" s="296">
        <v>0</v>
      </c>
      <c r="HL37" s="299">
        <v>0</v>
      </c>
      <c r="HM37" s="300">
        <v>0</v>
      </c>
      <c r="HN37" s="295">
        <v>0</v>
      </c>
      <c r="HO37" s="296">
        <v>0</v>
      </c>
      <c r="HP37" s="297">
        <v>0</v>
      </c>
      <c r="HQ37" s="298">
        <v>0</v>
      </c>
      <c r="HR37" s="296">
        <v>88384</v>
      </c>
      <c r="HS37" s="296">
        <v>111958</v>
      </c>
      <c r="HT37" s="296">
        <v>251606</v>
      </c>
      <c r="HU37" s="296">
        <v>571955</v>
      </c>
      <c r="HV37" s="296">
        <v>403932</v>
      </c>
      <c r="HW37" s="299">
        <v>1427835</v>
      </c>
      <c r="HX37" s="300">
        <v>1427835</v>
      </c>
    </row>
    <row r="38" spans="1:232" ht="16.5" customHeight="1" x14ac:dyDescent="0.2">
      <c r="A38" s="293" t="s">
        <v>35</v>
      </c>
      <c r="B38" s="295">
        <v>0</v>
      </c>
      <c r="C38" s="296">
        <v>0</v>
      </c>
      <c r="D38" s="297">
        <v>0</v>
      </c>
      <c r="E38" s="298">
        <v>0</v>
      </c>
      <c r="F38" s="296">
        <v>335890</v>
      </c>
      <c r="G38" s="296">
        <v>420850</v>
      </c>
      <c r="H38" s="296">
        <v>686115</v>
      </c>
      <c r="I38" s="296">
        <v>811162</v>
      </c>
      <c r="J38" s="296">
        <v>526210</v>
      </c>
      <c r="K38" s="299">
        <v>2780227</v>
      </c>
      <c r="L38" s="300">
        <v>2780227</v>
      </c>
      <c r="M38" s="295">
        <v>0</v>
      </c>
      <c r="N38" s="296">
        <v>0</v>
      </c>
      <c r="O38" s="297">
        <v>0</v>
      </c>
      <c r="P38" s="301"/>
      <c r="Q38" s="296">
        <v>24180</v>
      </c>
      <c r="R38" s="296">
        <v>34410</v>
      </c>
      <c r="S38" s="296">
        <v>327395</v>
      </c>
      <c r="T38" s="296">
        <v>455480</v>
      </c>
      <c r="U38" s="296">
        <v>307365</v>
      </c>
      <c r="V38" s="299">
        <v>1148830</v>
      </c>
      <c r="W38" s="300">
        <v>1148830</v>
      </c>
      <c r="X38" s="295">
        <v>0</v>
      </c>
      <c r="Y38" s="296">
        <v>0</v>
      </c>
      <c r="Z38" s="297">
        <v>0</v>
      </c>
      <c r="AA38" s="301"/>
      <c r="AB38" s="296">
        <v>219910</v>
      </c>
      <c r="AC38" s="296">
        <v>367660</v>
      </c>
      <c r="AD38" s="296">
        <v>214990</v>
      </c>
      <c r="AE38" s="296">
        <v>221870</v>
      </c>
      <c r="AF38" s="296">
        <v>8055</v>
      </c>
      <c r="AG38" s="299">
        <v>1032485</v>
      </c>
      <c r="AH38" s="300">
        <v>1032485</v>
      </c>
      <c r="AI38" s="295">
        <v>0</v>
      </c>
      <c r="AJ38" s="296">
        <v>0</v>
      </c>
      <c r="AK38" s="297">
        <v>0</v>
      </c>
      <c r="AL38" s="301"/>
      <c r="AM38" s="296">
        <v>0</v>
      </c>
      <c r="AN38" s="296">
        <v>0</v>
      </c>
      <c r="AO38" s="296">
        <v>0</v>
      </c>
      <c r="AP38" s="296">
        <v>0</v>
      </c>
      <c r="AQ38" s="296">
        <v>0</v>
      </c>
      <c r="AR38" s="299">
        <v>0</v>
      </c>
      <c r="AS38" s="300">
        <v>0</v>
      </c>
      <c r="AT38" s="295">
        <v>0</v>
      </c>
      <c r="AU38" s="296">
        <v>0</v>
      </c>
      <c r="AV38" s="297">
        <v>0</v>
      </c>
      <c r="AW38" s="301"/>
      <c r="AX38" s="296">
        <v>73470</v>
      </c>
      <c r="AY38" s="296">
        <v>0</v>
      </c>
      <c r="AZ38" s="296">
        <v>73625</v>
      </c>
      <c r="BA38" s="296">
        <v>95635</v>
      </c>
      <c r="BB38" s="296">
        <v>206590</v>
      </c>
      <c r="BC38" s="299">
        <v>449320</v>
      </c>
      <c r="BD38" s="300">
        <v>449320</v>
      </c>
      <c r="BE38" s="295">
        <v>0</v>
      </c>
      <c r="BF38" s="296">
        <v>0</v>
      </c>
      <c r="BG38" s="297">
        <v>0</v>
      </c>
      <c r="BH38" s="301"/>
      <c r="BI38" s="296">
        <v>0</v>
      </c>
      <c r="BJ38" s="296">
        <v>0</v>
      </c>
      <c r="BK38" s="296">
        <v>0</v>
      </c>
      <c r="BL38" s="296">
        <v>0</v>
      </c>
      <c r="BM38" s="296">
        <v>0</v>
      </c>
      <c r="BN38" s="299">
        <v>0</v>
      </c>
      <c r="BO38" s="300">
        <v>0</v>
      </c>
      <c r="BP38" s="295">
        <v>0</v>
      </c>
      <c r="BQ38" s="296">
        <v>0</v>
      </c>
      <c r="BR38" s="297">
        <v>0</v>
      </c>
      <c r="BS38" s="298">
        <v>0</v>
      </c>
      <c r="BT38" s="296">
        <v>18330</v>
      </c>
      <c r="BU38" s="296">
        <v>18780</v>
      </c>
      <c r="BV38" s="296">
        <v>70105</v>
      </c>
      <c r="BW38" s="296">
        <v>38177</v>
      </c>
      <c r="BX38" s="296">
        <v>4200</v>
      </c>
      <c r="BY38" s="299">
        <v>149592</v>
      </c>
      <c r="BZ38" s="300">
        <v>149592</v>
      </c>
      <c r="CA38" s="295">
        <v>0</v>
      </c>
      <c r="CB38" s="296">
        <v>0</v>
      </c>
      <c r="CC38" s="297">
        <v>0</v>
      </c>
      <c r="CD38" s="298">
        <v>0</v>
      </c>
      <c r="CE38" s="296">
        <v>0</v>
      </c>
      <c r="CF38" s="296">
        <v>0</v>
      </c>
      <c r="CG38" s="296">
        <v>0</v>
      </c>
      <c r="CH38" s="296">
        <v>0</v>
      </c>
      <c r="CI38" s="296">
        <v>0</v>
      </c>
      <c r="CJ38" s="299">
        <v>0</v>
      </c>
      <c r="CK38" s="300">
        <v>0</v>
      </c>
      <c r="CL38" s="295">
        <v>0</v>
      </c>
      <c r="CM38" s="296">
        <v>0</v>
      </c>
      <c r="CN38" s="297">
        <v>0</v>
      </c>
      <c r="CO38" s="298">
        <v>0</v>
      </c>
      <c r="CP38" s="296">
        <v>0</v>
      </c>
      <c r="CQ38" s="296">
        <v>0</v>
      </c>
      <c r="CR38" s="296">
        <v>0</v>
      </c>
      <c r="CS38" s="296">
        <v>0</v>
      </c>
      <c r="CT38" s="296">
        <v>0</v>
      </c>
      <c r="CU38" s="299">
        <v>0</v>
      </c>
      <c r="CV38" s="300">
        <v>0</v>
      </c>
      <c r="CW38" s="295">
        <v>0</v>
      </c>
      <c r="CX38" s="296">
        <v>0</v>
      </c>
      <c r="CY38" s="297">
        <v>0</v>
      </c>
      <c r="CZ38" s="301"/>
      <c r="DA38" s="296">
        <v>0</v>
      </c>
      <c r="DB38" s="296">
        <v>0</v>
      </c>
      <c r="DC38" s="296">
        <v>0</v>
      </c>
      <c r="DD38" s="296">
        <v>0</v>
      </c>
      <c r="DE38" s="296">
        <v>0</v>
      </c>
      <c r="DF38" s="299">
        <v>0</v>
      </c>
      <c r="DG38" s="300">
        <v>0</v>
      </c>
      <c r="DH38" s="295">
        <v>0</v>
      </c>
      <c r="DI38" s="296">
        <v>0</v>
      </c>
      <c r="DJ38" s="297">
        <v>0</v>
      </c>
      <c r="DK38" s="298">
        <v>0</v>
      </c>
      <c r="DL38" s="296">
        <v>73872</v>
      </c>
      <c r="DM38" s="296">
        <v>141001</v>
      </c>
      <c r="DN38" s="296">
        <v>545959</v>
      </c>
      <c r="DO38" s="296">
        <v>524394</v>
      </c>
      <c r="DP38" s="296">
        <v>364615</v>
      </c>
      <c r="DQ38" s="299">
        <v>1649841</v>
      </c>
      <c r="DR38" s="302">
        <v>1649841</v>
      </c>
      <c r="DS38" s="295">
        <v>0</v>
      </c>
      <c r="DT38" s="296">
        <v>0</v>
      </c>
      <c r="DU38" s="297">
        <v>0</v>
      </c>
      <c r="DV38" s="301"/>
      <c r="DW38" s="296">
        <v>15035</v>
      </c>
      <c r="DX38" s="296">
        <v>30070</v>
      </c>
      <c r="DY38" s="296">
        <v>446296</v>
      </c>
      <c r="DZ38" s="296">
        <v>435357</v>
      </c>
      <c r="EA38" s="296">
        <v>294527</v>
      </c>
      <c r="EB38" s="299">
        <v>1221285</v>
      </c>
      <c r="EC38" s="300">
        <v>1221285</v>
      </c>
      <c r="ED38" s="295">
        <v>0</v>
      </c>
      <c r="EE38" s="296">
        <v>0</v>
      </c>
      <c r="EF38" s="297">
        <v>0</v>
      </c>
      <c r="EG38" s="301"/>
      <c r="EH38" s="296">
        <v>24269</v>
      </c>
      <c r="EI38" s="296">
        <v>62124</v>
      </c>
      <c r="EJ38" s="296">
        <v>13206</v>
      </c>
      <c r="EK38" s="296">
        <v>1687</v>
      </c>
      <c r="EL38" s="296">
        <v>56</v>
      </c>
      <c r="EM38" s="299">
        <v>101342</v>
      </c>
      <c r="EN38" s="300">
        <v>101342</v>
      </c>
      <c r="EO38" s="295">
        <v>0</v>
      </c>
      <c r="EP38" s="296">
        <v>0</v>
      </c>
      <c r="EQ38" s="297">
        <v>0</v>
      </c>
      <c r="ER38" s="301"/>
      <c r="ES38" s="296">
        <v>0</v>
      </c>
      <c r="ET38" s="296">
        <v>0</v>
      </c>
      <c r="EU38" s="296">
        <v>0</v>
      </c>
      <c r="EV38" s="296">
        <v>0</v>
      </c>
      <c r="EW38" s="296">
        <v>0</v>
      </c>
      <c r="EX38" s="299">
        <v>0</v>
      </c>
      <c r="EY38" s="300">
        <v>0</v>
      </c>
      <c r="EZ38" s="295">
        <v>0</v>
      </c>
      <c r="FA38" s="296">
        <v>0</v>
      </c>
      <c r="FB38" s="297">
        <v>0</v>
      </c>
      <c r="FC38" s="301"/>
      <c r="FD38" s="296">
        <v>12338</v>
      </c>
      <c r="FE38" s="296">
        <v>0</v>
      </c>
      <c r="FF38" s="296">
        <v>23591</v>
      </c>
      <c r="FG38" s="296">
        <v>23591</v>
      </c>
      <c r="FH38" s="296">
        <v>58172</v>
      </c>
      <c r="FI38" s="299">
        <v>117692</v>
      </c>
      <c r="FJ38" s="300">
        <v>117692</v>
      </c>
      <c r="FK38" s="295">
        <v>0</v>
      </c>
      <c r="FL38" s="296">
        <v>0</v>
      </c>
      <c r="FM38" s="297">
        <v>0</v>
      </c>
      <c r="FN38" s="301"/>
      <c r="FO38" s="296">
        <v>0</v>
      </c>
      <c r="FP38" s="296">
        <v>0</v>
      </c>
      <c r="FQ38" s="296">
        <v>0</v>
      </c>
      <c r="FR38" s="296">
        <v>0</v>
      </c>
      <c r="FS38" s="296">
        <v>0</v>
      </c>
      <c r="FT38" s="299">
        <v>0</v>
      </c>
      <c r="FU38" s="300">
        <v>0</v>
      </c>
      <c r="FV38" s="295">
        <v>0</v>
      </c>
      <c r="FW38" s="296">
        <v>0</v>
      </c>
      <c r="FX38" s="297">
        <v>0</v>
      </c>
      <c r="FY38" s="298">
        <v>0</v>
      </c>
      <c r="FZ38" s="296">
        <v>22230</v>
      </c>
      <c r="GA38" s="296">
        <v>48807</v>
      </c>
      <c r="GB38" s="296">
        <v>62866</v>
      </c>
      <c r="GC38" s="296">
        <v>63759</v>
      </c>
      <c r="GD38" s="296">
        <v>11860</v>
      </c>
      <c r="GE38" s="299">
        <v>209522</v>
      </c>
      <c r="GF38" s="300">
        <v>209522</v>
      </c>
      <c r="GG38" s="295">
        <v>0</v>
      </c>
      <c r="GH38" s="296">
        <v>0</v>
      </c>
      <c r="GI38" s="297">
        <v>0</v>
      </c>
      <c r="GJ38" s="298">
        <v>0</v>
      </c>
      <c r="GK38" s="296">
        <v>0</v>
      </c>
      <c r="GL38" s="296">
        <v>0</v>
      </c>
      <c r="GM38" s="296">
        <v>0</v>
      </c>
      <c r="GN38" s="296">
        <v>0</v>
      </c>
      <c r="GO38" s="296">
        <v>0</v>
      </c>
      <c r="GP38" s="299">
        <v>0</v>
      </c>
      <c r="GQ38" s="300">
        <v>0</v>
      </c>
      <c r="GR38" s="295">
        <v>0</v>
      </c>
      <c r="GS38" s="296">
        <v>0</v>
      </c>
      <c r="GT38" s="297">
        <v>0</v>
      </c>
      <c r="GU38" s="298">
        <v>0</v>
      </c>
      <c r="GV38" s="296">
        <v>0</v>
      </c>
      <c r="GW38" s="296">
        <v>0</v>
      </c>
      <c r="GX38" s="296">
        <v>0</v>
      </c>
      <c r="GY38" s="296">
        <v>0</v>
      </c>
      <c r="GZ38" s="296">
        <v>0</v>
      </c>
      <c r="HA38" s="299">
        <v>0</v>
      </c>
      <c r="HB38" s="300">
        <v>0</v>
      </c>
      <c r="HC38" s="295">
        <v>0</v>
      </c>
      <c r="HD38" s="296">
        <v>0</v>
      </c>
      <c r="HE38" s="297">
        <v>0</v>
      </c>
      <c r="HF38" s="301"/>
      <c r="HG38" s="296">
        <v>0</v>
      </c>
      <c r="HH38" s="296">
        <v>0</v>
      </c>
      <c r="HI38" s="296">
        <v>0</v>
      </c>
      <c r="HJ38" s="296">
        <v>0</v>
      </c>
      <c r="HK38" s="296">
        <v>0</v>
      </c>
      <c r="HL38" s="299">
        <v>0</v>
      </c>
      <c r="HM38" s="300">
        <v>0</v>
      </c>
      <c r="HN38" s="295">
        <v>0</v>
      </c>
      <c r="HO38" s="296">
        <v>0</v>
      </c>
      <c r="HP38" s="297">
        <v>0</v>
      </c>
      <c r="HQ38" s="298">
        <v>0</v>
      </c>
      <c r="HR38" s="296">
        <v>409762</v>
      </c>
      <c r="HS38" s="296">
        <v>561851</v>
      </c>
      <c r="HT38" s="296">
        <v>1232074</v>
      </c>
      <c r="HU38" s="296">
        <v>1335556</v>
      </c>
      <c r="HV38" s="296">
        <v>890825</v>
      </c>
      <c r="HW38" s="299">
        <v>4430068</v>
      </c>
      <c r="HX38" s="300">
        <v>4430068</v>
      </c>
    </row>
    <row r="39" spans="1:232" ht="16.5" customHeight="1" x14ac:dyDescent="0.2">
      <c r="A39" s="293" t="s">
        <v>36</v>
      </c>
      <c r="B39" s="295">
        <v>0</v>
      </c>
      <c r="C39" s="296">
        <v>0</v>
      </c>
      <c r="D39" s="297">
        <v>0</v>
      </c>
      <c r="E39" s="298">
        <v>0</v>
      </c>
      <c r="F39" s="296">
        <v>262452</v>
      </c>
      <c r="G39" s="296">
        <v>386905</v>
      </c>
      <c r="H39" s="296">
        <v>948715</v>
      </c>
      <c r="I39" s="296">
        <v>810087</v>
      </c>
      <c r="J39" s="296">
        <v>781442</v>
      </c>
      <c r="K39" s="299">
        <v>3189601</v>
      </c>
      <c r="L39" s="300">
        <v>3189601</v>
      </c>
      <c r="M39" s="295">
        <v>0</v>
      </c>
      <c r="N39" s="296">
        <v>0</v>
      </c>
      <c r="O39" s="297">
        <v>0</v>
      </c>
      <c r="P39" s="301"/>
      <c r="Q39" s="296">
        <v>0</v>
      </c>
      <c r="R39" s="296">
        <v>32705</v>
      </c>
      <c r="S39" s="296">
        <v>627365</v>
      </c>
      <c r="T39" s="296">
        <v>585970</v>
      </c>
      <c r="U39" s="296">
        <v>546070</v>
      </c>
      <c r="V39" s="299">
        <v>1792110</v>
      </c>
      <c r="W39" s="300">
        <v>1792110</v>
      </c>
      <c r="X39" s="295">
        <v>0</v>
      </c>
      <c r="Y39" s="296">
        <v>0</v>
      </c>
      <c r="Z39" s="297">
        <v>0</v>
      </c>
      <c r="AA39" s="301"/>
      <c r="AB39" s="296">
        <v>237277</v>
      </c>
      <c r="AC39" s="296">
        <v>256160</v>
      </c>
      <c r="AD39" s="296">
        <v>306520</v>
      </c>
      <c r="AE39" s="296">
        <v>191487</v>
      </c>
      <c r="AF39" s="296">
        <v>211162</v>
      </c>
      <c r="AG39" s="299">
        <v>1202606</v>
      </c>
      <c r="AH39" s="300">
        <v>1202606</v>
      </c>
      <c r="AI39" s="295">
        <v>0</v>
      </c>
      <c r="AJ39" s="296">
        <v>0</v>
      </c>
      <c r="AK39" s="297">
        <v>0</v>
      </c>
      <c r="AL39" s="301"/>
      <c r="AM39" s="296">
        <v>0</v>
      </c>
      <c r="AN39" s="296">
        <v>0</v>
      </c>
      <c r="AO39" s="296">
        <v>0</v>
      </c>
      <c r="AP39" s="296">
        <v>0</v>
      </c>
      <c r="AQ39" s="296">
        <v>0</v>
      </c>
      <c r="AR39" s="299">
        <v>0</v>
      </c>
      <c r="AS39" s="300">
        <v>0</v>
      </c>
      <c r="AT39" s="295">
        <v>0</v>
      </c>
      <c r="AU39" s="296">
        <v>0</v>
      </c>
      <c r="AV39" s="297">
        <v>0</v>
      </c>
      <c r="AW39" s="301"/>
      <c r="AX39" s="296">
        <v>0</v>
      </c>
      <c r="AY39" s="296">
        <v>0</v>
      </c>
      <c r="AZ39" s="296">
        <v>0</v>
      </c>
      <c r="BA39" s="296">
        <v>29915</v>
      </c>
      <c r="BB39" s="296">
        <v>0</v>
      </c>
      <c r="BC39" s="299">
        <v>29915</v>
      </c>
      <c r="BD39" s="300">
        <v>29915</v>
      </c>
      <c r="BE39" s="295">
        <v>0</v>
      </c>
      <c r="BF39" s="296">
        <v>0</v>
      </c>
      <c r="BG39" s="297">
        <v>0</v>
      </c>
      <c r="BH39" s="301"/>
      <c r="BI39" s="296">
        <v>0</v>
      </c>
      <c r="BJ39" s="296">
        <v>0</v>
      </c>
      <c r="BK39" s="296">
        <v>0</v>
      </c>
      <c r="BL39" s="296">
        <v>0</v>
      </c>
      <c r="BM39" s="296">
        <v>0</v>
      </c>
      <c r="BN39" s="299">
        <v>0</v>
      </c>
      <c r="BO39" s="300">
        <v>0</v>
      </c>
      <c r="BP39" s="295">
        <v>0</v>
      </c>
      <c r="BQ39" s="296">
        <v>0</v>
      </c>
      <c r="BR39" s="297">
        <v>0</v>
      </c>
      <c r="BS39" s="298">
        <v>0</v>
      </c>
      <c r="BT39" s="296">
        <v>25175</v>
      </c>
      <c r="BU39" s="296">
        <v>98040</v>
      </c>
      <c r="BV39" s="296">
        <v>14830</v>
      </c>
      <c r="BW39" s="296">
        <v>2715</v>
      </c>
      <c r="BX39" s="296">
        <v>24210</v>
      </c>
      <c r="BY39" s="299">
        <v>164970</v>
      </c>
      <c r="BZ39" s="300">
        <v>164970</v>
      </c>
      <c r="CA39" s="295">
        <v>0</v>
      </c>
      <c r="CB39" s="296">
        <v>0</v>
      </c>
      <c r="CC39" s="297">
        <v>0</v>
      </c>
      <c r="CD39" s="298">
        <v>0</v>
      </c>
      <c r="CE39" s="296">
        <v>0</v>
      </c>
      <c r="CF39" s="296">
        <v>0</v>
      </c>
      <c r="CG39" s="296">
        <v>0</v>
      </c>
      <c r="CH39" s="296">
        <v>0</v>
      </c>
      <c r="CI39" s="296">
        <v>0</v>
      </c>
      <c r="CJ39" s="299">
        <v>0</v>
      </c>
      <c r="CK39" s="300">
        <v>0</v>
      </c>
      <c r="CL39" s="295">
        <v>0</v>
      </c>
      <c r="CM39" s="296">
        <v>0</v>
      </c>
      <c r="CN39" s="297">
        <v>0</v>
      </c>
      <c r="CO39" s="298">
        <v>0</v>
      </c>
      <c r="CP39" s="296">
        <v>0</v>
      </c>
      <c r="CQ39" s="296">
        <v>0</v>
      </c>
      <c r="CR39" s="296">
        <v>0</v>
      </c>
      <c r="CS39" s="296">
        <v>0</v>
      </c>
      <c r="CT39" s="296">
        <v>0</v>
      </c>
      <c r="CU39" s="299">
        <v>0</v>
      </c>
      <c r="CV39" s="300">
        <v>0</v>
      </c>
      <c r="CW39" s="295">
        <v>0</v>
      </c>
      <c r="CX39" s="296">
        <v>0</v>
      </c>
      <c r="CY39" s="297">
        <v>0</v>
      </c>
      <c r="CZ39" s="301"/>
      <c r="DA39" s="296">
        <v>0</v>
      </c>
      <c r="DB39" s="296">
        <v>0</v>
      </c>
      <c r="DC39" s="296">
        <v>0</v>
      </c>
      <c r="DD39" s="296">
        <v>0</v>
      </c>
      <c r="DE39" s="296">
        <v>0</v>
      </c>
      <c r="DF39" s="299">
        <v>0</v>
      </c>
      <c r="DG39" s="300">
        <v>0</v>
      </c>
      <c r="DH39" s="295">
        <v>0</v>
      </c>
      <c r="DI39" s="296">
        <v>0</v>
      </c>
      <c r="DJ39" s="297">
        <v>0</v>
      </c>
      <c r="DK39" s="298">
        <v>0</v>
      </c>
      <c r="DL39" s="296">
        <v>38570</v>
      </c>
      <c r="DM39" s="296">
        <v>135324</v>
      </c>
      <c r="DN39" s="296">
        <v>695286</v>
      </c>
      <c r="DO39" s="296">
        <v>847534</v>
      </c>
      <c r="DP39" s="296">
        <v>812955</v>
      </c>
      <c r="DQ39" s="299">
        <v>2529669</v>
      </c>
      <c r="DR39" s="302">
        <v>2529669</v>
      </c>
      <c r="DS39" s="295">
        <v>0</v>
      </c>
      <c r="DT39" s="296">
        <v>0</v>
      </c>
      <c r="DU39" s="297">
        <v>0</v>
      </c>
      <c r="DV39" s="301"/>
      <c r="DW39" s="296">
        <v>0</v>
      </c>
      <c r="DX39" s="296">
        <v>15035</v>
      </c>
      <c r="DY39" s="296">
        <v>624723</v>
      </c>
      <c r="DZ39" s="296">
        <v>814071</v>
      </c>
      <c r="EA39" s="296">
        <v>791821</v>
      </c>
      <c r="EB39" s="299">
        <v>2245650</v>
      </c>
      <c r="EC39" s="300">
        <v>2245650</v>
      </c>
      <c r="ED39" s="295">
        <v>0</v>
      </c>
      <c r="EE39" s="296">
        <v>0</v>
      </c>
      <c r="EF39" s="297">
        <v>0</v>
      </c>
      <c r="EG39" s="301"/>
      <c r="EH39" s="296">
        <v>13990</v>
      </c>
      <c r="EI39" s="296">
        <v>25761</v>
      </c>
      <c r="EJ39" s="296">
        <v>4830</v>
      </c>
      <c r="EK39" s="296">
        <v>24397</v>
      </c>
      <c r="EL39" s="296">
        <v>2324</v>
      </c>
      <c r="EM39" s="299">
        <v>71302</v>
      </c>
      <c r="EN39" s="300">
        <v>71302</v>
      </c>
      <c r="EO39" s="295">
        <v>0</v>
      </c>
      <c r="EP39" s="296">
        <v>0</v>
      </c>
      <c r="EQ39" s="297">
        <v>0</v>
      </c>
      <c r="ER39" s="301"/>
      <c r="ES39" s="296">
        <v>0</v>
      </c>
      <c r="ET39" s="296">
        <v>0</v>
      </c>
      <c r="EU39" s="296">
        <v>0</v>
      </c>
      <c r="EV39" s="296">
        <v>0</v>
      </c>
      <c r="EW39" s="296">
        <v>0</v>
      </c>
      <c r="EX39" s="299">
        <v>0</v>
      </c>
      <c r="EY39" s="300">
        <v>0</v>
      </c>
      <c r="EZ39" s="295">
        <v>0</v>
      </c>
      <c r="FA39" s="296">
        <v>0</v>
      </c>
      <c r="FB39" s="297">
        <v>0</v>
      </c>
      <c r="FC39" s="301"/>
      <c r="FD39" s="296">
        <v>0</v>
      </c>
      <c r="FE39" s="296">
        <v>0</v>
      </c>
      <c r="FF39" s="296">
        <v>0</v>
      </c>
      <c r="FG39" s="296">
        <v>651</v>
      </c>
      <c r="FH39" s="296">
        <v>0</v>
      </c>
      <c r="FI39" s="299">
        <v>651</v>
      </c>
      <c r="FJ39" s="300">
        <v>651</v>
      </c>
      <c r="FK39" s="295">
        <v>0</v>
      </c>
      <c r="FL39" s="296">
        <v>0</v>
      </c>
      <c r="FM39" s="297">
        <v>0</v>
      </c>
      <c r="FN39" s="301"/>
      <c r="FO39" s="296">
        <v>0</v>
      </c>
      <c r="FP39" s="296">
        <v>0</v>
      </c>
      <c r="FQ39" s="296">
        <v>0</v>
      </c>
      <c r="FR39" s="296">
        <v>0</v>
      </c>
      <c r="FS39" s="296">
        <v>0</v>
      </c>
      <c r="FT39" s="299">
        <v>0</v>
      </c>
      <c r="FU39" s="300">
        <v>0</v>
      </c>
      <c r="FV39" s="295">
        <v>0</v>
      </c>
      <c r="FW39" s="296">
        <v>0</v>
      </c>
      <c r="FX39" s="297">
        <v>0</v>
      </c>
      <c r="FY39" s="298">
        <v>0</v>
      </c>
      <c r="FZ39" s="296">
        <v>24580</v>
      </c>
      <c r="GA39" s="296">
        <v>94528</v>
      </c>
      <c r="GB39" s="296">
        <v>65733</v>
      </c>
      <c r="GC39" s="296">
        <v>8415</v>
      </c>
      <c r="GD39" s="296">
        <v>18810</v>
      </c>
      <c r="GE39" s="299">
        <v>212066</v>
      </c>
      <c r="GF39" s="300">
        <v>212066</v>
      </c>
      <c r="GG39" s="295">
        <v>0</v>
      </c>
      <c r="GH39" s="296">
        <v>0</v>
      </c>
      <c r="GI39" s="297">
        <v>0</v>
      </c>
      <c r="GJ39" s="298">
        <v>0</v>
      </c>
      <c r="GK39" s="296">
        <v>0</v>
      </c>
      <c r="GL39" s="296">
        <v>0</v>
      </c>
      <c r="GM39" s="296">
        <v>0</v>
      </c>
      <c r="GN39" s="296">
        <v>0</v>
      </c>
      <c r="GO39" s="296">
        <v>0</v>
      </c>
      <c r="GP39" s="299">
        <v>0</v>
      </c>
      <c r="GQ39" s="300">
        <v>0</v>
      </c>
      <c r="GR39" s="295">
        <v>0</v>
      </c>
      <c r="GS39" s="296">
        <v>0</v>
      </c>
      <c r="GT39" s="297">
        <v>0</v>
      </c>
      <c r="GU39" s="298">
        <v>0</v>
      </c>
      <c r="GV39" s="296">
        <v>0</v>
      </c>
      <c r="GW39" s="296">
        <v>0</v>
      </c>
      <c r="GX39" s="296">
        <v>0</v>
      </c>
      <c r="GY39" s="296">
        <v>0</v>
      </c>
      <c r="GZ39" s="296">
        <v>0</v>
      </c>
      <c r="HA39" s="299">
        <v>0</v>
      </c>
      <c r="HB39" s="300">
        <v>0</v>
      </c>
      <c r="HC39" s="295">
        <v>0</v>
      </c>
      <c r="HD39" s="296">
        <v>0</v>
      </c>
      <c r="HE39" s="297">
        <v>0</v>
      </c>
      <c r="HF39" s="301"/>
      <c r="HG39" s="296">
        <v>0</v>
      </c>
      <c r="HH39" s="296">
        <v>0</v>
      </c>
      <c r="HI39" s="296">
        <v>0</v>
      </c>
      <c r="HJ39" s="296">
        <v>0</v>
      </c>
      <c r="HK39" s="296">
        <v>0</v>
      </c>
      <c r="HL39" s="299">
        <v>0</v>
      </c>
      <c r="HM39" s="300">
        <v>0</v>
      </c>
      <c r="HN39" s="295">
        <v>0</v>
      </c>
      <c r="HO39" s="296">
        <v>0</v>
      </c>
      <c r="HP39" s="297">
        <v>0</v>
      </c>
      <c r="HQ39" s="298">
        <v>0</v>
      </c>
      <c r="HR39" s="296">
        <v>301022</v>
      </c>
      <c r="HS39" s="296">
        <v>522229</v>
      </c>
      <c r="HT39" s="296">
        <v>1644001</v>
      </c>
      <c r="HU39" s="296">
        <v>1657621</v>
      </c>
      <c r="HV39" s="296">
        <v>1594397</v>
      </c>
      <c r="HW39" s="299">
        <v>5719270</v>
      </c>
      <c r="HX39" s="300">
        <v>5719270</v>
      </c>
    </row>
    <row r="40" spans="1:232" ht="16.5" customHeight="1" thickBot="1" x14ac:dyDescent="0.25">
      <c r="A40" s="294" t="s">
        <v>37</v>
      </c>
      <c r="B40" s="303">
        <v>0</v>
      </c>
      <c r="C40" s="304">
        <v>0</v>
      </c>
      <c r="D40" s="305">
        <v>0</v>
      </c>
      <c r="E40" s="306">
        <v>0</v>
      </c>
      <c r="F40" s="304">
        <v>0</v>
      </c>
      <c r="G40" s="304">
        <v>2890</v>
      </c>
      <c r="H40" s="304">
        <v>51565</v>
      </c>
      <c r="I40" s="304">
        <v>40270</v>
      </c>
      <c r="J40" s="304">
        <v>35340</v>
      </c>
      <c r="K40" s="307">
        <v>130065</v>
      </c>
      <c r="L40" s="308">
        <v>130065</v>
      </c>
      <c r="M40" s="303">
        <v>0</v>
      </c>
      <c r="N40" s="304">
        <v>0</v>
      </c>
      <c r="O40" s="305">
        <v>0</v>
      </c>
      <c r="P40" s="309"/>
      <c r="Q40" s="304">
        <v>0</v>
      </c>
      <c r="R40" s="304">
        <v>0</v>
      </c>
      <c r="S40" s="304">
        <v>40610</v>
      </c>
      <c r="T40" s="304">
        <v>37635</v>
      </c>
      <c r="U40" s="304">
        <v>35340</v>
      </c>
      <c r="V40" s="307">
        <v>113585</v>
      </c>
      <c r="W40" s="308">
        <v>113585</v>
      </c>
      <c r="X40" s="303">
        <v>0</v>
      </c>
      <c r="Y40" s="304">
        <v>0</v>
      </c>
      <c r="Z40" s="305">
        <v>0</v>
      </c>
      <c r="AA40" s="309"/>
      <c r="AB40" s="304">
        <v>0</v>
      </c>
      <c r="AC40" s="304">
        <v>2635</v>
      </c>
      <c r="AD40" s="304">
        <v>2635</v>
      </c>
      <c r="AE40" s="304">
        <v>2635</v>
      </c>
      <c r="AF40" s="304">
        <v>0</v>
      </c>
      <c r="AG40" s="307">
        <v>7905</v>
      </c>
      <c r="AH40" s="308">
        <v>7905</v>
      </c>
      <c r="AI40" s="303">
        <v>0</v>
      </c>
      <c r="AJ40" s="304">
        <v>0</v>
      </c>
      <c r="AK40" s="305">
        <v>0</v>
      </c>
      <c r="AL40" s="309"/>
      <c r="AM40" s="304">
        <v>0</v>
      </c>
      <c r="AN40" s="304">
        <v>0</v>
      </c>
      <c r="AO40" s="304">
        <v>0</v>
      </c>
      <c r="AP40" s="304">
        <v>0</v>
      </c>
      <c r="AQ40" s="304">
        <v>0</v>
      </c>
      <c r="AR40" s="307">
        <v>0</v>
      </c>
      <c r="AS40" s="308">
        <v>0</v>
      </c>
      <c r="AT40" s="303">
        <v>0</v>
      </c>
      <c r="AU40" s="304">
        <v>0</v>
      </c>
      <c r="AV40" s="305">
        <v>0</v>
      </c>
      <c r="AW40" s="309"/>
      <c r="AX40" s="304">
        <v>0</v>
      </c>
      <c r="AY40" s="304">
        <v>0</v>
      </c>
      <c r="AZ40" s="304">
        <v>0</v>
      </c>
      <c r="BA40" s="304">
        <v>0</v>
      </c>
      <c r="BB40" s="304">
        <v>0</v>
      </c>
      <c r="BC40" s="307">
        <v>0</v>
      </c>
      <c r="BD40" s="308">
        <v>0</v>
      </c>
      <c r="BE40" s="303">
        <v>0</v>
      </c>
      <c r="BF40" s="304">
        <v>0</v>
      </c>
      <c r="BG40" s="305">
        <v>0</v>
      </c>
      <c r="BH40" s="309"/>
      <c r="BI40" s="304">
        <v>0</v>
      </c>
      <c r="BJ40" s="304">
        <v>0</v>
      </c>
      <c r="BK40" s="304">
        <v>0</v>
      </c>
      <c r="BL40" s="304">
        <v>0</v>
      </c>
      <c r="BM40" s="304">
        <v>0</v>
      </c>
      <c r="BN40" s="307">
        <v>0</v>
      </c>
      <c r="BO40" s="308">
        <v>0</v>
      </c>
      <c r="BP40" s="303">
        <v>0</v>
      </c>
      <c r="BQ40" s="304">
        <v>0</v>
      </c>
      <c r="BR40" s="305">
        <v>0</v>
      </c>
      <c r="BS40" s="306">
        <v>0</v>
      </c>
      <c r="BT40" s="304">
        <v>0</v>
      </c>
      <c r="BU40" s="304">
        <v>255</v>
      </c>
      <c r="BV40" s="304">
        <v>2535</v>
      </c>
      <c r="BW40" s="304">
        <v>0</v>
      </c>
      <c r="BX40" s="304">
        <v>0</v>
      </c>
      <c r="BY40" s="307">
        <v>2790</v>
      </c>
      <c r="BZ40" s="308">
        <v>2790</v>
      </c>
      <c r="CA40" s="303">
        <v>0</v>
      </c>
      <c r="CB40" s="304">
        <v>0</v>
      </c>
      <c r="CC40" s="305">
        <v>0</v>
      </c>
      <c r="CD40" s="306">
        <v>0</v>
      </c>
      <c r="CE40" s="304">
        <v>0</v>
      </c>
      <c r="CF40" s="304">
        <v>0</v>
      </c>
      <c r="CG40" s="304">
        <v>5785</v>
      </c>
      <c r="CH40" s="304">
        <v>0</v>
      </c>
      <c r="CI40" s="304">
        <v>0</v>
      </c>
      <c r="CJ40" s="307">
        <v>5785</v>
      </c>
      <c r="CK40" s="308">
        <v>5785</v>
      </c>
      <c r="CL40" s="303">
        <v>0</v>
      </c>
      <c r="CM40" s="304">
        <v>0</v>
      </c>
      <c r="CN40" s="305">
        <v>0</v>
      </c>
      <c r="CO40" s="306">
        <v>0</v>
      </c>
      <c r="CP40" s="304">
        <v>0</v>
      </c>
      <c r="CQ40" s="304">
        <v>0</v>
      </c>
      <c r="CR40" s="304">
        <v>0</v>
      </c>
      <c r="CS40" s="304">
        <v>0</v>
      </c>
      <c r="CT40" s="304">
        <v>0</v>
      </c>
      <c r="CU40" s="307">
        <v>0</v>
      </c>
      <c r="CV40" s="308">
        <v>0</v>
      </c>
      <c r="CW40" s="303">
        <v>0</v>
      </c>
      <c r="CX40" s="304">
        <v>0</v>
      </c>
      <c r="CY40" s="305">
        <v>0</v>
      </c>
      <c r="CZ40" s="309"/>
      <c r="DA40" s="304">
        <v>0</v>
      </c>
      <c r="DB40" s="304">
        <v>0</v>
      </c>
      <c r="DC40" s="304">
        <v>0</v>
      </c>
      <c r="DD40" s="304">
        <v>0</v>
      </c>
      <c r="DE40" s="304">
        <v>0</v>
      </c>
      <c r="DF40" s="307">
        <v>0</v>
      </c>
      <c r="DG40" s="308">
        <v>0</v>
      </c>
      <c r="DH40" s="303">
        <v>0</v>
      </c>
      <c r="DI40" s="304">
        <v>0</v>
      </c>
      <c r="DJ40" s="305">
        <v>0</v>
      </c>
      <c r="DK40" s="306">
        <v>0</v>
      </c>
      <c r="DL40" s="304">
        <v>0</v>
      </c>
      <c r="DM40" s="304">
        <v>1270</v>
      </c>
      <c r="DN40" s="304">
        <v>76925</v>
      </c>
      <c r="DO40" s="304">
        <v>65598</v>
      </c>
      <c r="DP40" s="304">
        <v>30070</v>
      </c>
      <c r="DQ40" s="307">
        <v>173863</v>
      </c>
      <c r="DR40" s="310">
        <v>173863</v>
      </c>
      <c r="DS40" s="303">
        <v>0</v>
      </c>
      <c r="DT40" s="304">
        <v>0</v>
      </c>
      <c r="DU40" s="305">
        <v>0</v>
      </c>
      <c r="DV40" s="309"/>
      <c r="DW40" s="304">
        <v>0</v>
      </c>
      <c r="DX40" s="304">
        <v>0</v>
      </c>
      <c r="DY40" s="304">
        <v>73222</v>
      </c>
      <c r="DZ40" s="304">
        <v>65381</v>
      </c>
      <c r="EA40" s="304">
        <v>30070</v>
      </c>
      <c r="EB40" s="307">
        <v>168673</v>
      </c>
      <c r="EC40" s="308">
        <v>168673</v>
      </c>
      <c r="ED40" s="303">
        <v>0</v>
      </c>
      <c r="EE40" s="304">
        <v>0</v>
      </c>
      <c r="EF40" s="305">
        <v>0</v>
      </c>
      <c r="EG40" s="309"/>
      <c r="EH40" s="304">
        <v>0</v>
      </c>
      <c r="EI40" s="304">
        <v>217</v>
      </c>
      <c r="EJ40" s="304">
        <v>217</v>
      </c>
      <c r="EK40" s="304">
        <v>217</v>
      </c>
      <c r="EL40" s="304">
        <v>0</v>
      </c>
      <c r="EM40" s="307">
        <v>651</v>
      </c>
      <c r="EN40" s="308">
        <v>651</v>
      </c>
      <c r="EO40" s="303">
        <v>0</v>
      </c>
      <c r="EP40" s="304">
        <v>0</v>
      </c>
      <c r="EQ40" s="305">
        <v>0</v>
      </c>
      <c r="ER40" s="309"/>
      <c r="ES40" s="304">
        <v>0</v>
      </c>
      <c r="ET40" s="304">
        <v>0</v>
      </c>
      <c r="EU40" s="304">
        <v>0</v>
      </c>
      <c r="EV40" s="304">
        <v>0</v>
      </c>
      <c r="EW40" s="304">
        <v>0</v>
      </c>
      <c r="EX40" s="307">
        <v>0</v>
      </c>
      <c r="EY40" s="308">
        <v>0</v>
      </c>
      <c r="EZ40" s="303">
        <v>0</v>
      </c>
      <c r="FA40" s="304">
        <v>0</v>
      </c>
      <c r="FB40" s="305">
        <v>0</v>
      </c>
      <c r="FC40" s="309"/>
      <c r="FD40" s="304">
        <v>0</v>
      </c>
      <c r="FE40" s="304">
        <v>0</v>
      </c>
      <c r="FF40" s="304">
        <v>0</v>
      </c>
      <c r="FG40" s="304">
        <v>0</v>
      </c>
      <c r="FH40" s="304">
        <v>0</v>
      </c>
      <c r="FI40" s="307">
        <v>0</v>
      </c>
      <c r="FJ40" s="308">
        <v>0</v>
      </c>
      <c r="FK40" s="303">
        <v>0</v>
      </c>
      <c r="FL40" s="304">
        <v>0</v>
      </c>
      <c r="FM40" s="305">
        <v>0</v>
      </c>
      <c r="FN40" s="309"/>
      <c r="FO40" s="304">
        <v>0</v>
      </c>
      <c r="FP40" s="304">
        <v>0</v>
      </c>
      <c r="FQ40" s="304">
        <v>0</v>
      </c>
      <c r="FR40" s="304">
        <v>0</v>
      </c>
      <c r="FS40" s="304">
        <v>0</v>
      </c>
      <c r="FT40" s="307">
        <v>0</v>
      </c>
      <c r="FU40" s="308">
        <v>0</v>
      </c>
      <c r="FV40" s="303">
        <v>0</v>
      </c>
      <c r="FW40" s="304">
        <v>0</v>
      </c>
      <c r="FX40" s="305">
        <v>0</v>
      </c>
      <c r="FY40" s="306">
        <v>0</v>
      </c>
      <c r="FZ40" s="304">
        <v>0</v>
      </c>
      <c r="GA40" s="304">
        <v>1053</v>
      </c>
      <c r="GB40" s="304">
        <v>3395</v>
      </c>
      <c r="GC40" s="304">
        <v>0</v>
      </c>
      <c r="GD40" s="304">
        <v>0</v>
      </c>
      <c r="GE40" s="307">
        <v>4448</v>
      </c>
      <c r="GF40" s="308">
        <v>4448</v>
      </c>
      <c r="GG40" s="303">
        <v>0</v>
      </c>
      <c r="GH40" s="304">
        <v>0</v>
      </c>
      <c r="GI40" s="305">
        <v>0</v>
      </c>
      <c r="GJ40" s="306">
        <v>0</v>
      </c>
      <c r="GK40" s="304">
        <v>0</v>
      </c>
      <c r="GL40" s="304">
        <v>0</v>
      </c>
      <c r="GM40" s="304">
        <v>91</v>
      </c>
      <c r="GN40" s="304">
        <v>0</v>
      </c>
      <c r="GO40" s="304">
        <v>0</v>
      </c>
      <c r="GP40" s="307">
        <v>91</v>
      </c>
      <c r="GQ40" s="308">
        <v>91</v>
      </c>
      <c r="GR40" s="303">
        <v>0</v>
      </c>
      <c r="GS40" s="304">
        <v>0</v>
      </c>
      <c r="GT40" s="305">
        <v>0</v>
      </c>
      <c r="GU40" s="306">
        <v>0</v>
      </c>
      <c r="GV40" s="304">
        <v>0</v>
      </c>
      <c r="GW40" s="304">
        <v>0</v>
      </c>
      <c r="GX40" s="304">
        <v>0</v>
      </c>
      <c r="GY40" s="304">
        <v>0</v>
      </c>
      <c r="GZ40" s="304">
        <v>0</v>
      </c>
      <c r="HA40" s="307">
        <v>0</v>
      </c>
      <c r="HB40" s="308">
        <v>0</v>
      </c>
      <c r="HC40" s="303">
        <v>0</v>
      </c>
      <c r="HD40" s="304">
        <v>0</v>
      </c>
      <c r="HE40" s="305">
        <v>0</v>
      </c>
      <c r="HF40" s="309"/>
      <c r="HG40" s="304">
        <v>0</v>
      </c>
      <c r="HH40" s="304">
        <v>0</v>
      </c>
      <c r="HI40" s="304">
        <v>0</v>
      </c>
      <c r="HJ40" s="304">
        <v>0</v>
      </c>
      <c r="HK40" s="304">
        <v>0</v>
      </c>
      <c r="HL40" s="307">
        <v>0</v>
      </c>
      <c r="HM40" s="308">
        <v>0</v>
      </c>
      <c r="HN40" s="303">
        <v>0</v>
      </c>
      <c r="HO40" s="304">
        <v>0</v>
      </c>
      <c r="HP40" s="305">
        <v>0</v>
      </c>
      <c r="HQ40" s="306">
        <v>0</v>
      </c>
      <c r="HR40" s="304">
        <v>0</v>
      </c>
      <c r="HS40" s="304">
        <v>4160</v>
      </c>
      <c r="HT40" s="304">
        <v>128490</v>
      </c>
      <c r="HU40" s="304">
        <v>105868</v>
      </c>
      <c r="HV40" s="304">
        <v>65410</v>
      </c>
      <c r="HW40" s="307">
        <v>303928</v>
      </c>
      <c r="HX40" s="308">
        <v>303928</v>
      </c>
    </row>
    <row r="41" spans="1:232" x14ac:dyDescent="0.2">
      <c r="A41" s="1" t="s">
        <v>84</v>
      </c>
    </row>
  </sheetData>
  <mergeCells count="88">
    <mergeCell ref="HX5:HX6"/>
    <mergeCell ref="GF5:GF6"/>
    <mergeCell ref="GG5:GI5"/>
    <mergeCell ref="GJ5:GP5"/>
    <mergeCell ref="GQ5:GQ6"/>
    <mergeCell ref="GR5:GT5"/>
    <mergeCell ref="GU5:HA5"/>
    <mergeCell ref="HC5:HE5"/>
    <mergeCell ref="HF5:HL5"/>
    <mergeCell ref="HM5:HM6"/>
    <mergeCell ref="FC5:FI5"/>
    <mergeCell ref="FJ5:FJ6"/>
    <mergeCell ref="HB5:HB6"/>
    <mergeCell ref="HN5:HP5"/>
    <mergeCell ref="HQ5:HW5"/>
    <mergeCell ref="CW5:CY5"/>
    <mergeCell ref="CZ5:DF5"/>
    <mergeCell ref="DG5:DG6"/>
    <mergeCell ref="FY5:GE5"/>
    <mergeCell ref="EC5:EC6"/>
    <mergeCell ref="ED5:EF5"/>
    <mergeCell ref="EG5:EM5"/>
    <mergeCell ref="EN5:EN6"/>
    <mergeCell ref="EO5:EQ5"/>
    <mergeCell ref="ER5:EX5"/>
    <mergeCell ref="EY5:EY6"/>
    <mergeCell ref="FK5:FM5"/>
    <mergeCell ref="FN5:FT5"/>
    <mergeCell ref="FU5:FU6"/>
    <mergeCell ref="FV5:FX5"/>
    <mergeCell ref="EZ5:FB5"/>
    <mergeCell ref="BP5:BR5"/>
    <mergeCell ref="AT5:AV5"/>
    <mergeCell ref="AW5:BC5"/>
    <mergeCell ref="BD5:BD6"/>
    <mergeCell ref="DV5:EB5"/>
    <mergeCell ref="BZ5:BZ6"/>
    <mergeCell ref="CA5:CC5"/>
    <mergeCell ref="CD5:CJ5"/>
    <mergeCell ref="CK5:CK6"/>
    <mergeCell ref="CL5:CN5"/>
    <mergeCell ref="CO5:CU5"/>
    <mergeCell ref="CV5:CV6"/>
    <mergeCell ref="DH5:DJ5"/>
    <mergeCell ref="DK5:DQ5"/>
    <mergeCell ref="DR5:DR6"/>
    <mergeCell ref="DS5:DU5"/>
    <mergeCell ref="F1:G1"/>
    <mergeCell ref="A3:A6"/>
    <mergeCell ref="BP4:BZ4"/>
    <mergeCell ref="CA4:CK4"/>
    <mergeCell ref="CL4:CV4"/>
    <mergeCell ref="BS5:BY5"/>
    <mergeCell ref="W5:W6"/>
    <mergeCell ref="X5:Z5"/>
    <mergeCell ref="AA5:AG5"/>
    <mergeCell ref="AH5:AH6"/>
    <mergeCell ref="AI5:AK5"/>
    <mergeCell ref="AL5:AR5"/>
    <mergeCell ref="AS5:AS6"/>
    <mergeCell ref="BE5:BG5"/>
    <mergeCell ref="BH5:BN5"/>
    <mergeCell ref="BO5:BO6"/>
    <mergeCell ref="B5:D5"/>
    <mergeCell ref="E5:K5"/>
    <mergeCell ref="L5:L6"/>
    <mergeCell ref="M5:O5"/>
    <mergeCell ref="P5:V5"/>
    <mergeCell ref="CW4:DG4"/>
    <mergeCell ref="B3:DG3"/>
    <mergeCell ref="EZ4:FJ4"/>
    <mergeCell ref="DH4:DR4"/>
    <mergeCell ref="DS4:EC4"/>
    <mergeCell ref="B4:L4"/>
    <mergeCell ref="M4:W4"/>
    <mergeCell ref="X4:AH4"/>
    <mergeCell ref="AI4:AS4"/>
    <mergeCell ref="BE4:BO4"/>
    <mergeCell ref="AT4:BD4"/>
    <mergeCell ref="HC4:HM4"/>
    <mergeCell ref="DH3:HM3"/>
    <mergeCell ref="EO4:EY4"/>
    <mergeCell ref="FK4:FU4"/>
    <mergeCell ref="HN3:HX4"/>
    <mergeCell ref="ED4:EN4"/>
    <mergeCell ref="FV4:GF4"/>
    <mergeCell ref="GG4:GQ4"/>
    <mergeCell ref="GR4:HB4"/>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3" max="1048575" man="1"/>
    <brk id="56" max="1048575" man="1"/>
    <brk id="78" max="1048575" man="1"/>
    <brk id="111" max="1048575" man="1"/>
    <brk id="133" max="1048575" man="1"/>
    <brk id="166" max="1048575" man="1"/>
    <brk id="188" max="1048575" man="1"/>
    <brk id="221"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21</v>
      </c>
      <c r="E1" s="523">
        <f>第１表!F2</f>
        <v>4</v>
      </c>
      <c r="F1" s="523"/>
      <c r="G1" s="248">
        <f>第１表!G2</f>
        <v>5</v>
      </c>
      <c r="H1" s="505">
        <f>G1</f>
        <v>5</v>
      </c>
      <c r="I1" s="505"/>
    </row>
    <row r="2" spans="1:298" ht="16.5" customHeight="1" thickBot="1" x14ac:dyDescent="0.25">
      <c r="A2" s="20" t="s">
        <v>132</v>
      </c>
    </row>
    <row r="3" spans="1:298" ht="22.5" customHeight="1" thickBot="1" x14ac:dyDescent="0.25">
      <c r="A3" s="506" t="s">
        <v>38</v>
      </c>
      <c r="B3" s="518" t="s">
        <v>96</v>
      </c>
      <c r="C3" s="518"/>
      <c r="D3" s="518"/>
      <c r="E3" s="518"/>
      <c r="F3" s="518"/>
      <c r="G3" s="518"/>
      <c r="H3" s="518"/>
      <c r="I3" s="518"/>
      <c r="J3" s="518"/>
      <c r="K3" s="518"/>
      <c r="L3" s="518"/>
      <c r="M3" s="518"/>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9"/>
      <c r="CW3" s="518" t="s">
        <v>103</v>
      </c>
      <c r="CX3" s="518"/>
      <c r="CY3" s="518"/>
      <c r="CZ3" s="518"/>
      <c r="DA3" s="518"/>
      <c r="DB3" s="518"/>
      <c r="DC3" s="518"/>
      <c r="DD3" s="518"/>
      <c r="DE3" s="518"/>
      <c r="DF3" s="518"/>
      <c r="DG3" s="518"/>
      <c r="DH3" s="518"/>
      <c r="DI3" s="518"/>
      <c r="DJ3" s="518"/>
      <c r="DK3" s="518"/>
      <c r="DL3" s="518"/>
      <c r="DM3" s="518"/>
      <c r="DN3" s="518"/>
      <c r="DO3" s="518"/>
      <c r="DP3" s="518"/>
      <c r="DQ3" s="518"/>
      <c r="DR3" s="518"/>
      <c r="DS3" s="518"/>
      <c r="DT3" s="518"/>
      <c r="DU3" s="518"/>
      <c r="DV3" s="518"/>
      <c r="DW3" s="518"/>
      <c r="DX3" s="518"/>
      <c r="DY3" s="518"/>
      <c r="DZ3" s="518"/>
      <c r="EA3" s="518"/>
      <c r="EB3" s="518"/>
      <c r="EC3" s="518"/>
      <c r="ED3" s="518"/>
      <c r="EE3" s="518"/>
      <c r="EF3" s="518"/>
      <c r="EG3" s="518"/>
      <c r="EH3" s="518"/>
      <c r="EI3" s="518"/>
      <c r="EJ3" s="518"/>
      <c r="EK3" s="518"/>
      <c r="EL3" s="518"/>
      <c r="EM3" s="518"/>
      <c r="EN3" s="518"/>
      <c r="EO3" s="518"/>
      <c r="EP3" s="518"/>
      <c r="EQ3" s="518"/>
      <c r="ER3" s="518"/>
      <c r="ES3" s="518"/>
      <c r="ET3" s="518"/>
      <c r="EU3" s="518"/>
      <c r="EV3" s="518"/>
      <c r="EW3" s="518"/>
      <c r="EX3" s="518"/>
      <c r="EY3" s="518"/>
      <c r="EZ3" s="518"/>
      <c r="FA3" s="518"/>
      <c r="FB3" s="518"/>
      <c r="FC3" s="518"/>
      <c r="FD3" s="518"/>
      <c r="FE3" s="518"/>
      <c r="FF3" s="518"/>
      <c r="FG3" s="518"/>
      <c r="FH3" s="518"/>
      <c r="FI3" s="518"/>
      <c r="FJ3" s="518"/>
      <c r="FK3" s="518"/>
      <c r="FL3" s="518"/>
      <c r="FM3" s="518"/>
      <c r="FN3" s="518"/>
      <c r="FO3" s="518"/>
      <c r="FP3" s="518"/>
      <c r="FQ3" s="518"/>
      <c r="FR3" s="518"/>
      <c r="FS3" s="518"/>
      <c r="FT3" s="518"/>
      <c r="FU3" s="518"/>
      <c r="FV3" s="518"/>
      <c r="FW3" s="518"/>
      <c r="FX3" s="518"/>
      <c r="FY3" s="518"/>
      <c r="FZ3" s="518"/>
      <c r="GA3" s="518"/>
      <c r="GB3" s="518"/>
      <c r="GC3" s="518"/>
      <c r="GD3" s="518"/>
      <c r="GE3" s="518"/>
      <c r="GF3" s="518"/>
      <c r="GG3" s="518"/>
      <c r="GH3" s="518"/>
      <c r="GI3" s="518"/>
      <c r="GJ3" s="518"/>
      <c r="GK3" s="518"/>
      <c r="GL3" s="518"/>
      <c r="GM3" s="518"/>
      <c r="GN3" s="518"/>
      <c r="GO3" s="518"/>
      <c r="GP3" s="518"/>
      <c r="GQ3" s="519"/>
      <c r="GR3" s="518" t="s">
        <v>104</v>
      </c>
      <c r="GS3" s="518"/>
      <c r="GT3" s="518"/>
      <c r="GU3" s="518"/>
      <c r="GV3" s="518"/>
      <c r="GW3" s="518"/>
      <c r="GX3" s="518"/>
      <c r="GY3" s="518"/>
      <c r="GZ3" s="518"/>
      <c r="HA3" s="518"/>
      <c r="HB3" s="518"/>
      <c r="HC3" s="518"/>
      <c r="HD3" s="518"/>
      <c r="HE3" s="518"/>
      <c r="HF3" s="518"/>
      <c r="HG3" s="518"/>
      <c r="HH3" s="518"/>
      <c r="HI3" s="518"/>
      <c r="HJ3" s="518"/>
      <c r="HK3" s="518"/>
      <c r="HL3" s="518"/>
      <c r="HM3" s="518"/>
      <c r="HN3" s="518"/>
      <c r="HO3" s="518"/>
      <c r="HP3" s="518"/>
      <c r="HQ3" s="518"/>
      <c r="HR3" s="518"/>
      <c r="HS3" s="518"/>
      <c r="HT3" s="518"/>
      <c r="HU3" s="518"/>
      <c r="HV3" s="518"/>
      <c r="HW3" s="518"/>
      <c r="HX3" s="518"/>
      <c r="HY3" s="518"/>
      <c r="HZ3" s="518"/>
      <c r="IA3" s="518"/>
      <c r="IB3" s="518"/>
      <c r="IC3" s="518"/>
      <c r="ID3" s="518"/>
      <c r="IE3" s="518"/>
      <c r="IF3" s="518"/>
      <c r="IG3" s="518"/>
      <c r="IH3" s="518"/>
      <c r="II3" s="518"/>
      <c r="IJ3" s="518"/>
      <c r="IK3" s="518"/>
      <c r="IL3" s="518"/>
      <c r="IM3" s="518"/>
      <c r="IN3" s="518"/>
      <c r="IO3" s="518"/>
      <c r="IP3" s="518"/>
      <c r="IQ3" s="518"/>
      <c r="IR3" s="518"/>
      <c r="IS3" s="518"/>
      <c r="IT3" s="518"/>
      <c r="IU3" s="518"/>
      <c r="IV3" s="518"/>
      <c r="IW3" s="518"/>
      <c r="IX3" s="518"/>
      <c r="IY3" s="518"/>
      <c r="IZ3" s="518"/>
      <c r="JA3" s="518"/>
      <c r="JB3" s="518"/>
      <c r="JC3" s="518"/>
      <c r="JD3" s="518"/>
      <c r="JE3" s="518"/>
      <c r="JF3" s="518"/>
      <c r="JG3" s="518"/>
      <c r="JH3" s="518"/>
      <c r="JI3" s="518"/>
      <c r="JJ3" s="518"/>
      <c r="JK3" s="518"/>
      <c r="JL3" s="518"/>
      <c r="JM3" s="518"/>
      <c r="JN3" s="518"/>
      <c r="JO3" s="518"/>
      <c r="JP3" s="518"/>
      <c r="JQ3" s="518"/>
      <c r="JR3" s="518"/>
      <c r="JS3" s="518"/>
      <c r="JT3" s="518"/>
      <c r="JU3" s="518"/>
      <c r="JV3" s="518"/>
      <c r="JW3" s="518"/>
      <c r="JX3" s="518"/>
      <c r="JY3" s="518"/>
      <c r="JZ3" s="518"/>
      <c r="KA3" s="518"/>
      <c r="KB3" s="518"/>
      <c r="KC3" s="518"/>
      <c r="KD3" s="518"/>
      <c r="KE3" s="518"/>
      <c r="KF3" s="518"/>
      <c r="KG3" s="518"/>
      <c r="KH3" s="518"/>
      <c r="KI3" s="518"/>
      <c r="KJ3" s="518"/>
      <c r="KK3" s="518"/>
      <c r="KL3" s="519"/>
    </row>
    <row r="4" spans="1:298" ht="27.75" customHeight="1" thickBot="1" x14ac:dyDescent="0.25">
      <c r="A4" s="524"/>
      <c r="B4" s="520" t="s">
        <v>39</v>
      </c>
      <c r="C4" s="521"/>
      <c r="D4" s="521"/>
      <c r="E4" s="521"/>
      <c r="F4" s="521"/>
      <c r="G4" s="521"/>
      <c r="H4" s="521"/>
      <c r="I4" s="521"/>
      <c r="J4" s="521"/>
      <c r="K4" s="521"/>
      <c r="L4" s="521"/>
      <c r="M4" s="521"/>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2"/>
      <c r="CA4" s="506" t="s">
        <v>40</v>
      </c>
      <c r="CB4" s="507"/>
      <c r="CC4" s="507"/>
      <c r="CD4" s="507"/>
      <c r="CE4" s="507"/>
      <c r="CF4" s="507"/>
      <c r="CG4" s="507"/>
      <c r="CH4" s="507"/>
      <c r="CI4" s="507"/>
      <c r="CJ4" s="507"/>
      <c r="CK4" s="508"/>
      <c r="CL4" s="506" t="s">
        <v>41</v>
      </c>
      <c r="CM4" s="507"/>
      <c r="CN4" s="507"/>
      <c r="CO4" s="507"/>
      <c r="CP4" s="507"/>
      <c r="CQ4" s="507"/>
      <c r="CR4" s="507"/>
      <c r="CS4" s="507"/>
      <c r="CT4" s="507"/>
      <c r="CU4" s="507"/>
      <c r="CV4" s="508"/>
      <c r="CW4" s="520" t="s">
        <v>39</v>
      </c>
      <c r="CX4" s="521"/>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2"/>
      <c r="FV4" s="506" t="s">
        <v>40</v>
      </c>
      <c r="FW4" s="507"/>
      <c r="FX4" s="507"/>
      <c r="FY4" s="507"/>
      <c r="FZ4" s="507"/>
      <c r="GA4" s="507"/>
      <c r="GB4" s="507"/>
      <c r="GC4" s="507"/>
      <c r="GD4" s="507"/>
      <c r="GE4" s="507"/>
      <c r="GF4" s="508"/>
      <c r="GG4" s="506" t="s">
        <v>41</v>
      </c>
      <c r="GH4" s="507"/>
      <c r="GI4" s="507"/>
      <c r="GJ4" s="507"/>
      <c r="GK4" s="507"/>
      <c r="GL4" s="507"/>
      <c r="GM4" s="507"/>
      <c r="GN4" s="507"/>
      <c r="GO4" s="507"/>
      <c r="GP4" s="507"/>
      <c r="GQ4" s="508"/>
      <c r="GR4" s="520" t="s">
        <v>39</v>
      </c>
      <c r="GS4" s="521"/>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1"/>
      <c r="HZ4" s="521"/>
      <c r="IA4" s="521"/>
      <c r="IB4" s="521"/>
      <c r="IC4" s="521"/>
      <c r="ID4" s="521"/>
      <c r="IE4" s="521"/>
      <c r="IF4" s="521"/>
      <c r="IG4" s="521"/>
      <c r="IH4" s="521"/>
      <c r="II4" s="521"/>
      <c r="IJ4" s="521"/>
      <c r="IK4" s="521"/>
      <c r="IL4" s="521"/>
      <c r="IM4" s="521"/>
      <c r="IN4" s="521"/>
      <c r="IO4" s="521"/>
      <c r="IP4" s="521"/>
      <c r="IQ4" s="521"/>
      <c r="IR4" s="521"/>
      <c r="IS4" s="521"/>
      <c r="IT4" s="521"/>
      <c r="IU4" s="521"/>
      <c r="IV4" s="521"/>
      <c r="IW4" s="521"/>
      <c r="IX4" s="521"/>
      <c r="IY4" s="521"/>
      <c r="IZ4" s="521"/>
      <c r="JA4" s="521"/>
      <c r="JB4" s="521"/>
      <c r="JC4" s="521"/>
      <c r="JD4" s="521"/>
      <c r="JE4" s="521"/>
      <c r="JF4" s="521"/>
      <c r="JG4" s="521"/>
      <c r="JH4" s="521"/>
      <c r="JI4" s="521"/>
      <c r="JJ4" s="521"/>
      <c r="JK4" s="521"/>
      <c r="JL4" s="521"/>
      <c r="JM4" s="521"/>
      <c r="JN4" s="521"/>
      <c r="JO4" s="521"/>
      <c r="JP4" s="522"/>
      <c r="JQ4" s="506" t="s">
        <v>40</v>
      </c>
      <c r="JR4" s="507"/>
      <c r="JS4" s="507"/>
      <c r="JT4" s="507"/>
      <c r="JU4" s="507"/>
      <c r="JV4" s="507"/>
      <c r="JW4" s="507"/>
      <c r="JX4" s="507"/>
      <c r="JY4" s="507"/>
      <c r="JZ4" s="507"/>
      <c r="KA4" s="508"/>
      <c r="KB4" s="506" t="s">
        <v>41</v>
      </c>
      <c r="KC4" s="507"/>
      <c r="KD4" s="507"/>
      <c r="KE4" s="507"/>
      <c r="KF4" s="507"/>
      <c r="KG4" s="507"/>
      <c r="KH4" s="507"/>
      <c r="KI4" s="507"/>
      <c r="KJ4" s="507"/>
      <c r="KK4" s="507"/>
      <c r="KL4" s="508"/>
    </row>
    <row r="5" spans="1:298" ht="27.75" customHeight="1" thickBot="1" x14ac:dyDescent="0.25">
      <c r="A5" s="512"/>
      <c r="B5" s="512"/>
      <c r="C5" s="513"/>
      <c r="D5" s="513"/>
      <c r="E5" s="513"/>
      <c r="F5" s="513"/>
      <c r="G5" s="513"/>
      <c r="H5" s="513"/>
      <c r="I5" s="513"/>
      <c r="J5" s="513"/>
      <c r="K5" s="513"/>
      <c r="L5" s="514"/>
      <c r="M5" s="515" t="s">
        <v>97</v>
      </c>
      <c r="N5" s="516"/>
      <c r="O5" s="516"/>
      <c r="P5" s="516"/>
      <c r="Q5" s="516"/>
      <c r="R5" s="516"/>
      <c r="S5" s="516"/>
      <c r="T5" s="516"/>
      <c r="U5" s="516"/>
      <c r="V5" s="516"/>
      <c r="W5" s="517"/>
      <c r="X5" s="515" t="s">
        <v>98</v>
      </c>
      <c r="Y5" s="516"/>
      <c r="Z5" s="516"/>
      <c r="AA5" s="516"/>
      <c r="AB5" s="516"/>
      <c r="AC5" s="516"/>
      <c r="AD5" s="516"/>
      <c r="AE5" s="516"/>
      <c r="AF5" s="516"/>
      <c r="AG5" s="516"/>
      <c r="AH5" s="517"/>
      <c r="AI5" s="515" t="s">
        <v>99</v>
      </c>
      <c r="AJ5" s="516"/>
      <c r="AK5" s="516"/>
      <c r="AL5" s="516"/>
      <c r="AM5" s="516"/>
      <c r="AN5" s="516"/>
      <c r="AO5" s="516"/>
      <c r="AP5" s="516"/>
      <c r="AQ5" s="516"/>
      <c r="AR5" s="516"/>
      <c r="AS5" s="517"/>
      <c r="AT5" s="515" t="s">
        <v>100</v>
      </c>
      <c r="AU5" s="516"/>
      <c r="AV5" s="516"/>
      <c r="AW5" s="516"/>
      <c r="AX5" s="516"/>
      <c r="AY5" s="516"/>
      <c r="AZ5" s="516"/>
      <c r="BA5" s="516"/>
      <c r="BB5" s="516"/>
      <c r="BC5" s="516"/>
      <c r="BD5" s="517"/>
      <c r="BE5" s="515" t="s">
        <v>101</v>
      </c>
      <c r="BF5" s="516"/>
      <c r="BG5" s="516"/>
      <c r="BH5" s="516"/>
      <c r="BI5" s="516"/>
      <c r="BJ5" s="516"/>
      <c r="BK5" s="516"/>
      <c r="BL5" s="516"/>
      <c r="BM5" s="516"/>
      <c r="BN5" s="516"/>
      <c r="BO5" s="517"/>
      <c r="BP5" s="515" t="s">
        <v>102</v>
      </c>
      <c r="BQ5" s="516"/>
      <c r="BR5" s="516"/>
      <c r="BS5" s="516"/>
      <c r="BT5" s="516"/>
      <c r="BU5" s="516"/>
      <c r="BV5" s="516"/>
      <c r="BW5" s="516"/>
      <c r="BX5" s="516"/>
      <c r="BY5" s="516"/>
      <c r="BZ5" s="517"/>
      <c r="CA5" s="509"/>
      <c r="CB5" s="510"/>
      <c r="CC5" s="510"/>
      <c r="CD5" s="510"/>
      <c r="CE5" s="510"/>
      <c r="CF5" s="510"/>
      <c r="CG5" s="510"/>
      <c r="CH5" s="510"/>
      <c r="CI5" s="510"/>
      <c r="CJ5" s="510"/>
      <c r="CK5" s="511"/>
      <c r="CL5" s="509"/>
      <c r="CM5" s="510"/>
      <c r="CN5" s="510"/>
      <c r="CO5" s="510"/>
      <c r="CP5" s="510"/>
      <c r="CQ5" s="510"/>
      <c r="CR5" s="510"/>
      <c r="CS5" s="510"/>
      <c r="CT5" s="510"/>
      <c r="CU5" s="510"/>
      <c r="CV5" s="511"/>
      <c r="CW5" s="512"/>
      <c r="CX5" s="513"/>
      <c r="CY5" s="513"/>
      <c r="CZ5" s="513"/>
      <c r="DA5" s="513"/>
      <c r="DB5" s="513"/>
      <c r="DC5" s="513"/>
      <c r="DD5" s="513"/>
      <c r="DE5" s="513"/>
      <c r="DF5" s="513"/>
      <c r="DG5" s="514"/>
      <c r="DH5" s="515" t="s">
        <v>97</v>
      </c>
      <c r="DI5" s="516"/>
      <c r="DJ5" s="516"/>
      <c r="DK5" s="516"/>
      <c r="DL5" s="516"/>
      <c r="DM5" s="516"/>
      <c r="DN5" s="516"/>
      <c r="DO5" s="516"/>
      <c r="DP5" s="516"/>
      <c r="DQ5" s="516"/>
      <c r="DR5" s="517"/>
      <c r="DS5" s="515" t="s">
        <v>98</v>
      </c>
      <c r="DT5" s="516"/>
      <c r="DU5" s="516"/>
      <c r="DV5" s="516"/>
      <c r="DW5" s="516"/>
      <c r="DX5" s="516"/>
      <c r="DY5" s="516"/>
      <c r="DZ5" s="516"/>
      <c r="EA5" s="516"/>
      <c r="EB5" s="516"/>
      <c r="EC5" s="517"/>
      <c r="ED5" s="515" t="s">
        <v>99</v>
      </c>
      <c r="EE5" s="516"/>
      <c r="EF5" s="516"/>
      <c r="EG5" s="516"/>
      <c r="EH5" s="516"/>
      <c r="EI5" s="516"/>
      <c r="EJ5" s="516"/>
      <c r="EK5" s="516"/>
      <c r="EL5" s="516"/>
      <c r="EM5" s="516"/>
      <c r="EN5" s="517"/>
      <c r="EO5" s="515" t="s">
        <v>100</v>
      </c>
      <c r="EP5" s="516"/>
      <c r="EQ5" s="516"/>
      <c r="ER5" s="516"/>
      <c r="ES5" s="516"/>
      <c r="ET5" s="516"/>
      <c r="EU5" s="516"/>
      <c r="EV5" s="516"/>
      <c r="EW5" s="516"/>
      <c r="EX5" s="516"/>
      <c r="EY5" s="517"/>
      <c r="EZ5" s="515" t="s">
        <v>101</v>
      </c>
      <c r="FA5" s="516"/>
      <c r="FB5" s="516"/>
      <c r="FC5" s="516"/>
      <c r="FD5" s="516"/>
      <c r="FE5" s="516"/>
      <c r="FF5" s="516"/>
      <c r="FG5" s="516"/>
      <c r="FH5" s="516"/>
      <c r="FI5" s="516"/>
      <c r="FJ5" s="517"/>
      <c r="FK5" s="515" t="s">
        <v>102</v>
      </c>
      <c r="FL5" s="516"/>
      <c r="FM5" s="516"/>
      <c r="FN5" s="516"/>
      <c r="FO5" s="516"/>
      <c r="FP5" s="516"/>
      <c r="FQ5" s="516"/>
      <c r="FR5" s="516"/>
      <c r="FS5" s="516"/>
      <c r="FT5" s="516"/>
      <c r="FU5" s="517"/>
      <c r="FV5" s="509"/>
      <c r="FW5" s="510"/>
      <c r="FX5" s="510"/>
      <c r="FY5" s="510"/>
      <c r="FZ5" s="510"/>
      <c r="GA5" s="510"/>
      <c r="GB5" s="510"/>
      <c r="GC5" s="510"/>
      <c r="GD5" s="510"/>
      <c r="GE5" s="510"/>
      <c r="GF5" s="511"/>
      <c r="GG5" s="509"/>
      <c r="GH5" s="510"/>
      <c r="GI5" s="510"/>
      <c r="GJ5" s="510"/>
      <c r="GK5" s="510"/>
      <c r="GL5" s="510"/>
      <c r="GM5" s="510"/>
      <c r="GN5" s="510"/>
      <c r="GO5" s="510"/>
      <c r="GP5" s="510"/>
      <c r="GQ5" s="511"/>
      <c r="GR5" s="512"/>
      <c r="GS5" s="513"/>
      <c r="GT5" s="513"/>
      <c r="GU5" s="513"/>
      <c r="GV5" s="513"/>
      <c r="GW5" s="513"/>
      <c r="GX5" s="513"/>
      <c r="GY5" s="513"/>
      <c r="GZ5" s="513"/>
      <c r="HA5" s="513"/>
      <c r="HB5" s="514"/>
      <c r="HC5" s="515" t="s">
        <v>97</v>
      </c>
      <c r="HD5" s="516"/>
      <c r="HE5" s="516"/>
      <c r="HF5" s="516"/>
      <c r="HG5" s="516"/>
      <c r="HH5" s="516"/>
      <c r="HI5" s="516"/>
      <c r="HJ5" s="516"/>
      <c r="HK5" s="516"/>
      <c r="HL5" s="516"/>
      <c r="HM5" s="517"/>
      <c r="HN5" s="515" t="s">
        <v>98</v>
      </c>
      <c r="HO5" s="516"/>
      <c r="HP5" s="516"/>
      <c r="HQ5" s="516"/>
      <c r="HR5" s="516"/>
      <c r="HS5" s="516"/>
      <c r="HT5" s="516"/>
      <c r="HU5" s="516"/>
      <c r="HV5" s="516"/>
      <c r="HW5" s="516"/>
      <c r="HX5" s="517"/>
      <c r="HY5" s="515" t="s">
        <v>99</v>
      </c>
      <c r="HZ5" s="516"/>
      <c r="IA5" s="516"/>
      <c r="IB5" s="516"/>
      <c r="IC5" s="516"/>
      <c r="ID5" s="516"/>
      <c r="IE5" s="516"/>
      <c r="IF5" s="516"/>
      <c r="IG5" s="516"/>
      <c r="IH5" s="516"/>
      <c r="II5" s="517"/>
      <c r="IJ5" s="515" t="s">
        <v>100</v>
      </c>
      <c r="IK5" s="516"/>
      <c r="IL5" s="516"/>
      <c r="IM5" s="516"/>
      <c r="IN5" s="516"/>
      <c r="IO5" s="516"/>
      <c r="IP5" s="516"/>
      <c r="IQ5" s="516"/>
      <c r="IR5" s="516"/>
      <c r="IS5" s="516"/>
      <c r="IT5" s="517"/>
      <c r="IU5" s="515" t="s">
        <v>101</v>
      </c>
      <c r="IV5" s="516"/>
      <c r="IW5" s="516"/>
      <c r="IX5" s="516"/>
      <c r="IY5" s="516"/>
      <c r="IZ5" s="516"/>
      <c r="JA5" s="516"/>
      <c r="JB5" s="516"/>
      <c r="JC5" s="516"/>
      <c r="JD5" s="516"/>
      <c r="JE5" s="517"/>
      <c r="JF5" s="515" t="s">
        <v>102</v>
      </c>
      <c r="JG5" s="516"/>
      <c r="JH5" s="516"/>
      <c r="JI5" s="516"/>
      <c r="JJ5" s="516"/>
      <c r="JK5" s="516"/>
      <c r="JL5" s="516"/>
      <c r="JM5" s="516"/>
      <c r="JN5" s="516"/>
      <c r="JO5" s="516"/>
      <c r="JP5" s="517"/>
      <c r="JQ5" s="509"/>
      <c r="JR5" s="510"/>
      <c r="JS5" s="510"/>
      <c r="JT5" s="510"/>
      <c r="JU5" s="510"/>
      <c r="JV5" s="510"/>
      <c r="JW5" s="510"/>
      <c r="JX5" s="510"/>
      <c r="JY5" s="510"/>
      <c r="JZ5" s="510"/>
      <c r="KA5" s="511"/>
      <c r="KB5" s="509"/>
      <c r="KC5" s="510"/>
      <c r="KD5" s="510"/>
      <c r="KE5" s="510"/>
      <c r="KF5" s="510"/>
      <c r="KG5" s="510"/>
      <c r="KH5" s="510"/>
      <c r="KI5" s="510"/>
      <c r="KJ5" s="510"/>
      <c r="KK5" s="510"/>
      <c r="KL5" s="511"/>
    </row>
    <row r="6" spans="1:298" ht="44.25" customHeight="1" thickBot="1" x14ac:dyDescent="0.25">
      <c r="A6" s="318" t="s">
        <v>42</v>
      </c>
      <c r="B6" s="51" t="s">
        <v>43</v>
      </c>
      <c r="C6" s="47" t="s">
        <v>44</v>
      </c>
      <c r="D6" s="48" t="s">
        <v>45</v>
      </c>
      <c r="E6" s="52" t="s">
        <v>46</v>
      </c>
      <c r="F6" s="47" t="s">
        <v>47</v>
      </c>
      <c r="G6" s="47" t="s">
        <v>48</v>
      </c>
      <c r="H6" s="47" t="s">
        <v>49</v>
      </c>
      <c r="I6" s="47" t="s">
        <v>50</v>
      </c>
      <c r="J6" s="47" t="s">
        <v>51</v>
      </c>
      <c r="K6" s="48" t="s">
        <v>45</v>
      </c>
      <c r="L6" s="53" t="s">
        <v>52</v>
      </c>
      <c r="M6" s="357" t="s">
        <v>43</v>
      </c>
      <c r="N6" s="358" t="s">
        <v>44</v>
      </c>
      <c r="O6" s="359" t="s">
        <v>45</v>
      </c>
      <c r="P6" s="360" t="s">
        <v>46</v>
      </c>
      <c r="Q6" s="358" t="s">
        <v>47</v>
      </c>
      <c r="R6" s="358" t="s">
        <v>48</v>
      </c>
      <c r="S6" s="358" t="s">
        <v>49</v>
      </c>
      <c r="T6" s="358" t="s">
        <v>50</v>
      </c>
      <c r="U6" s="358" t="s">
        <v>51</v>
      </c>
      <c r="V6" s="359" t="s">
        <v>45</v>
      </c>
      <c r="W6" s="356" t="s">
        <v>52</v>
      </c>
      <c r="X6" s="357" t="s">
        <v>43</v>
      </c>
      <c r="Y6" s="358" t="s">
        <v>44</v>
      </c>
      <c r="Z6" s="359" t="s">
        <v>45</v>
      </c>
      <c r="AA6" s="360" t="s">
        <v>46</v>
      </c>
      <c r="AB6" s="358" t="s">
        <v>47</v>
      </c>
      <c r="AC6" s="358" t="s">
        <v>48</v>
      </c>
      <c r="AD6" s="358" t="s">
        <v>49</v>
      </c>
      <c r="AE6" s="358" t="s">
        <v>50</v>
      </c>
      <c r="AF6" s="358" t="s">
        <v>51</v>
      </c>
      <c r="AG6" s="359" t="s">
        <v>45</v>
      </c>
      <c r="AH6" s="361" t="s">
        <v>52</v>
      </c>
      <c r="AI6" s="357" t="s">
        <v>43</v>
      </c>
      <c r="AJ6" s="358" t="s">
        <v>44</v>
      </c>
      <c r="AK6" s="359" t="s">
        <v>45</v>
      </c>
      <c r="AL6" s="360" t="s">
        <v>46</v>
      </c>
      <c r="AM6" s="358" t="s">
        <v>47</v>
      </c>
      <c r="AN6" s="358" t="s">
        <v>48</v>
      </c>
      <c r="AO6" s="358" t="s">
        <v>49</v>
      </c>
      <c r="AP6" s="358" t="s">
        <v>50</v>
      </c>
      <c r="AQ6" s="358" t="s">
        <v>51</v>
      </c>
      <c r="AR6" s="359" t="s">
        <v>45</v>
      </c>
      <c r="AS6" s="361" t="s">
        <v>52</v>
      </c>
      <c r="AT6" s="357" t="s">
        <v>43</v>
      </c>
      <c r="AU6" s="358" t="s">
        <v>44</v>
      </c>
      <c r="AV6" s="359" t="s">
        <v>45</v>
      </c>
      <c r="AW6" s="360" t="s">
        <v>46</v>
      </c>
      <c r="AX6" s="358" t="s">
        <v>47</v>
      </c>
      <c r="AY6" s="358" t="s">
        <v>48</v>
      </c>
      <c r="AZ6" s="358" t="s">
        <v>49</v>
      </c>
      <c r="BA6" s="358" t="s">
        <v>50</v>
      </c>
      <c r="BB6" s="358" t="s">
        <v>51</v>
      </c>
      <c r="BC6" s="359" t="s">
        <v>45</v>
      </c>
      <c r="BD6" s="361" t="s">
        <v>52</v>
      </c>
      <c r="BE6" s="357" t="s">
        <v>43</v>
      </c>
      <c r="BF6" s="358" t="s">
        <v>44</v>
      </c>
      <c r="BG6" s="359" t="s">
        <v>45</v>
      </c>
      <c r="BH6" s="360" t="s">
        <v>46</v>
      </c>
      <c r="BI6" s="358" t="s">
        <v>47</v>
      </c>
      <c r="BJ6" s="358" t="s">
        <v>48</v>
      </c>
      <c r="BK6" s="358" t="s">
        <v>49</v>
      </c>
      <c r="BL6" s="358" t="s">
        <v>50</v>
      </c>
      <c r="BM6" s="358" t="s">
        <v>51</v>
      </c>
      <c r="BN6" s="359" t="s">
        <v>45</v>
      </c>
      <c r="BO6" s="361" t="s">
        <v>52</v>
      </c>
      <c r="BP6" s="357" t="s">
        <v>43</v>
      </c>
      <c r="BQ6" s="358" t="s">
        <v>44</v>
      </c>
      <c r="BR6" s="359" t="s">
        <v>45</v>
      </c>
      <c r="BS6" s="360" t="s">
        <v>46</v>
      </c>
      <c r="BT6" s="358" t="s">
        <v>47</v>
      </c>
      <c r="BU6" s="358" t="s">
        <v>48</v>
      </c>
      <c r="BV6" s="358" t="s">
        <v>49</v>
      </c>
      <c r="BW6" s="358" t="s">
        <v>50</v>
      </c>
      <c r="BX6" s="358" t="s">
        <v>51</v>
      </c>
      <c r="BY6" s="359" t="s">
        <v>45</v>
      </c>
      <c r="BZ6" s="361" t="s">
        <v>52</v>
      </c>
      <c r="CA6" s="357" t="s">
        <v>43</v>
      </c>
      <c r="CB6" s="358" t="s">
        <v>44</v>
      </c>
      <c r="CC6" s="359" t="s">
        <v>45</v>
      </c>
      <c r="CD6" s="360" t="s">
        <v>46</v>
      </c>
      <c r="CE6" s="358" t="s">
        <v>47</v>
      </c>
      <c r="CF6" s="358" t="s">
        <v>48</v>
      </c>
      <c r="CG6" s="358" t="s">
        <v>49</v>
      </c>
      <c r="CH6" s="358" t="s">
        <v>50</v>
      </c>
      <c r="CI6" s="358" t="s">
        <v>51</v>
      </c>
      <c r="CJ6" s="359" t="s">
        <v>45</v>
      </c>
      <c r="CK6" s="361" t="s">
        <v>52</v>
      </c>
      <c r="CL6" s="357" t="s">
        <v>43</v>
      </c>
      <c r="CM6" s="358" t="s">
        <v>44</v>
      </c>
      <c r="CN6" s="359" t="s">
        <v>45</v>
      </c>
      <c r="CO6" s="360" t="s">
        <v>46</v>
      </c>
      <c r="CP6" s="358" t="s">
        <v>47</v>
      </c>
      <c r="CQ6" s="358" t="s">
        <v>48</v>
      </c>
      <c r="CR6" s="358" t="s">
        <v>49</v>
      </c>
      <c r="CS6" s="358" t="s">
        <v>50</v>
      </c>
      <c r="CT6" s="358" t="s">
        <v>51</v>
      </c>
      <c r="CU6" s="359" t="s">
        <v>45</v>
      </c>
      <c r="CV6" s="361" t="s">
        <v>52</v>
      </c>
      <c r="CW6" s="51" t="s">
        <v>43</v>
      </c>
      <c r="CX6" s="47" t="s">
        <v>44</v>
      </c>
      <c r="CY6" s="48" t="s">
        <v>45</v>
      </c>
      <c r="CZ6" s="52" t="s">
        <v>46</v>
      </c>
      <c r="DA6" s="47" t="s">
        <v>47</v>
      </c>
      <c r="DB6" s="47" t="s">
        <v>48</v>
      </c>
      <c r="DC6" s="47" t="s">
        <v>49</v>
      </c>
      <c r="DD6" s="47" t="s">
        <v>50</v>
      </c>
      <c r="DE6" s="47" t="s">
        <v>51</v>
      </c>
      <c r="DF6" s="48" t="s">
        <v>45</v>
      </c>
      <c r="DG6" s="53" t="s">
        <v>52</v>
      </c>
      <c r="DH6" s="357" t="s">
        <v>43</v>
      </c>
      <c r="DI6" s="358" t="s">
        <v>44</v>
      </c>
      <c r="DJ6" s="359" t="s">
        <v>45</v>
      </c>
      <c r="DK6" s="360" t="s">
        <v>46</v>
      </c>
      <c r="DL6" s="358" t="s">
        <v>47</v>
      </c>
      <c r="DM6" s="358" t="s">
        <v>48</v>
      </c>
      <c r="DN6" s="358" t="s">
        <v>49</v>
      </c>
      <c r="DO6" s="358" t="s">
        <v>50</v>
      </c>
      <c r="DP6" s="358" t="s">
        <v>51</v>
      </c>
      <c r="DQ6" s="359" t="s">
        <v>45</v>
      </c>
      <c r="DR6" s="361" t="s">
        <v>52</v>
      </c>
      <c r="DS6" s="357" t="s">
        <v>43</v>
      </c>
      <c r="DT6" s="358" t="s">
        <v>44</v>
      </c>
      <c r="DU6" s="359" t="s">
        <v>45</v>
      </c>
      <c r="DV6" s="360" t="s">
        <v>46</v>
      </c>
      <c r="DW6" s="358" t="s">
        <v>47</v>
      </c>
      <c r="DX6" s="358" t="s">
        <v>48</v>
      </c>
      <c r="DY6" s="358" t="s">
        <v>49</v>
      </c>
      <c r="DZ6" s="358" t="s">
        <v>50</v>
      </c>
      <c r="EA6" s="358" t="s">
        <v>51</v>
      </c>
      <c r="EB6" s="359" t="s">
        <v>45</v>
      </c>
      <c r="EC6" s="361" t="s">
        <v>52</v>
      </c>
      <c r="ED6" s="357" t="s">
        <v>43</v>
      </c>
      <c r="EE6" s="358" t="s">
        <v>44</v>
      </c>
      <c r="EF6" s="359" t="s">
        <v>45</v>
      </c>
      <c r="EG6" s="360" t="s">
        <v>46</v>
      </c>
      <c r="EH6" s="358" t="s">
        <v>47</v>
      </c>
      <c r="EI6" s="358" t="s">
        <v>48</v>
      </c>
      <c r="EJ6" s="358" t="s">
        <v>49</v>
      </c>
      <c r="EK6" s="358" t="s">
        <v>50</v>
      </c>
      <c r="EL6" s="358" t="s">
        <v>51</v>
      </c>
      <c r="EM6" s="359" t="s">
        <v>45</v>
      </c>
      <c r="EN6" s="361" t="s">
        <v>52</v>
      </c>
      <c r="EO6" s="357" t="s">
        <v>43</v>
      </c>
      <c r="EP6" s="358" t="s">
        <v>44</v>
      </c>
      <c r="EQ6" s="359" t="s">
        <v>45</v>
      </c>
      <c r="ER6" s="360" t="s">
        <v>46</v>
      </c>
      <c r="ES6" s="358" t="s">
        <v>47</v>
      </c>
      <c r="ET6" s="358" t="s">
        <v>48</v>
      </c>
      <c r="EU6" s="358" t="s">
        <v>49</v>
      </c>
      <c r="EV6" s="358" t="s">
        <v>50</v>
      </c>
      <c r="EW6" s="358" t="s">
        <v>51</v>
      </c>
      <c r="EX6" s="359" t="s">
        <v>45</v>
      </c>
      <c r="EY6" s="361" t="s">
        <v>52</v>
      </c>
      <c r="EZ6" s="357" t="s">
        <v>43</v>
      </c>
      <c r="FA6" s="358" t="s">
        <v>44</v>
      </c>
      <c r="FB6" s="359" t="s">
        <v>45</v>
      </c>
      <c r="FC6" s="360" t="s">
        <v>46</v>
      </c>
      <c r="FD6" s="358" t="s">
        <v>47</v>
      </c>
      <c r="FE6" s="358" t="s">
        <v>48</v>
      </c>
      <c r="FF6" s="358" t="s">
        <v>49</v>
      </c>
      <c r="FG6" s="358" t="s">
        <v>50</v>
      </c>
      <c r="FH6" s="358" t="s">
        <v>51</v>
      </c>
      <c r="FI6" s="359" t="s">
        <v>45</v>
      </c>
      <c r="FJ6" s="361" t="s">
        <v>52</v>
      </c>
      <c r="FK6" s="357" t="s">
        <v>43</v>
      </c>
      <c r="FL6" s="358" t="s">
        <v>44</v>
      </c>
      <c r="FM6" s="359" t="s">
        <v>45</v>
      </c>
      <c r="FN6" s="360" t="s">
        <v>46</v>
      </c>
      <c r="FO6" s="358" t="s">
        <v>47</v>
      </c>
      <c r="FP6" s="358" t="s">
        <v>48</v>
      </c>
      <c r="FQ6" s="358" t="s">
        <v>49</v>
      </c>
      <c r="FR6" s="358" t="s">
        <v>50</v>
      </c>
      <c r="FS6" s="358" t="s">
        <v>51</v>
      </c>
      <c r="FT6" s="359" t="s">
        <v>45</v>
      </c>
      <c r="FU6" s="361" t="s">
        <v>52</v>
      </c>
      <c r="FV6" s="357" t="s">
        <v>43</v>
      </c>
      <c r="FW6" s="358" t="s">
        <v>44</v>
      </c>
      <c r="FX6" s="359" t="s">
        <v>45</v>
      </c>
      <c r="FY6" s="360" t="s">
        <v>46</v>
      </c>
      <c r="FZ6" s="358" t="s">
        <v>47</v>
      </c>
      <c r="GA6" s="358" t="s">
        <v>48</v>
      </c>
      <c r="GB6" s="358" t="s">
        <v>49</v>
      </c>
      <c r="GC6" s="358" t="s">
        <v>50</v>
      </c>
      <c r="GD6" s="358" t="s">
        <v>51</v>
      </c>
      <c r="GE6" s="359" t="s">
        <v>45</v>
      </c>
      <c r="GF6" s="361" t="s">
        <v>52</v>
      </c>
      <c r="GG6" s="357" t="s">
        <v>43</v>
      </c>
      <c r="GH6" s="358" t="s">
        <v>44</v>
      </c>
      <c r="GI6" s="359" t="s">
        <v>45</v>
      </c>
      <c r="GJ6" s="360" t="s">
        <v>46</v>
      </c>
      <c r="GK6" s="358" t="s">
        <v>47</v>
      </c>
      <c r="GL6" s="358" t="s">
        <v>48</v>
      </c>
      <c r="GM6" s="358" t="s">
        <v>49</v>
      </c>
      <c r="GN6" s="358" t="s">
        <v>50</v>
      </c>
      <c r="GO6" s="358" t="s">
        <v>51</v>
      </c>
      <c r="GP6" s="359" t="s">
        <v>45</v>
      </c>
      <c r="GQ6" s="361" t="s">
        <v>52</v>
      </c>
      <c r="GR6" s="51" t="s">
        <v>43</v>
      </c>
      <c r="GS6" s="47" t="s">
        <v>44</v>
      </c>
      <c r="GT6" s="48" t="s">
        <v>45</v>
      </c>
      <c r="GU6" s="52" t="s">
        <v>46</v>
      </c>
      <c r="GV6" s="47" t="s">
        <v>47</v>
      </c>
      <c r="GW6" s="47" t="s">
        <v>48</v>
      </c>
      <c r="GX6" s="47" t="s">
        <v>49</v>
      </c>
      <c r="GY6" s="47" t="s">
        <v>50</v>
      </c>
      <c r="GZ6" s="47" t="s">
        <v>51</v>
      </c>
      <c r="HA6" s="48" t="s">
        <v>45</v>
      </c>
      <c r="HB6" s="53" t="s">
        <v>52</v>
      </c>
      <c r="HC6" s="357" t="s">
        <v>43</v>
      </c>
      <c r="HD6" s="358" t="s">
        <v>44</v>
      </c>
      <c r="HE6" s="359" t="s">
        <v>45</v>
      </c>
      <c r="HF6" s="360" t="s">
        <v>46</v>
      </c>
      <c r="HG6" s="358" t="s">
        <v>47</v>
      </c>
      <c r="HH6" s="358" t="s">
        <v>48</v>
      </c>
      <c r="HI6" s="358" t="s">
        <v>49</v>
      </c>
      <c r="HJ6" s="358" t="s">
        <v>50</v>
      </c>
      <c r="HK6" s="358" t="s">
        <v>51</v>
      </c>
      <c r="HL6" s="359" t="s">
        <v>45</v>
      </c>
      <c r="HM6" s="361" t="s">
        <v>52</v>
      </c>
      <c r="HN6" s="357" t="s">
        <v>43</v>
      </c>
      <c r="HO6" s="358" t="s">
        <v>44</v>
      </c>
      <c r="HP6" s="359" t="s">
        <v>45</v>
      </c>
      <c r="HQ6" s="360" t="s">
        <v>46</v>
      </c>
      <c r="HR6" s="358" t="s">
        <v>47</v>
      </c>
      <c r="HS6" s="358" t="s">
        <v>48</v>
      </c>
      <c r="HT6" s="358" t="s">
        <v>49</v>
      </c>
      <c r="HU6" s="358" t="s">
        <v>50</v>
      </c>
      <c r="HV6" s="358" t="s">
        <v>51</v>
      </c>
      <c r="HW6" s="359" t="s">
        <v>45</v>
      </c>
      <c r="HX6" s="361" t="s">
        <v>52</v>
      </c>
      <c r="HY6" s="357" t="s">
        <v>43</v>
      </c>
      <c r="HZ6" s="358" t="s">
        <v>44</v>
      </c>
      <c r="IA6" s="359" t="s">
        <v>45</v>
      </c>
      <c r="IB6" s="360" t="s">
        <v>46</v>
      </c>
      <c r="IC6" s="358" t="s">
        <v>47</v>
      </c>
      <c r="ID6" s="358" t="s">
        <v>48</v>
      </c>
      <c r="IE6" s="358" t="s">
        <v>49</v>
      </c>
      <c r="IF6" s="358" t="s">
        <v>50</v>
      </c>
      <c r="IG6" s="358" t="s">
        <v>51</v>
      </c>
      <c r="IH6" s="359" t="s">
        <v>45</v>
      </c>
      <c r="II6" s="361" t="s">
        <v>52</v>
      </c>
      <c r="IJ6" s="357" t="s">
        <v>43</v>
      </c>
      <c r="IK6" s="358" t="s">
        <v>44</v>
      </c>
      <c r="IL6" s="359" t="s">
        <v>45</v>
      </c>
      <c r="IM6" s="360" t="s">
        <v>46</v>
      </c>
      <c r="IN6" s="358" t="s">
        <v>47</v>
      </c>
      <c r="IO6" s="358" t="s">
        <v>48</v>
      </c>
      <c r="IP6" s="358" t="s">
        <v>49</v>
      </c>
      <c r="IQ6" s="358" t="s">
        <v>50</v>
      </c>
      <c r="IR6" s="358" t="s">
        <v>51</v>
      </c>
      <c r="IS6" s="359" t="s">
        <v>45</v>
      </c>
      <c r="IT6" s="361" t="s">
        <v>52</v>
      </c>
      <c r="IU6" s="357" t="s">
        <v>43</v>
      </c>
      <c r="IV6" s="358" t="s">
        <v>44</v>
      </c>
      <c r="IW6" s="359" t="s">
        <v>45</v>
      </c>
      <c r="IX6" s="360" t="s">
        <v>46</v>
      </c>
      <c r="IY6" s="358" t="s">
        <v>47</v>
      </c>
      <c r="IZ6" s="358" t="s">
        <v>48</v>
      </c>
      <c r="JA6" s="358" t="s">
        <v>49</v>
      </c>
      <c r="JB6" s="358" t="s">
        <v>50</v>
      </c>
      <c r="JC6" s="358" t="s">
        <v>51</v>
      </c>
      <c r="JD6" s="359" t="s">
        <v>45</v>
      </c>
      <c r="JE6" s="361" t="s">
        <v>52</v>
      </c>
      <c r="JF6" s="357" t="s">
        <v>43</v>
      </c>
      <c r="JG6" s="358" t="s">
        <v>44</v>
      </c>
      <c r="JH6" s="359" t="s">
        <v>45</v>
      </c>
      <c r="JI6" s="360" t="s">
        <v>46</v>
      </c>
      <c r="JJ6" s="358" t="s">
        <v>47</v>
      </c>
      <c r="JK6" s="358" t="s">
        <v>48</v>
      </c>
      <c r="JL6" s="358" t="s">
        <v>49</v>
      </c>
      <c r="JM6" s="358" t="s">
        <v>50</v>
      </c>
      <c r="JN6" s="358" t="s">
        <v>51</v>
      </c>
      <c r="JO6" s="359" t="s">
        <v>45</v>
      </c>
      <c r="JP6" s="361" t="s">
        <v>52</v>
      </c>
      <c r="JQ6" s="357" t="s">
        <v>43</v>
      </c>
      <c r="JR6" s="358" t="s">
        <v>44</v>
      </c>
      <c r="JS6" s="359" t="s">
        <v>45</v>
      </c>
      <c r="JT6" s="360" t="s">
        <v>46</v>
      </c>
      <c r="JU6" s="358" t="s">
        <v>47</v>
      </c>
      <c r="JV6" s="358" t="s">
        <v>48</v>
      </c>
      <c r="JW6" s="358" t="s">
        <v>49</v>
      </c>
      <c r="JX6" s="358" t="s">
        <v>50</v>
      </c>
      <c r="JY6" s="358" t="s">
        <v>51</v>
      </c>
      <c r="JZ6" s="359" t="s">
        <v>45</v>
      </c>
      <c r="KA6" s="361" t="s">
        <v>52</v>
      </c>
      <c r="KB6" s="357" t="s">
        <v>43</v>
      </c>
      <c r="KC6" s="358" t="s">
        <v>44</v>
      </c>
      <c r="KD6" s="359" t="s">
        <v>45</v>
      </c>
      <c r="KE6" s="360" t="s">
        <v>46</v>
      </c>
      <c r="KF6" s="358" t="s">
        <v>47</v>
      </c>
      <c r="KG6" s="358" t="s">
        <v>48</v>
      </c>
      <c r="KH6" s="358" t="s">
        <v>49</v>
      </c>
      <c r="KI6" s="358" t="s">
        <v>50</v>
      </c>
      <c r="KJ6" s="358" t="s">
        <v>51</v>
      </c>
      <c r="KK6" s="359" t="s">
        <v>45</v>
      </c>
      <c r="KL6" s="361" t="s">
        <v>52</v>
      </c>
    </row>
    <row r="7" spans="1:298" ht="19.5" customHeight="1" x14ac:dyDescent="0.2">
      <c r="A7" s="125" t="s">
        <v>4</v>
      </c>
      <c r="B7" s="315">
        <v>4408</v>
      </c>
      <c r="C7" s="78">
        <v>4018</v>
      </c>
      <c r="D7" s="79">
        <v>8426</v>
      </c>
      <c r="E7" s="240"/>
      <c r="F7" s="78">
        <v>5893</v>
      </c>
      <c r="G7" s="78">
        <v>5166</v>
      </c>
      <c r="H7" s="78">
        <v>3607</v>
      </c>
      <c r="I7" s="78">
        <v>2927</v>
      </c>
      <c r="J7" s="78">
        <v>1607</v>
      </c>
      <c r="K7" s="80">
        <v>19200</v>
      </c>
      <c r="L7" s="81">
        <v>27626</v>
      </c>
      <c r="M7" s="66">
        <v>56</v>
      </c>
      <c r="N7" s="67">
        <v>71</v>
      </c>
      <c r="O7" s="68">
        <v>127</v>
      </c>
      <c r="P7" s="243"/>
      <c r="Q7" s="67">
        <v>70</v>
      </c>
      <c r="R7" s="67">
        <v>99</v>
      </c>
      <c r="S7" s="67">
        <v>52</v>
      </c>
      <c r="T7" s="67">
        <v>52</v>
      </c>
      <c r="U7" s="67">
        <v>41</v>
      </c>
      <c r="V7" s="68">
        <v>314</v>
      </c>
      <c r="W7" s="69">
        <v>441</v>
      </c>
      <c r="X7" s="66">
        <v>177</v>
      </c>
      <c r="Y7" s="67">
        <v>197</v>
      </c>
      <c r="Z7" s="68">
        <v>374</v>
      </c>
      <c r="AA7" s="243"/>
      <c r="AB7" s="67">
        <v>240</v>
      </c>
      <c r="AC7" s="67">
        <v>247</v>
      </c>
      <c r="AD7" s="67">
        <v>163</v>
      </c>
      <c r="AE7" s="67">
        <v>156</v>
      </c>
      <c r="AF7" s="67">
        <v>112</v>
      </c>
      <c r="AG7" s="68">
        <v>918</v>
      </c>
      <c r="AH7" s="69">
        <v>1292</v>
      </c>
      <c r="AI7" s="66">
        <v>356</v>
      </c>
      <c r="AJ7" s="67">
        <v>348</v>
      </c>
      <c r="AK7" s="68">
        <v>704</v>
      </c>
      <c r="AL7" s="243"/>
      <c r="AM7" s="67">
        <v>467</v>
      </c>
      <c r="AN7" s="67">
        <v>403</v>
      </c>
      <c r="AO7" s="67">
        <v>283</v>
      </c>
      <c r="AP7" s="67">
        <v>226</v>
      </c>
      <c r="AQ7" s="67">
        <v>151</v>
      </c>
      <c r="AR7" s="68">
        <v>1530</v>
      </c>
      <c r="AS7" s="69">
        <v>2234</v>
      </c>
      <c r="AT7" s="66">
        <v>905</v>
      </c>
      <c r="AU7" s="67">
        <v>806</v>
      </c>
      <c r="AV7" s="68">
        <v>1711</v>
      </c>
      <c r="AW7" s="243"/>
      <c r="AX7" s="67">
        <v>1131</v>
      </c>
      <c r="AY7" s="67">
        <v>956</v>
      </c>
      <c r="AZ7" s="67">
        <v>581</v>
      </c>
      <c r="BA7" s="67">
        <v>443</v>
      </c>
      <c r="BB7" s="67">
        <v>310</v>
      </c>
      <c r="BC7" s="68">
        <v>3421</v>
      </c>
      <c r="BD7" s="69">
        <v>5132</v>
      </c>
      <c r="BE7" s="66">
        <v>1620</v>
      </c>
      <c r="BF7" s="67">
        <v>1329</v>
      </c>
      <c r="BG7" s="68">
        <v>2949</v>
      </c>
      <c r="BH7" s="243"/>
      <c r="BI7" s="67">
        <v>2032</v>
      </c>
      <c r="BJ7" s="67">
        <v>1594</v>
      </c>
      <c r="BK7" s="67">
        <v>1112</v>
      </c>
      <c r="BL7" s="67">
        <v>916</v>
      </c>
      <c r="BM7" s="67">
        <v>470</v>
      </c>
      <c r="BN7" s="68">
        <v>6124</v>
      </c>
      <c r="BO7" s="69">
        <v>9073</v>
      </c>
      <c r="BP7" s="66">
        <v>1294</v>
      </c>
      <c r="BQ7" s="67">
        <v>1267</v>
      </c>
      <c r="BR7" s="68">
        <v>2561</v>
      </c>
      <c r="BS7" s="243"/>
      <c r="BT7" s="67">
        <v>1953</v>
      </c>
      <c r="BU7" s="67">
        <v>1867</v>
      </c>
      <c r="BV7" s="67">
        <v>1416</v>
      </c>
      <c r="BW7" s="67">
        <v>1134</v>
      </c>
      <c r="BX7" s="67">
        <v>523</v>
      </c>
      <c r="BY7" s="68">
        <v>6893</v>
      </c>
      <c r="BZ7" s="69">
        <v>9454</v>
      </c>
      <c r="CA7" s="66">
        <v>0</v>
      </c>
      <c r="CB7" s="67">
        <v>0</v>
      </c>
      <c r="CC7" s="68">
        <v>0</v>
      </c>
      <c r="CD7" s="243"/>
      <c r="CE7" s="67">
        <v>0</v>
      </c>
      <c r="CF7" s="67">
        <v>0</v>
      </c>
      <c r="CG7" s="67">
        <v>0</v>
      </c>
      <c r="CH7" s="67">
        <v>0</v>
      </c>
      <c r="CI7" s="67">
        <v>0</v>
      </c>
      <c r="CJ7" s="68">
        <v>0</v>
      </c>
      <c r="CK7" s="69">
        <v>0</v>
      </c>
      <c r="CL7" s="66">
        <v>4408</v>
      </c>
      <c r="CM7" s="67">
        <v>4018</v>
      </c>
      <c r="CN7" s="68">
        <v>8426</v>
      </c>
      <c r="CO7" s="243"/>
      <c r="CP7" s="67">
        <v>5893</v>
      </c>
      <c r="CQ7" s="67">
        <v>5166</v>
      </c>
      <c r="CR7" s="67">
        <v>3607</v>
      </c>
      <c r="CS7" s="67">
        <v>2927</v>
      </c>
      <c r="CT7" s="67">
        <v>1607</v>
      </c>
      <c r="CU7" s="68">
        <v>19200</v>
      </c>
      <c r="CV7" s="69">
        <v>27626</v>
      </c>
      <c r="CW7" s="122">
        <v>604</v>
      </c>
      <c r="CX7" s="78">
        <v>640</v>
      </c>
      <c r="CY7" s="79">
        <v>1244</v>
      </c>
      <c r="CZ7" s="240"/>
      <c r="DA7" s="78">
        <v>810</v>
      </c>
      <c r="DB7" s="78">
        <v>744</v>
      </c>
      <c r="DC7" s="78">
        <v>554</v>
      </c>
      <c r="DD7" s="78">
        <v>523</v>
      </c>
      <c r="DE7" s="78">
        <v>362</v>
      </c>
      <c r="DF7" s="80">
        <v>2993</v>
      </c>
      <c r="DG7" s="81">
        <v>4237</v>
      </c>
      <c r="DH7" s="66">
        <v>10</v>
      </c>
      <c r="DI7" s="67">
        <v>15</v>
      </c>
      <c r="DJ7" s="68">
        <v>25</v>
      </c>
      <c r="DK7" s="243"/>
      <c r="DL7" s="67">
        <v>13</v>
      </c>
      <c r="DM7" s="67">
        <v>14</v>
      </c>
      <c r="DN7" s="67">
        <v>9</v>
      </c>
      <c r="DO7" s="67">
        <v>5</v>
      </c>
      <c r="DP7" s="67">
        <v>5</v>
      </c>
      <c r="DQ7" s="68">
        <v>46</v>
      </c>
      <c r="DR7" s="69">
        <v>71</v>
      </c>
      <c r="DS7" s="66">
        <v>40</v>
      </c>
      <c r="DT7" s="67">
        <v>55</v>
      </c>
      <c r="DU7" s="68">
        <v>95</v>
      </c>
      <c r="DV7" s="243"/>
      <c r="DW7" s="67">
        <v>30</v>
      </c>
      <c r="DX7" s="67">
        <v>30</v>
      </c>
      <c r="DY7" s="67">
        <v>11</v>
      </c>
      <c r="DZ7" s="67">
        <v>24</v>
      </c>
      <c r="EA7" s="67">
        <v>13</v>
      </c>
      <c r="EB7" s="68">
        <v>108</v>
      </c>
      <c r="EC7" s="69">
        <v>203</v>
      </c>
      <c r="ED7" s="66">
        <v>71</v>
      </c>
      <c r="EE7" s="67">
        <v>65</v>
      </c>
      <c r="EF7" s="68">
        <v>136</v>
      </c>
      <c r="EG7" s="243"/>
      <c r="EH7" s="67">
        <v>70</v>
      </c>
      <c r="EI7" s="67">
        <v>58</v>
      </c>
      <c r="EJ7" s="67">
        <v>37</v>
      </c>
      <c r="EK7" s="67">
        <v>23</v>
      </c>
      <c r="EL7" s="67">
        <v>24</v>
      </c>
      <c r="EM7" s="68">
        <v>212</v>
      </c>
      <c r="EN7" s="69">
        <v>348</v>
      </c>
      <c r="EO7" s="66">
        <v>182</v>
      </c>
      <c r="EP7" s="67">
        <v>160</v>
      </c>
      <c r="EQ7" s="68">
        <v>342</v>
      </c>
      <c r="ER7" s="243"/>
      <c r="ES7" s="67">
        <v>148</v>
      </c>
      <c r="ET7" s="67">
        <v>96</v>
      </c>
      <c r="EU7" s="67">
        <v>87</v>
      </c>
      <c r="EV7" s="67">
        <v>61</v>
      </c>
      <c r="EW7" s="67">
        <v>44</v>
      </c>
      <c r="EX7" s="68">
        <v>436</v>
      </c>
      <c r="EY7" s="69">
        <v>778</v>
      </c>
      <c r="EZ7" s="66">
        <v>172</v>
      </c>
      <c r="FA7" s="67">
        <v>194</v>
      </c>
      <c r="FB7" s="68">
        <v>366</v>
      </c>
      <c r="FC7" s="243"/>
      <c r="FD7" s="67">
        <v>254</v>
      </c>
      <c r="FE7" s="67">
        <v>211</v>
      </c>
      <c r="FF7" s="67">
        <v>130</v>
      </c>
      <c r="FG7" s="67">
        <v>128</v>
      </c>
      <c r="FH7" s="67">
        <v>85</v>
      </c>
      <c r="FI7" s="68">
        <v>808</v>
      </c>
      <c r="FJ7" s="69">
        <v>1174</v>
      </c>
      <c r="FK7" s="66">
        <v>129</v>
      </c>
      <c r="FL7" s="67">
        <v>151</v>
      </c>
      <c r="FM7" s="68">
        <v>280</v>
      </c>
      <c r="FN7" s="243"/>
      <c r="FO7" s="67">
        <v>295</v>
      </c>
      <c r="FP7" s="67">
        <v>335</v>
      </c>
      <c r="FQ7" s="67">
        <v>280</v>
      </c>
      <c r="FR7" s="67">
        <v>282</v>
      </c>
      <c r="FS7" s="67">
        <v>191</v>
      </c>
      <c r="FT7" s="68">
        <v>1383</v>
      </c>
      <c r="FU7" s="69">
        <v>1663</v>
      </c>
      <c r="FV7" s="66">
        <v>0</v>
      </c>
      <c r="FW7" s="67">
        <v>0</v>
      </c>
      <c r="FX7" s="68">
        <v>0</v>
      </c>
      <c r="FY7" s="243"/>
      <c r="FZ7" s="67">
        <v>0</v>
      </c>
      <c r="GA7" s="67">
        <v>0</v>
      </c>
      <c r="GB7" s="67">
        <v>0</v>
      </c>
      <c r="GC7" s="67">
        <v>0</v>
      </c>
      <c r="GD7" s="67">
        <v>0</v>
      </c>
      <c r="GE7" s="68">
        <v>0</v>
      </c>
      <c r="GF7" s="69">
        <v>0</v>
      </c>
      <c r="GG7" s="66">
        <v>604</v>
      </c>
      <c r="GH7" s="67">
        <v>640</v>
      </c>
      <c r="GI7" s="68">
        <v>1244</v>
      </c>
      <c r="GJ7" s="243"/>
      <c r="GK7" s="67">
        <v>810</v>
      </c>
      <c r="GL7" s="67">
        <v>744</v>
      </c>
      <c r="GM7" s="67">
        <v>554</v>
      </c>
      <c r="GN7" s="67">
        <v>523</v>
      </c>
      <c r="GO7" s="67">
        <v>362</v>
      </c>
      <c r="GP7" s="68">
        <v>2993</v>
      </c>
      <c r="GQ7" s="69">
        <v>4237</v>
      </c>
      <c r="GR7" s="122">
        <v>5012</v>
      </c>
      <c r="GS7" s="78">
        <v>4658</v>
      </c>
      <c r="GT7" s="79">
        <v>9670</v>
      </c>
      <c r="GU7" s="240"/>
      <c r="GV7" s="78">
        <v>6703</v>
      </c>
      <c r="GW7" s="78">
        <v>5910</v>
      </c>
      <c r="GX7" s="78">
        <v>4161</v>
      </c>
      <c r="GY7" s="78">
        <v>3450</v>
      </c>
      <c r="GZ7" s="78">
        <v>1969</v>
      </c>
      <c r="HA7" s="80">
        <v>22193</v>
      </c>
      <c r="HB7" s="81">
        <v>31863</v>
      </c>
      <c r="HC7" s="66">
        <v>66</v>
      </c>
      <c r="HD7" s="67">
        <v>86</v>
      </c>
      <c r="HE7" s="68">
        <v>152</v>
      </c>
      <c r="HF7" s="243"/>
      <c r="HG7" s="67">
        <v>83</v>
      </c>
      <c r="HH7" s="67">
        <v>113</v>
      </c>
      <c r="HI7" s="67">
        <v>61</v>
      </c>
      <c r="HJ7" s="67">
        <v>57</v>
      </c>
      <c r="HK7" s="67">
        <v>46</v>
      </c>
      <c r="HL7" s="68">
        <v>360</v>
      </c>
      <c r="HM7" s="69">
        <v>512</v>
      </c>
      <c r="HN7" s="66">
        <v>217</v>
      </c>
      <c r="HO7" s="67">
        <v>252</v>
      </c>
      <c r="HP7" s="68">
        <v>469</v>
      </c>
      <c r="HQ7" s="243"/>
      <c r="HR7" s="67">
        <v>270</v>
      </c>
      <c r="HS7" s="67">
        <v>277</v>
      </c>
      <c r="HT7" s="67">
        <v>174</v>
      </c>
      <c r="HU7" s="67">
        <v>180</v>
      </c>
      <c r="HV7" s="67">
        <v>125</v>
      </c>
      <c r="HW7" s="68">
        <v>1026</v>
      </c>
      <c r="HX7" s="69">
        <v>1495</v>
      </c>
      <c r="HY7" s="66">
        <v>427</v>
      </c>
      <c r="HZ7" s="67">
        <v>413</v>
      </c>
      <c r="IA7" s="68">
        <v>840</v>
      </c>
      <c r="IB7" s="243"/>
      <c r="IC7" s="67">
        <v>537</v>
      </c>
      <c r="ID7" s="67">
        <v>461</v>
      </c>
      <c r="IE7" s="67">
        <v>320</v>
      </c>
      <c r="IF7" s="67">
        <v>249</v>
      </c>
      <c r="IG7" s="67">
        <v>175</v>
      </c>
      <c r="IH7" s="68">
        <v>1742</v>
      </c>
      <c r="II7" s="69">
        <v>2582</v>
      </c>
      <c r="IJ7" s="66">
        <v>1087</v>
      </c>
      <c r="IK7" s="67">
        <v>966</v>
      </c>
      <c r="IL7" s="68">
        <v>2053</v>
      </c>
      <c r="IM7" s="243"/>
      <c r="IN7" s="67">
        <v>1279</v>
      </c>
      <c r="IO7" s="67">
        <v>1052</v>
      </c>
      <c r="IP7" s="67">
        <v>668</v>
      </c>
      <c r="IQ7" s="67">
        <v>504</v>
      </c>
      <c r="IR7" s="67">
        <v>354</v>
      </c>
      <c r="IS7" s="68">
        <v>3857</v>
      </c>
      <c r="IT7" s="69">
        <v>5910</v>
      </c>
      <c r="IU7" s="66">
        <v>1792</v>
      </c>
      <c r="IV7" s="67">
        <v>1523</v>
      </c>
      <c r="IW7" s="68">
        <v>3315</v>
      </c>
      <c r="IX7" s="243"/>
      <c r="IY7" s="67">
        <v>2286</v>
      </c>
      <c r="IZ7" s="67">
        <v>1805</v>
      </c>
      <c r="JA7" s="67">
        <v>1242</v>
      </c>
      <c r="JB7" s="67">
        <v>1044</v>
      </c>
      <c r="JC7" s="67">
        <v>555</v>
      </c>
      <c r="JD7" s="68">
        <v>6932</v>
      </c>
      <c r="JE7" s="69">
        <v>10247</v>
      </c>
      <c r="JF7" s="66">
        <v>1423</v>
      </c>
      <c r="JG7" s="67">
        <v>1418</v>
      </c>
      <c r="JH7" s="68">
        <v>2841</v>
      </c>
      <c r="JI7" s="243"/>
      <c r="JJ7" s="67">
        <v>2248</v>
      </c>
      <c r="JK7" s="67">
        <v>2202</v>
      </c>
      <c r="JL7" s="67">
        <v>1696</v>
      </c>
      <c r="JM7" s="67">
        <v>1416</v>
      </c>
      <c r="JN7" s="67">
        <v>714</v>
      </c>
      <c r="JO7" s="68">
        <v>8276</v>
      </c>
      <c r="JP7" s="69">
        <v>11117</v>
      </c>
      <c r="JQ7" s="66">
        <v>0</v>
      </c>
      <c r="JR7" s="67">
        <v>0</v>
      </c>
      <c r="JS7" s="68">
        <v>0</v>
      </c>
      <c r="JT7" s="243"/>
      <c r="JU7" s="67">
        <v>0</v>
      </c>
      <c r="JV7" s="67">
        <v>0</v>
      </c>
      <c r="JW7" s="67">
        <v>0</v>
      </c>
      <c r="JX7" s="67">
        <v>0</v>
      </c>
      <c r="JY7" s="67">
        <v>0</v>
      </c>
      <c r="JZ7" s="68">
        <v>0</v>
      </c>
      <c r="KA7" s="69">
        <v>0</v>
      </c>
      <c r="KB7" s="66">
        <v>5012</v>
      </c>
      <c r="KC7" s="67">
        <v>4658</v>
      </c>
      <c r="KD7" s="68">
        <v>9670</v>
      </c>
      <c r="KE7" s="243"/>
      <c r="KF7" s="67">
        <v>6703</v>
      </c>
      <c r="KG7" s="67">
        <v>5910</v>
      </c>
      <c r="KH7" s="67">
        <v>4161</v>
      </c>
      <c r="KI7" s="67">
        <v>3450</v>
      </c>
      <c r="KJ7" s="67">
        <v>1969</v>
      </c>
      <c r="KK7" s="68">
        <v>22193</v>
      </c>
      <c r="KL7" s="69">
        <v>31863</v>
      </c>
    </row>
    <row r="8" spans="1:298" ht="19.5" customHeight="1" x14ac:dyDescent="0.2">
      <c r="A8" s="126" t="s">
        <v>5</v>
      </c>
      <c r="B8" s="316">
        <v>1911</v>
      </c>
      <c r="C8" s="82">
        <v>2038</v>
      </c>
      <c r="D8" s="83">
        <v>3949</v>
      </c>
      <c r="E8" s="241"/>
      <c r="F8" s="82">
        <v>2145</v>
      </c>
      <c r="G8" s="82">
        <v>2412</v>
      </c>
      <c r="H8" s="82">
        <v>1644</v>
      </c>
      <c r="I8" s="82">
        <v>1253</v>
      </c>
      <c r="J8" s="82">
        <v>712</v>
      </c>
      <c r="K8" s="84">
        <v>8166</v>
      </c>
      <c r="L8" s="85">
        <v>12115</v>
      </c>
      <c r="M8" s="70">
        <v>21</v>
      </c>
      <c r="N8" s="71">
        <v>36</v>
      </c>
      <c r="O8" s="72">
        <v>57</v>
      </c>
      <c r="P8" s="244"/>
      <c r="Q8" s="71">
        <v>19</v>
      </c>
      <c r="R8" s="71">
        <v>48</v>
      </c>
      <c r="S8" s="71">
        <v>14</v>
      </c>
      <c r="T8" s="71">
        <v>24</v>
      </c>
      <c r="U8" s="71">
        <v>20</v>
      </c>
      <c r="V8" s="72">
        <v>125</v>
      </c>
      <c r="W8" s="73">
        <v>182</v>
      </c>
      <c r="X8" s="70">
        <v>63</v>
      </c>
      <c r="Y8" s="71">
        <v>90</v>
      </c>
      <c r="Z8" s="72">
        <v>153</v>
      </c>
      <c r="AA8" s="244"/>
      <c r="AB8" s="71">
        <v>91</v>
      </c>
      <c r="AC8" s="71">
        <v>110</v>
      </c>
      <c r="AD8" s="71">
        <v>71</v>
      </c>
      <c r="AE8" s="71">
        <v>57</v>
      </c>
      <c r="AF8" s="71">
        <v>50</v>
      </c>
      <c r="AG8" s="72">
        <v>379</v>
      </c>
      <c r="AH8" s="73">
        <v>532</v>
      </c>
      <c r="AI8" s="70">
        <v>140</v>
      </c>
      <c r="AJ8" s="71">
        <v>169</v>
      </c>
      <c r="AK8" s="72">
        <v>309</v>
      </c>
      <c r="AL8" s="244"/>
      <c r="AM8" s="71">
        <v>150</v>
      </c>
      <c r="AN8" s="71">
        <v>170</v>
      </c>
      <c r="AO8" s="71">
        <v>115</v>
      </c>
      <c r="AP8" s="71">
        <v>85</v>
      </c>
      <c r="AQ8" s="71">
        <v>60</v>
      </c>
      <c r="AR8" s="72">
        <v>580</v>
      </c>
      <c r="AS8" s="73">
        <v>889</v>
      </c>
      <c r="AT8" s="70">
        <v>389</v>
      </c>
      <c r="AU8" s="71">
        <v>404</v>
      </c>
      <c r="AV8" s="72">
        <v>793</v>
      </c>
      <c r="AW8" s="244"/>
      <c r="AX8" s="71">
        <v>410</v>
      </c>
      <c r="AY8" s="71">
        <v>392</v>
      </c>
      <c r="AZ8" s="71">
        <v>258</v>
      </c>
      <c r="BA8" s="71">
        <v>178</v>
      </c>
      <c r="BB8" s="71">
        <v>135</v>
      </c>
      <c r="BC8" s="72">
        <v>1373</v>
      </c>
      <c r="BD8" s="73">
        <v>2166</v>
      </c>
      <c r="BE8" s="70">
        <v>742</v>
      </c>
      <c r="BF8" s="71">
        <v>692</v>
      </c>
      <c r="BG8" s="72">
        <v>1434</v>
      </c>
      <c r="BH8" s="244"/>
      <c r="BI8" s="71">
        <v>786</v>
      </c>
      <c r="BJ8" s="71">
        <v>761</v>
      </c>
      <c r="BK8" s="71">
        <v>509</v>
      </c>
      <c r="BL8" s="71">
        <v>401</v>
      </c>
      <c r="BM8" s="71">
        <v>216</v>
      </c>
      <c r="BN8" s="72">
        <v>2673</v>
      </c>
      <c r="BO8" s="73">
        <v>4107</v>
      </c>
      <c r="BP8" s="70">
        <v>556</v>
      </c>
      <c r="BQ8" s="71">
        <v>647</v>
      </c>
      <c r="BR8" s="72">
        <v>1203</v>
      </c>
      <c r="BS8" s="244"/>
      <c r="BT8" s="71">
        <v>689</v>
      </c>
      <c r="BU8" s="71">
        <v>931</v>
      </c>
      <c r="BV8" s="71">
        <v>677</v>
      </c>
      <c r="BW8" s="71">
        <v>508</v>
      </c>
      <c r="BX8" s="71">
        <v>231</v>
      </c>
      <c r="BY8" s="72">
        <v>3036</v>
      </c>
      <c r="BZ8" s="73">
        <v>4239</v>
      </c>
      <c r="CA8" s="70">
        <v>0</v>
      </c>
      <c r="CB8" s="71">
        <v>0</v>
      </c>
      <c r="CC8" s="72">
        <v>0</v>
      </c>
      <c r="CD8" s="244"/>
      <c r="CE8" s="71">
        <v>0</v>
      </c>
      <c r="CF8" s="71">
        <v>0</v>
      </c>
      <c r="CG8" s="71">
        <v>0</v>
      </c>
      <c r="CH8" s="71">
        <v>0</v>
      </c>
      <c r="CI8" s="71">
        <v>0</v>
      </c>
      <c r="CJ8" s="72">
        <v>0</v>
      </c>
      <c r="CK8" s="73">
        <v>0</v>
      </c>
      <c r="CL8" s="70">
        <v>1911</v>
      </c>
      <c r="CM8" s="71">
        <v>2038</v>
      </c>
      <c r="CN8" s="72">
        <v>3949</v>
      </c>
      <c r="CO8" s="244"/>
      <c r="CP8" s="71">
        <v>2145</v>
      </c>
      <c r="CQ8" s="71">
        <v>2412</v>
      </c>
      <c r="CR8" s="71">
        <v>1644</v>
      </c>
      <c r="CS8" s="71">
        <v>1253</v>
      </c>
      <c r="CT8" s="71">
        <v>712</v>
      </c>
      <c r="CU8" s="72">
        <v>8166</v>
      </c>
      <c r="CV8" s="73">
        <v>12115</v>
      </c>
      <c r="CW8" s="123">
        <v>241</v>
      </c>
      <c r="CX8" s="82">
        <v>305</v>
      </c>
      <c r="CY8" s="83">
        <v>546</v>
      </c>
      <c r="CZ8" s="241"/>
      <c r="DA8" s="82">
        <v>319</v>
      </c>
      <c r="DB8" s="82">
        <v>327</v>
      </c>
      <c r="DC8" s="82">
        <v>242</v>
      </c>
      <c r="DD8" s="82">
        <v>240</v>
      </c>
      <c r="DE8" s="82">
        <v>153</v>
      </c>
      <c r="DF8" s="84">
        <v>1281</v>
      </c>
      <c r="DG8" s="85">
        <v>1827</v>
      </c>
      <c r="DH8" s="70">
        <v>4</v>
      </c>
      <c r="DI8" s="71">
        <v>8</v>
      </c>
      <c r="DJ8" s="72">
        <v>12</v>
      </c>
      <c r="DK8" s="244"/>
      <c r="DL8" s="71">
        <v>5</v>
      </c>
      <c r="DM8" s="71">
        <v>9</v>
      </c>
      <c r="DN8" s="71">
        <v>2</v>
      </c>
      <c r="DO8" s="71">
        <v>2</v>
      </c>
      <c r="DP8" s="71">
        <v>0</v>
      </c>
      <c r="DQ8" s="72">
        <v>18</v>
      </c>
      <c r="DR8" s="73">
        <v>30</v>
      </c>
      <c r="DS8" s="70">
        <v>17</v>
      </c>
      <c r="DT8" s="71">
        <v>25</v>
      </c>
      <c r="DU8" s="72">
        <v>42</v>
      </c>
      <c r="DV8" s="244"/>
      <c r="DW8" s="71">
        <v>10</v>
      </c>
      <c r="DX8" s="71">
        <v>10</v>
      </c>
      <c r="DY8" s="71">
        <v>2</v>
      </c>
      <c r="DZ8" s="71">
        <v>11</v>
      </c>
      <c r="EA8" s="71">
        <v>3</v>
      </c>
      <c r="EB8" s="72">
        <v>36</v>
      </c>
      <c r="EC8" s="73">
        <v>78</v>
      </c>
      <c r="ED8" s="70">
        <v>22</v>
      </c>
      <c r="EE8" s="71">
        <v>32</v>
      </c>
      <c r="EF8" s="72">
        <v>54</v>
      </c>
      <c r="EG8" s="244"/>
      <c r="EH8" s="71">
        <v>35</v>
      </c>
      <c r="EI8" s="71">
        <v>25</v>
      </c>
      <c r="EJ8" s="71">
        <v>15</v>
      </c>
      <c r="EK8" s="71">
        <v>10</v>
      </c>
      <c r="EL8" s="71">
        <v>14</v>
      </c>
      <c r="EM8" s="72">
        <v>99</v>
      </c>
      <c r="EN8" s="73">
        <v>153</v>
      </c>
      <c r="EO8" s="70">
        <v>77</v>
      </c>
      <c r="EP8" s="71">
        <v>73</v>
      </c>
      <c r="EQ8" s="72">
        <v>150</v>
      </c>
      <c r="ER8" s="244"/>
      <c r="ES8" s="71">
        <v>68</v>
      </c>
      <c r="ET8" s="71">
        <v>45</v>
      </c>
      <c r="EU8" s="71">
        <v>36</v>
      </c>
      <c r="EV8" s="71">
        <v>32</v>
      </c>
      <c r="EW8" s="71">
        <v>19</v>
      </c>
      <c r="EX8" s="72">
        <v>200</v>
      </c>
      <c r="EY8" s="73">
        <v>350</v>
      </c>
      <c r="EZ8" s="70">
        <v>66</v>
      </c>
      <c r="FA8" s="71">
        <v>92</v>
      </c>
      <c r="FB8" s="72">
        <v>158</v>
      </c>
      <c r="FC8" s="244"/>
      <c r="FD8" s="71">
        <v>93</v>
      </c>
      <c r="FE8" s="71">
        <v>91</v>
      </c>
      <c r="FF8" s="71">
        <v>56</v>
      </c>
      <c r="FG8" s="71">
        <v>54</v>
      </c>
      <c r="FH8" s="71">
        <v>38</v>
      </c>
      <c r="FI8" s="72">
        <v>332</v>
      </c>
      <c r="FJ8" s="73">
        <v>490</v>
      </c>
      <c r="FK8" s="70">
        <v>55</v>
      </c>
      <c r="FL8" s="71">
        <v>75</v>
      </c>
      <c r="FM8" s="72">
        <v>130</v>
      </c>
      <c r="FN8" s="244"/>
      <c r="FO8" s="71">
        <v>108</v>
      </c>
      <c r="FP8" s="71">
        <v>147</v>
      </c>
      <c r="FQ8" s="71">
        <v>131</v>
      </c>
      <c r="FR8" s="71">
        <v>131</v>
      </c>
      <c r="FS8" s="71">
        <v>79</v>
      </c>
      <c r="FT8" s="72">
        <v>596</v>
      </c>
      <c r="FU8" s="73">
        <v>726</v>
      </c>
      <c r="FV8" s="70">
        <v>0</v>
      </c>
      <c r="FW8" s="71">
        <v>0</v>
      </c>
      <c r="FX8" s="72">
        <v>0</v>
      </c>
      <c r="FY8" s="244"/>
      <c r="FZ8" s="71">
        <v>0</v>
      </c>
      <c r="GA8" s="71">
        <v>0</v>
      </c>
      <c r="GB8" s="71">
        <v>0</v>
      </c>
      <c r="GC8" s="71">
        <v>0</v>
      </c>
      <c r="GD8" s="71">
        <v>0</v>
      </c>
      <c r="GE8" s="72">
        <v>0</v>
      </c>
      <c r="GF8" s="73">
        <v>0</v>
      </c>
      <c r="GG8" s="70">
        <v>241</v>
      </c>
      <c r="GH8" s="71">
        <v>305</v>
      </c>
      <c r="GI8" s="72">
        <v>546</v>
      </c>
      <c r="GJ8" s="244"/>
      <c r="GK8" s="71">
        <v>319</v>
      </c>
      <c r="GL8" s="71">
        <v>327</v>
      </c>
      <c r="GM8" s="71">
        <v>242</v>
      </c>
      <c r="GN8" s="71">
        <v>240</v>
      </c>
      <c r="GO8" s="71">
        <v>153</v>
      </c>
      <c r="GP8" s="72">
        <v>1281</v>
      </c>
      <c r="GQ8" s="73">
        <v>1827</v>
      </c>
      <c r="GR8" s="123">
        <v>2152</v>
      </c>
      <c r="GS8" s="82">
        <v>2343</v>
      </c>
      <c r="GT8" s="83">
        <v>4495</v>
      </c>
      <c r="GU8" s="241"/>
      <c r="GV8" s="82">
        <v>2464</v>
      </c>
      <c r="GW8" s="82">
        <v>2739</v>
      </c>
      <c r="GX8" s="82">
        <v>1886</v>
      </c>
      <c r="GY8" s="82">
        <v>1493</v>
      </c>
      <c r="GZ8" s="82">
        <v>865</v>
      </c>
      <c r="HA8" s="84">
        <v>9447</v>
      </c>
      <c r="HB8" s="85">
        <v>13942</v>
      </c>
      <c r="HC8" s="70">
        <v>25</v>
      </c>
      <c r="HD8" s="71">
        <v>44</v>
      </c>
      <c r="HE8" s="72">
        <v>69</v>
      </c>
      <c r="HF8" s="244"/>
      <c r="HG8" s="71">
        <v>24</v>
      </c>
      <c r="HH8" s="71">
        <v>57</v>
      </c>
      <c r="HI8" s="71">
        <v>16</v>
      </c>
      <c r="HJ8" s="71">
        <v>26</v>
      </c>
      <c r="HK8" s="71">
        <v>20</v>
      </c>
      <c r="HL8" s="72">
        <v>143</v>
      </c>
      <c r="HM8" s="73">
        <v>212</v>
      </c>
      <c r="HN8" s="70">
        <v>80</v>
      </c>
      <c r="HO8" s="71">
        <v>115</v>
      </c>
      <c r="HP8" s="72">
        <v>195</v>
      </c>
      <c r="HQ8" s="244"/>
      <c r="HR8" s="71">
        <v>101</v>
      </c>
      <c r="HS8" s="71">
        <v>120</v>
      </c>
      <c r="HT8" s="71">
        <v>73</v>
      </c>
      <c r="HU8" s="71">
        <v>68</v>
      </c>
      <c r="HV8" s="71">
        <v>53</v>
      </c>
      <c r="HW8" s="72">
        <v>415</v>
      </c>
      <c r="HX8" s="73">
        <v>610</v>
      </c>
      <c r="HY8" s="70">
        <v>162</v>
      </c>
      <c r="HZ8" s="71">
        <v>201</v>
      </c>
      <c r="IA8" s="72">
        <v>363</v>
      </c>
      <c r="IB8" s="244"/>
      <c r="IC8" s="71">
        <v>185</v>
      </c>
      <c r="ID8" s="71">
        <v>195</v>
      </c>
      <c r="IE8" s="71">
        <v>130</v>
      </c>
      <c r="IF8" s="71">
        <v>95</v>
      </c>
      <c r="IG8" s="71">
        <v>74</v>
      </c>
      <c r="IH8" s="72">
        <v>679</v>
      </c>
      <c r="II8" s="73">
        <v>1042</v>
      </c>
      <c r="IJ8" s="70">
        <v>466</v>
      </c>
      <c r="IK8" s="71">
        <v>477</v>
      </c>
      <c r="IL8" s="72">
        <v>943</v>
      </c>
      <c r="IM8" s="244"/>
      <c r="IN8" s="71">
        <v>478</v>
      </c>
      <c r="IO8" s="71">
        <v>437</v>
      </c>
      <c r="IP8" s="71">
        <v>294</v>
      </c>
      <c r="IQ8" s="71">
        <v>210</v>
      </c>
      <c r="IR8" s="71">
        <v>154</v>
      </c>
      <c r="IS8" s="72">
        <v>1573</v>
      </c>
      <c r="IT8" s="73">
        <v>2516</v>
      </c>
      <c r="IU8" s="70">
        <v>808</v>
      </c>
      <c r="IV8" s="71">
        <v>784</v>
      </c>
      <c r="IW8" s="72">
        <v>1592</v>
      </c>
      <c r="IX8" s="244"/>
      <c r="IY8" s="71">
        <v>879</v>
      </c>
      <c r="IZ8" s="71">
        <v>852</v>
      </c>
      <c r="JA8" s="71">
        <v>565</v>
      </c>
      <c r="JB8" s="71">
        <v>455</v>
      </c>
      <c r="JC8" s="71">
        <v>254</v>
      </c>
      <c r="JD8" s="72">
        <v>3005</v>
      </c>
      <c r="JE8" s="73">
        <v>4597</v>
      </c>
      <c r="JF8" s="70">
        <v>611</v>
      </c>
      <c r="JG8" s="71">
        <v>722</v>
      </c>
      <c r="JH8" s="72">
        <v>1333</v>
      </c>
      <c r="JI8" s="244"/>
      <c r="JJ8" s="71">
        <v>797</v>
      </c>
      <c r="JK8" s="71">
        <v>1078</v>
      </c>
      <c r="JL8" s="71">
        <v>808</v>
      </c>
      <c r="JM8" s="71">
        <v>639</v>
      </c>
      <c r="JN8" s="71">
        <v>310</v>
      </c>
      <c r="JO8" s="72">
        <v>3632</v>
      </c>
      <c r="JP8" s="73">
        <v>4965</v>
      </c>
      <c r="JQ8" s="70">
        <v>0</v>
      </c>
      <c r="JR8" s="71">
        <v>0</v>
      </c>
      <c r="JS8" s="72">
        <v>0</v>
      </c>
      <c r="JT8" s="244"/>
      <c r="JU8" s="71">
        <v>0</v>
      </c>
      <c r="JV8" s="71">
        <v>0</v>
      </c>
      <c r="JW8" s="71">
        <v>0</v>
      </c>
      <c r="JX8" s="71">
        <v>0</v>
      </c>
      <c r="JY8" s="71">
        <v>0</v>
      </c>
      <c r="JZ8" s="72">
        <v>0</v>
      </c>
      <c r="KA8" s="73">
        <v>0</v>
      </c>
      <c r="KB8" s="70">
        <v>2152</v>
      </c>
      <c r="KC8" s="71">
        <v>2343</v>
      </c>
      <c r="KD8" s="72">
        <v>4495</v>
      </c>
      <c r="KE8" s="244"/>
      <c r="KF8" s="71">
        <v>2464</v>
      </c>
      <c r="KG8" s="71">
        <v>2739</v>
      </c>
      <c r="KH8" s="71">
        <v>1886</v>
      </c>
      <c r="KI8" s="71">
        <v>1493</v>
      </c>
      <c r="KJ8" s="71">
        <v>865</v>
      </c>
      <c r="KK8" s="72">
        <v>9447</v>
      </c>
      <c r="KL8" s="73">
        <v>13942</v>
      </c>
    </row>
    <row r="9" spans="1:298" ht="19.5" customHeight="1" x14ac:dyDescent="0.2">
      <c r="A9" s="126" t="s">
        <v>6</v>
      </c>
      <c r="B9" s="316">
        <v>540</v>
      </c>
      <c r="C9" s="82">
        <v>380</v>
      </c>
      <c r="D9" s="83">
        <v>920</v>
      </c>
      <c r="E9" s="241"/>
      <c r="F9" s="82">
        <v>794</v>
      </c>
      <c r="G9" s="82">
        <v>553</v>
      </c>
      <c r="H9" s="82">
        <v>406</v>
      </c>
      <c r="I9" s="82">
        <v>373</v>
      </c>
      <c r="J9" s="82">
        <v>233</v>
      </c>
      <c r="K9" s="84">
        <v>2359</v>
      </c>
      <c r="L9" s="85">
        <v>3279</v>
      </c>
      <c r="M9" s="70">
        <v>10</v>
      </c>
      <c r="N9" s="71">
        <v>7</v>
      </c>
      <c r="O9" s="72">
        <v>17</v>
      </c>
      <c r="P9" s="244"/>
      <c r="Q9" s="71">
        <v>14</v>
      </c>
      <c r="R9" s="71">
        <v>11</v>
      </c>
      <c r="S9" s="71">
        <v>7</v>
      </c>
      <c r="T9" s="71">
        <v>13</v>
      </c>
      <c r="U9" s="71">
        <v>5</v>
      </c>
      <c r="V9" s="72">
        <v>50</v>
      </c>
      <c r="W9" s="73">
        <v>67</v>
      </c>
      <c r="X9" s="70">
        <v>22</v>
      </c>
      <c r="Y9" s="71">
        <v>16</v>
      </c>
      <c r="Z9" s="72">
        <v>38</v>
      </c>
      <c r="AA9" s="244"/>
      <c r="AB9" s="71">
        <v>41</v>
      </c>
      <c r="AC9" s="71">
        <v>26</v>
      </c>
      <c r="AD9" s="71">
        <v>16</v>
      </c>
      <c r="AE9" s="71">
        <v>21</v>
      </c>
      <c r="AF9" s="71">
        <v>21</v>
      </c>
      <c r="AG9" s="72">
        <v>125</v>
      </c>
      <c r="AH9" s="73">
        <v>163</v>
      </c>
      <c r="AI9" s="70">
        <v>43</v>
      </c>
      <c r="AJ9" s="71">
        <v>32</v>
      </c>
      <c r="AK9" s="72">
        <v>75</v>
      </c>
      <c r="AL9" s="244"/>
      <c r="AM9" s="71">
        <v>62</v>
      </c>
      <c r="AN9" s="71">
        <v>39</v>
      </c>
      <c r="AO9" s="71">
        <v>30</v>
      </c>
      <c r="AP9" s="71">
        <v>26</v>
      </c>
      <c r="AQ9" s="71">
        <v>18</v>
      </c>
      <c r="AR9" s="72">
        <v>175</v>
      </c>
      <c r="AS9" s="73">
        <v>250</v>
      </c>
      <c r="AT9" s="70">
        <v>105</v>
      </c>
      <c r="AU9" s="71">
        <v>54</v>
      </c>
      <c r="AV9" s="72">
        <v>159</v>
      </c>
      <c r="AW9" s="244"/>
      <c r="AX9" s="71">
        <v>134</v>
      </c>
      <c r="AY9" s="71">
        <v>100</v>
      </c>
      <c r="AZ9" s="71">
        <v>66</v>
      </c>
      <c r="BA9" s="71">
        <v>47</v>
      </c>
      <c r="BB9" s="71">
        <v>37</v>
      </c>
      <c r="BC9" s="72">
        <v>384</v>
      </c>
      <c r="BD9" s="73">
        <v>543</v>
      </c>
      <c r="BE9" s="70">
        <v>192</v>
      </c>
      <c r="BF9" s="71">
        <v>141</v>
      </c>
      <c r="BG9" s="72">
        <v>333</v>
      </c>
      <c r="BH9" s="244"/>
      <c r="BI9" s="71">
        <v>261</v>
      </c>
      <c r="BJ9" s="71">
        <v>172</v>
      </c>
      <c r="BK9" s="71">
        <v>125</v>
      </c>
      <c r="BL9" s="71">
        <v>106</v>
      </c>
      <c r="BM9" s="71">
        <v>76</v>
      </c>
      <c r="BN9" s="72">
        <v>740</v>
      </c>
      <c r="BO9" s="73">
        <v>1073</v>
      </c>
      <c r="BP9" s="70">
        <v>168</v>
      </c>
      <c r="BQ9" s="71">
        <v>130</v>
      </c>
      <c r="BR9" s="72">
        <v>298</v>
      </c>
      <c r="BS9" s="244"/>
      <c r="BT9" s="71">
        <v>282</v>
      </c>
      <c r="BU9" s="71">
        <v>205</v>
      </c>
      <c r="BV9" s="71">
        <v>162</v>
      </c>
      <c r="BW9" s="71">
        <v>160</v>
      </c>
      <c r="BX9" s="71">
        <v>76</v>
      </c>
      <c r="BY9" s="72">
        <v>885</v>
      </c>
      <c r="BZ9" s="73">
        <v>1183</v>
      </c>
      <c r="CA9" s="70">
        <v>0</v>
      </c>
      <c r="CB9" s="71">
        <v>0</v>
      </c>
      <c r="CC9" s="72">
        <v>0</v>
      </c>
      <c r="CD9" s="244"/>
      <c r="CE9" s="71">
        <v>0</v>
      </c>
      <c r="CF9" s="71">
        <v>0</v>
      </c>
      <c r="CG9" s="71">
        <v>0</v>
      </c>
      <c r="CH9" s="71">
        <v>0</v>
      </c>
      <c r="CI9" s="71">
        <v>0</v>
      </c>
      <c r="CJ9" s="72">
        <v>0</v>
      </c>
      <c r="CK9" s="73">
        <v>0</v>
      </c>
      <c r="CL9" s="70">
        <v>540</v>
      </c>
      <c r="CM9" s="71">
        <v>380</v>
      </c>
      <c r="CN9" s="72">
        <v>920</v>
      </c>
      <c r="CO9" s="244"/>
      <c r="CP9" s="71">
        <v>794</v>
      </c>
      <c r="CQ9" s="71">
        <v>553</v>
      </c>
      <c r="CR9" s="71">
        <v>406</v>
      </c>
      <c r="CS9" s="71">
        <v>373</v>
      </c>
      <c r="CT9" s="71">
        <v>233</v>
      </c>
      <c r="CU9" s="72">
        <v>2359</v>
      </c>
      <c r="CV9" s="73">
        <v>3279</v>
      </c>
      <c r="CW9" s="123">
        <v>111</v>
      </c>
      <c r="CX9" s="82">
        <v>93</v>
      </c>
      <c r="CY9" s="83">
        <v>204</v>
      </c>
      <c r="CZ9" s="241"/>
      <c r="DA9" s="82">
        <v>108</v>
      </c>
      <c r="DB9" s="82">
        <v>108</v>
      </c>
      <c r="DC9" s="82">
        <v>84</v>
      </c>
      <c r="DD9" s="82">
        <v>80</v>
      </c>
      <c r="DE9" s="82">
        <v>64</v>
      </c>
      <c r="DF9" s="84">
        <v>444</v>
      </c>
      <c r="DG9" s="85">
        <v>648</v>
      </c>
      <c r="DH9" s="70">
        <v>1</v>
      </c>
      <c r="DI9" s="71">
        <v>2</v>
      </c>
      <c r="DJ9" s="72">
        <v>3</v>
      </c>
      <c r="DK9" s="244"/>
      <c r="DL9" s="71">
        <v>1</v>
      </c>
      <c r="DM9" s="71">
        <v>2</v>
      </c>
      <c r="DN9" s="71">
        <v>3</v>
      </c>
      <c r="DO9" s="71">
        <v>2</v>
      </c>
      <c r="DP9" s="71">
        <v>3</v>
      </c>
      <c r="DQ9" s="72">
        <v>11</v>
      </c>
      <c r="DR9" s="73">
        <v>14</v>
      </c>
      <c r="DS9" s="70">
        <v>4</v>
      </c>
      <c r="DT9" s="71">
        <v>8</v>
      </c>
      <c r="DU9" s="72">
        <v>12</v>
      </c>
      <c r="DV9" s="244"/>
      <c r="DW9" s="71">
        <v>4</v>
      </c>
      <c r="DX9" s="71">
        <v>7</v>
      </c>
      <c r="DY9" s="71">
        <v>3</v>
      </c>
      <c r="DZ9" s="71">
        <v>1</v>
      </c>
      <c r="EA9" s="71">
        <v>1</v>
      </c>
      <c r="EB9" s="72">
        <v>16</v>
      </c>
      <c r="EC9" s="73">
        <v>28</v>
      </c>
      <c r="ED9" s="70">
        <v>17</v>
      </c>
      <c r="EE9" s="71">
        <v>6</v>
      </c>
      <c r="EF9" s="72">
        <v>23</v>
      </c>
      <c r="EG9" s="244"/>
      <c r="EH9" s="71">
        <v>9</v>
      </c>
      <c r="EI9" s="71">
        <v>9</v>
      </c>
      <c r="EJ9" s="71">
        <v>4</v>
      </c>
      <c r="EK9" s="71">
        <v>3</v>
      </c>
      <c r="EL9" s="71">
        <v>4</v>
      </c>
      <c r="EM9" s="72">
        <v>29</v>
      </c>
      <c r="EN9" s="73">
        <v>52</v>
      </c>
      <c r="EO9" s="70">
        <v>32</v>
      </c>
      <c r="EP9" s="71">
        <v>27</v>
      </c>
      <c r="EQ9" s="72">
        <v>59</v>
      </c>
      <c r="ER9" s="244"/>
      <c r="ES9" s="71">
        <v>14</v>
      </c>
      <c r="ET9" s="71">
        <v>12</v>
      </c>
      <c r="EU9" s="71">
        <v>15</v>
      </c>
      <c r="EV9" s="71">
        <v>8</v>
      </c>
      <c r="EW9" s="71">
        <v>7</v>
      </c>
      <c r="EX9" s="72">
        <v>56</v>
      </c>
      <c r="EY9" s="73">
        <v>115</v>
      </c>
      <c r="EZ9" s="70">
        <v>34</v>
      </c>
      <c r="FA9" s="71">
        <v>35</v>
      </c>
      <c r="FB9" s="72">
        <v>69</v>
      </c>
      <c r="FC9" s="244"/>
      <c r="FD9" s="71">
        <v>46</v>
      </c>
      <c r="FE9" s="71">
        <v>38</v>
      </c>
      <c r="FF9" s="71">
        <v>24</v>
      </c>
      <c r="FG9" s="71">
        <v>23</v>
      </c>
      <c r="FH9" s="71">
        <v>18</v>
      </c>
      <c r="FI9" s="72">
        <v>149</v>
      </c>
      <c r="FJ9" s="73">
        <v>218</v>
      </c>
      <c r="FK9" s="70">
        <v>23</v>
      </c>
      <c r="FL9" s="71">
        <v>15</v>
      </c>
      <c r="FM9" s="72">
        <v>38</v>
      </c>
      <c r="FN9" s="244"/>
      <c r="FO9" s="71">
        <v>34</v>
      </c>
      <c r="FP9" s="71">
        <v>40</v>
      </c>
      <c r="FQ9" s="71">
        <v>35</v>
      </c>
      <c r="FR9" s="71">
        <v>43</v>
      </c>
      <c r="FS9" s="71">
        <v>31</v>
      </c>
      <c r="FT9" s="72">
        <v>183</v>
      </c>
      <c r="FU9" s="73">
        <v>221</v>
      </c>
      <c r="FV9" s="70">
        <v>0</v>
      </c>
      <c r="FW9" s="71">
        <v>0</v>
      </c>
      <c r="FX9" s="72">
        <v>0</v>
      </c>
      <c r="FY9" s="244"/>
      <c r="FZ9" s="71">
        <v>0</v>
      </c>
      <c r="GA9" s="71">
        <v>0</v>
      </c>
      <c r="GB9" s="71">
        <v>0</v>
      </c>
      <c r="GC9" s="71">
        <v>0</v>
      </c>
      <c r="GD9" s="71">
        <v>0</v>
      </c>
      <c r="GE9" s="72">
        <v>0</v>
      </c>
      <c r="GF9" s="73">
        <v>0</v>
      </c>
      <c r="GG9" s="70">
        <v>111</v>
      </c>
      <c r="GH9" s="71">
        <v>93</v>
      </c>
      <c r="GI9" s="72">
        <v>204</v>
      </c>
      <c r="GJ9" s="244"/>
      <c r="GK9" s="71">
        <v>108</v>
      </c>
      <c r="GL9" s="71">
        <v>108</v>
      </c>
      <c r="GM9" s="71">
        <v>84</v>
      </c>
      <c r="GN9" s="71">
        <v>80</v>
      </c>
      <c r="GO9" s="71">
        <v>64</v>
      </c>
      <c r="GP9" s="72">
        <v>444</v>
      </c>
      <c r="GQ9" s="73">
        <v>648</v>
      </c>
      <c r="GR9" s="123">
        <v>651</v>
      </c>
      <c r="GS9" s="82">
        <v>473</v>
      </c>
      <c r="GT9" s="83">
        <v>1124</v>
      </c>
      <c r="GU9" s="241"/>
      <c r="GV9" s="82">
        <v>902</v>
      </c>
      <c r="GW9" s="82">
        <v>661</v>
      </c>
      <c r="GX9" s="82">
        <v>490</v>
      </c>
      <c r="GY9" s="82">
        <v>453</v>
      </c>
      <c r="GZ9" s="82">
        <v>297</v>
      </c>
      <c r="HA9" s="84">
        <v>2803</v>
      </c>
      <c r="HB9" s="85">
        <v>3927</v>
      </c>
      <c r="HC9" s="70">
        <v>11</v>
      </c>
      <c r="HD9" s="71">
        <v>9</v>
      </c>
      <c r="HE9" s="72">
        <v>20</v>
      </c>
      <c r="HF9" s="244"/>
      <c r="HG9" s="71">
        <v>15</v>
      </c>
      <c r="HH9" s="71">
        <v>13</v>
      </c>
      <c r="HI9" s="71">
        <v>10</v>
      </c>
      <c r="HJ9" s="71">
        <v>15</v>
      </c>
      <c r="HK9" s="71">
        <v>8</v>
      </c>
      <c r="HL9" s="72">
        <v>61</v>
      </c>
      <c r="HM9" s="73">
        <v>81</v>
      </c>
      <c r="HN9" s="70">
        <v>26</v>
      </c>
      <c r="HO9" s="71">
        <v>24</v>
      </c>
      <c r="HP9" s="72">
        <v>50</v>
      </c>
      <c r="HQ9" s="244"/>
      <c r="HR9" s="71">
        <v>45</v>
      </c>
      <c r="HS9" s="71">
        <v>33</v>
      </c>
      <c r="HT9" s="71">
        <v>19</v>
      </c>
      <c r="HU9" s="71">
        <v>22</v>
      </c>
      <c r="HV9" s="71">
        <v>22</v>
      </c>
      <c r="HW9" s="72">
        <v>141</v>
      </c>
      <c r="HX9" s="73">
        <v>191</v>
      </c>
      <c r="HY9" s="70">
        <v>60</v>
      </c>
      <c r="HZ9" s="71">
        <v>38</v>
      </c>
      <c r="IA9" s="72">
        <v>98</v>
      </c>
      <c r="IB9" s="244"/>
      <c r="IC9" s="71">
        <v>71</v>
      </c>
      <c r="ID9" s="71">
        <v>48</v>
      </c>
      <c r="IE9" s="71">
        <v>34</v>
      </c>
      <c r="IF9" s="71">
        <v>29</v>
      </c>
      <c r="IG9" s="71">
        <v>22</v>
      </c>
      <c r="IH9" s="72">
        <v>204</v>
      </c>
      <c r="II9" s="73">
        <v>302</v>
      </c>
      <c r="IJ9" s="70">
        <v>137</v>
      </c>
      <c r="IK9" s="71">
        <v>81</v>
      </c>
      <c r="IL9" s="72">
        <v>218</v>
      </c>
      <c r="IM9" s="244"/>
      <c r="IN9" s="71">
        <v>148</v>
      </c>
      <c r="IO9" s="71">
        <v>112</v>
      </c>
      <c r="IP9" s="71">
        <v>81</v>
      </c>
      <c r="IQ9" s="71">
        <v>55</v>
      </c>
      <c r="IR9" s="71">
        <v>44</v>
      </c>
      <c r="IS9" s="72">
        <v>440</v>
      </c>
      <c r="IT9" s="73">
        <v>658</v>
      </c>
      <c r="IU9" s="70">
        <v>226</v>
      </c>
      <c r="IV9" s="71">
        <v>176</v>
      </c>
      <c r="IW9" s="72">
        <v>402</v>
      </c>
      <c r="IX9" s="244"/>
      <c r="IY9" s="71">
        <v>307</v>
      </c>
      <c r="IZ9" s="71">
        <v>210</v>
      </c>
      <c r="JA9" s="71">
        <v>149</v>
      </c>
      <c r="JB9" s="71">
        <v>129</v>
      </c>
      <c r="JC9" s="71">
        <v>94</v>
      </c>
      <c r="JD9" s="72">
        <v>889</v>
      </c>
      <c r="JE9" s="73">
        <v>1291</v>
      </c>
      <c r="JF9" s="70">
        <v>191</v>
      </c>
      <c r="JG9" s="71">
        <v>145</v>
      </c>
      <c r="JH9" s="72">
        <v>336</v>
      </c>
      <c r="JI9" s="244"/>
      <c r="JJ9" s="71">
        <v>316</v>
      </c>
      <c r="JK9" s="71">
        <v>245</v>
      </c>
      <c r="JL9" s="71">
        <v>197</v>
      </c>
      <c r="JM9" s="71">
        <v>203</v>
      </c>
      <c r="JN9" s="71">
        <v>107</v>
      </c>
      <c r="JO9" s="72">
        <v>1068</v>
      </c>
      <c r="JP9" s="73">
        <v>1404</v>
      </c>
      <c r="JQ9" s="70">
        <v>0</v>
      </c>
      <c r="JR9" s="71">
        <v>0</v>
      </c>
      <c r="JS9" s="72">
        <v>0</v>
      </c>
      <c r="JT9" s="244"/>
      <c r="JU9" s="71">
        <v>0</v>
      </c>
      <c r="JV9" s="71">
        <v>0</v>
      </c>
      <c r="JW9" s="71">
        <v>0</v>
      </c>
      <c r="JX9" s="71">
        <v>0</v>
      </c>
      <c r="JY9" s="71">
        <v>0</v>
      </c>
      <c r="JZ9" s="72">
        <v>0</v>
      </c>
      <c r="KA9" s="73">
        <v>0</v>
      </c>
      <c r="KB9" s="70">
        <v>651</v>
      </c>
      <c r="KC9" s="71">
        <v>473</v>
      </c>
      <c r="KD9" s="72">
        <v>1124</v>
      </c>
      <c r="KE9" s="244"/>
      <c r="KF9" s="71">
        <v>902</v>
      </c>
      <c r="KG9" s="71">
        <v>661</v>
      </c>
      <c r="KH9" s="71">
        <v>490</v>
      </c>
      <c r="KI9" s="71">
        <v>453</v>
      </c>
      <c r="KJ9" s="71">
        <v>297</v>
      </c>
      <c r="KK9" s="72">
        <v>2803</v>
      </c>
      <c r="KL9" s="73">
        <v>3927</v>
      </c>
    </row>
    <row r="10" spans="1:298" ht="19.5" customHeight="1" x14ac:dyDescent="0.2">
      <c r="A10" s="126" t="s">
        <v>14</v>
      </c>
      <c r="B10" s="316">
        <v>297</v>
      </c>
      <c r="C10" s="82">
        <v>321</v>
      </c>
      <c r="D10" s="83">
        <v>618</v>
      </c>
      <c r="E10" s="241"/>
      <c r="F10" s="82">
        <v>416</v>
      </c>
      <c r="G10" s="82">
        <v>387</v>
      </c>
      <c r="H10" s="82">
        <v>274</v>
      </c>
      <c r="I10" s="82">
        <v>215</v>
      </c>
      <c r="J10" s="82">
        <v>132</v>
      </c>
      <c r="K10" s="84">
        <v>1424</v>
      </c>
      <c r="L10" s="85">
        <v>2042</v>
      </c>
      <c r="M10" s="70">
        <v>6</v>
      </c>
      <c r="N10" s="71">
        <v>7</v>
      </c>
      <c r="O10" s="72">
        <v>13</v>
      </c>
      <c r="P10" s="244"/>
      <c r="Q10" s="71">
        <v>4</v>
      </c>
      <c r="R10" s="71">
        <v>6</v>
      </c>
      <c r="S10" s="71">
        <v>8</v>
      </c>
      <c r="T10" s="71">
        <v>3</v>
      </c>
      <c r="U10" s="71">
        <v>6</v>
      </c>
      <c r="V10" s="72">
        <v>27</v>
      </c>
      <c r="W10" s="73">
        <v>40</v>
      </c>
      <c r="X10" s="70">
        <v>13</v>
      </c>
      <c r="Y10" s="71">
        <v>18</v>
      </c>
      <c r="Z10" s="72">
        <v>31</v>
      </c>
      <c r="AA10" s="244"/>
      <c r="AB10" s="71">
        <v>15</v>
      </c>
      <c r="AC10" s="71">
        <v>14</v>
      </c>
      <c r="AD10" s="71">
        <v>20</v>
      </c>
      <c r="AE10" s="71">
        <v>16</v>
      </c>
      <c r="AF10" s="71">
        <v>10</v>
      </c>
      <c r="AG10" s="72">
        <v>75</v>
      </c>
      <c r="AH10" s="73">
        <v>106</v>
      </c>
      <c r="AI10" s="70">
        <v>33</v>
      </c>
      <c r="AJ10" s="71">
        <v>33</v>
      </c>
      <c r="AK10" s="72">
        <v>66</v>
      </c>
      <c r="AL10" s="244"/>
      <c r="AM10" s="71">
        <v>45</v>
      </c>
      <c r="AN10" s="71">
        <v>44</v>
      </c>
      <c r="AO10" s="71">
        <v>23</v>
      </c>
      <c r="AP10" s="71">
        <v>23</v>
      </c>
      <c r="AQ10" s="71">
        <v>16</v>
      </c>
      <c r="AR10" s="72">
        <v>151</v>
      </c>
      <c r="AS10" s="73">
        <v>217</v>
      </c>
      <c r="AT10" s="70">
        <v>71</v>
      </c>
      <c r="AU10" s="71">
        <v>79</v>
      </c>
      <c r="AV10" s="72">
        <v>150</v>
      </c>
      <c r="AW10" s="244"/>
      <c r="AX10" s="71">
        <v>95</v>
      </c>
      <c r="AY10" s="71">
        <v>81</v>
      </c>
      <c r="AZ10" s="71">
        <v>46</v>
      </c>
      <c r="BA10" s="71">
        <v>45</v>
      </c>
      <c r="BB10" s="71">
        <v>21</v>
      </c>
      <c r="BC10" s="72">
        <v>288</v>
      </c>
      <c r="BD10" s="73">
        <v>438</v>
      </c>
      <c r="BE10" s="70">
        <v>97</v>
      </c>
      <c r="BF10" s="71">
        <v>92</v>
      </c>
      <c r="BG10" s="72">
        <v>189</v>
      </c>
      <c r="BH10" s="244"/>
      <c r="BI10" s="71">
        <v>130</v>
      </c>
      <c r="BJ10" s="71">
        <v>128</v>
      </c>
      <c r="BK10" s="71">
        <v>84</v>
      </c>
      <c r="BL10" s="71">
        <v>58</v>
      </c>
      <c r="BM10" s="71">
        <v>37</v>
      </c>
      <c r="BN10" s="72">
        <v>437</v>
      </c>
      <c r="BO10" s="73">
        <v>626</v>
      </c>
      <c r="BP10" s="70">
        <v>77</v>
      </c>
      <c r="BQ10" s="71">
        <v>92</v>
      </c>
      <c r="BR10" s="72">
        <v>169</v>
      </c>
      <c r="BS10" s="244"/>
      <c r="BT10" s="71">
        <v>127</v>
      </c>
      <c r="BU10" s="71">
        <v>114</v>
      </c>
      <c r="BV10" s="71">
        <v>93</v>
      </c>
      <c r="BW10" s="71">
        <v>70</v>
      </c>
      <c r="BX10" s="71">
        <v>42</v>
      </c>
      <c r="BY10" s="72">
        <v>446</v>
      </c>
      <c r="BZ10" s="73">
        <v>615</v>
      </c>
      <c r="CA10" s="70">
        <v>0</v>
      </c>
      <c r="CB10" s="71">
        <v>0</v>
      </c>
      <c r="CC10" s="72">
        <v>0</v>
      </c>
      <c r="CD10" s="244"/>
      <c r="CE10" s="71">
        <v>0</v>
      </c>
      <c r="CF10" s="71">
        <v>0</v>
      </c>
      <c r="CG10" s="71">
        <v>0</v>
      </c>
      <c r="CH10" s="71">
        <v>0</v>
      </c>
      <c r="CI10" s="71">
        <v>0</v>
      </c>
      <c r="CJ10" s="72">
        <v>0</v>
      </c>
      <c r="CK10" s="73">
        <v>0</v>
      </c>
      <c r="CL10" s="70">
        <v>297</v>
      </c>
      <c r="CM10" s="71">
        <v>321</v>
      </c>
      <c r="CN10" s="72">
        <v>618</v>
      </c>
      <c r="CO10" s="244"/>
      <c r="CP10" s="71">
        <v>416</v>
      </c>
      <c r="CQ10" s="71">
        <v>387</v>
      </c>
      <c r="CR10" s="71">
        <v>274</v>
      </c>
      <c r="CS10" s="71">
        <v>215</v>
      </c>
      <c r="CT10" s="71">
        <v>132</v>
      </c>
      <c r="CU10" s="72">
        <v>1424</v>
      </c>
      <c r="CV10" s="73">
        <v>2042</v>
      </c>
      <c r="CW10" s="123">
        <v>33</v>
      </c>
      <c r="CX10" s="82">
        <v>41</v>
      </c>
      <c r="CY10" s="83">
        <v>74</v>
      </c>
      <c r="CZ10" s="241"/>
      <c r="DA10" s="82">
        <v>47</v>
      </c>
      <c r="DB10" s="82">
        <v>50</v>
      </c>
      <c r="DC10" s="82">
        <v>31</v>
      </c>
      <c r="DD10" s="82">
        <v>32</v>
      </c>
      <c r="DE10" s="82">
        <v>15</v>
      </c>
      <c r="DF10" s="84">
        <v>175</v>
      </c>
      <c r="DG10" s="85">
        <v>249</v>
      </c>
      <c r="DH10" s="70">
        <v>0</v>
      </c>
      <c r="DI10" s="71">
        <v>3</v>
      </c>
      <c r="DJ10" s="72">
        <v>3</v>
      </c>
      <c r="DK10" s="244"/>
      <c r="DL10" s="71">
        <v>1</v>
      </c>
      <c r="DM10" s="71">
        <v>0</v>
      </c>
      <c r="DN10" s="71">
        <v>0</v>
      </c>
      <c r="DO10" s="71">
        <v>0</v>
      </c>
      <c r="DP10" s="71">
        <v>0</v>
      </c>
      <c r="DQ10" s="72">
        <v>1</v>
      </c>
      <c r="DR10" s="73">
        <v>4</v>
      </c>
      <c r="DS10" s="70">
        <v>5</v>
      </c>
      <c r="DT10" s="71">
        <v>5</v>
      </c>
      <c r="DU10" s="72">
        <v>10</v>
      </c>
      <c r="DV10" s="244"/>
      <c r="DW10" s="71">
        <v>1</v>
      </c>
      <c r="DX10" s="71">
        <v>1</v>
      </c>
      <c r="DY10" s="71">
        <v>2</v>
      </c>
      <c r="DZ10" s="71">
        <v>1</v>
      </c>
      <c r="EA10" s="71">
        <v>3</v>
      </c>
      <c r="EB10" s="72">
        <v>8</v>
      </c>
      <c r="EC10" s="73">
        <v>18</v>
      </c>
      <c r="ED10" s="70">
        <v>7</v>
      </c>
      <c r="EE10" s="71">
        <v>3</v>
      </c>
      <c r="EF10" s="72">
        <v>10</v>
      </c>
      <c r="EG10" s="244"/>
      <c r="EH10" s="71">
        <v>9</v>
      </c>
      <c r="EI10" s="71">
        <v>4</v>
      </c>
      <c r="EJ10" s="71">
        <v>3</v>
      </c>
      <c r="EK10" s="71">
        <v>5</v>
      </c>
      <c r="EL10" s="71">
        <v>0</v>
      </c>
      <c r="EM10" s="72">
        <v>21</v>
      </c>
      <c r="EN10" s="73">
        <v>31</v>
      </c>
      <c r="EO10" s="70">
        <v>8</v>
      </c>
      <c r="EP10" s="71">
        <v>10</v>
      </c>
      <c r="EQ10" s="72">
        <v>18</v>
      </c>
      <c r="ER10" s="244"/>
      <c r="ES10" s="71">
        <v>7</v>
      </c>
      <c r="ET10" s="71">
        <v>8</v>
      </c>
      <c r="EU10" s="71">
        <v>9</v>
      </c>
      <c r="EV10" s="71">
        <v>4</v>
      </c>
      <c r="EW10" s="71">
        <v>0</v>
      </c>
      <c r="EX10" s="72">
        <v>28</v>
      </c>
      <c r="EY10" s="73">
        <v>46</v>
      </c>
      <c r="EZ10" s="70">
        <v>10</v>
      </c>
      <c r="FA10" s="71">
        <v>9</v>
      </c>
      <c r="FB10" s="72">
        <v>19</v>
      </c>
      <c r="FC10" s="244"/>
      <c r="FD10" s="71">
        <v>12</v>
      </c>
      <c r="FE10" s="71">
        <v>14</v>
      </c>
      <c r="FF10" s="71">
        <v>3</v>
      </c>
      <c r="FG10" s="71">
        <v>9</v>
      </c>
      <c r="FH10" s="71">
        <v>3</v>
      </c>
      <c r="FI10" s="72">
        <v>41</v>
      </c>
      <c r="FJ10" s="73">
        <v>60</v>
      </c>
      <c r="FK10" s="70">
        <v>3</v>
      </c>
      <c r="FL10" s="71">
        <v>11</v>
      </c>
      <c r="FM10" s="72">
        <v>14</v>
      </c>
      <c r="FN10" s="244"/>
      <c r="FO10" s="71">
        <v>17</v>
      </c>
      <c r="FP10" s="71">
        <v>23</v>
      </c>
      <c r="FQ10" s="71">
        <v>14</v>
      </c>
      <c r="FR10" s="71">
        <v>13</v>
      </c>
      <c r="FS10" s="71">
        <v>9</v>
      </c>
      <c r="FT10" s="72">
        <v>76</v>
      </c>
      <c r="FU10" s="73">
        <v>90</v>
      </c>
      <c r="FV10" s="70">
        <v>0</v>
      </c>
      <c r="FW10" s="71">
        <v>0</v>
      </c>
      <c r="FX10" s="72">
        <v>0</v>
      </c>
      <c r="FY10" s="244"/>
      <c r="FZ10" s="71">
        <v>0</v>
      </c>
      <c r="GA10" s="71">
        <v>0</v>
      </c>
      <c r="GB10" s="71">
        <v>0</v>
      </c>
      <c r="GC10" s="71">
        <v>0</v>
      </c>
      <c r="GD10" s="71">
        <v>0</v>
      </c>
      <c r="GE10" s="72">
        <v>0</v>
      </c>
      <c r="GF10" s="73">
        <v>0</v>
      </c>
      <c r="GG10" s="70">
        <v>33</v>
      </c>
      <c r="GH10" s="71">
        <v>41</v>
      </c>
      <c r="GI10" s="72">
        <v>74</v>
      </c>
      <c r="GJ10" s="244"/>
      <c r="GK10" s="71">
        <v>47</v>
      </c>
      <c r="GL10" s="71">
        <v>50</v>
      </c>
      <c r="GM10" s="71">
        <v>31</v>
      </c>
      <c r="GN10" s="71">
        <v>32</v>
      </c>
      <c r="GO10" s="71">
        <v>15</v>
      </c>
      <c r="GP10" s="72">
        <v>175</v>
      </c>
      <c r="GQ10" s="73">
        <v>249</v>
      </c>
      <c r="GR10" s="123">
        <v>330</v>
      </c>
      <c r="GS10" s="82">
        <v>362</v>
      </c>
      <c r="GT10" s="83">
        <v>692</v>
      </c>
      <c r="GU10" s="241"/>
      <c r="GV10" s="82">
        <v>463</v>
      </c>
      <c r="GW10" s="82">
        <v>437</v>
      </c>
      <c r="GX10" s="82">
        <v>305</v>
      </c>
      <c r="GY10" s="82">
        <v>247</v>
      </c>
      <c r="GZ10" s="82">
        <v>147</v>
      </c>
      <c r="HA10" s="84">
        <v>1599</v>
      </c>
      <c r="HB10" s="85">
        <v>2291</v>
      </c>
      <c r="HC10" s="70">
        <v>6</v>
      </c>
      <c r="HD10" s="71">
        <v>10</v>
      </c>
      <c r="HE10" s="72">
        <v>16</v>
      </c>
      <c r="HF10" s="244"/>
      <c r="HG10" s="71">
        <v>5</v>
      </c>
      <c r="HH10" s="71">
        <v>6</v>
      </c>
      <c r="HI10" s="71">
        <v>8</v>
      </c>
      <c r="HJ10" s="71">
        <v>3</v>
      </c>
      <c r="HK10" s="71">
        <v>6</v>
      </c>
      <c r="HL10" s="72">
        <v>28</v>
      </c>
      <c r="HM10" s="73">
        <v>44</v>
      </c>
      <c r="HN10" s="70">
        <v>18</v>
      </c>
      <c r="HO10" s="71">
        <v>23</v>
      </c>
      <c r="HP10" s="72">
        <v>41</v>
      </c>
      <c r="HQ10" s="244"/>
      <c r="HR10" s="71">
        <v>16</v>
      </c>
      <c r="HS10" s="71">
        <v>15</v>
      </c>
      <c r="HT10" s="71">
        <v>22</v>
      </c>
      <c r="HU10" s="71">
        <v>17</v>
      </c>
      <c r="HV10" s="71">
        <v>13</v>
      </c>
      <c r="HW10" s="72">
        <v>83</v>
      </c>
      <c r="HX10" s="73">
        <v>124</v>
      </c>
      <c r="HY10" s="70">
        <v>40</v>
      </c>
      <c r="HZ10" s="71">
        <v>36</v>
      </c>
      <c r="IA10" s="72">
        <v>76</v>
      </c>
      <c r="IB10" s="244"/>
      <c r="IC10" s="71">
        <v>54</v>
      </c>
      <c r="ID10" s="71">
        <v>48</v>
      </c>
      <c r="IE10" s="71">
        <v>26</v>
      </c>
      <c r="IF10" s="71">
        <v>28</v>
      </c>
      <c r="IG10" s="71">
        <v>16</v>
      </c>
      <c r="IH10" s="72">
        <v>172</v>
      </c>
      <c r="II10" s="73">
        <v>248</v>
      </c>
      <c r="IJ10" s="70">
        <v>79</v>
      </c>
      <c r="IK10" s="71">
        <v>89</v>
      </c>
      <c r="IL10" s="72">
        <v>168</v>
      </c>
      <c r="IM10" s="244"/>
      <c r="IN10" s="71">
        <v>102</v>
      </c>
      <c r="IO10" s="71">
        <v>89</v>
      </c>
      <c r="IP10" s="71">
        <v>55</v>
      </c>
      <c r="IQ10" s="71">
        <v>49</v>
      </c>
      <c r="IR10" s="71">
        <v>21</v>
      </c>
      <c r="IS10" s="72">
        <v>316</v>
      </c>
      <c r="IT10" s="73">
        <v>484</v>
      </c>
      <c r="IU10" s="70">
        <v>107</v>
      </c>
      <c r="IV10" s="71">
        <v>101</v>
      </c>
      <c r="IW10" s="72">
        <v>208</v>
      </c>
      <c r="IX10" s="244"/>
      <c r="IY10" s="71">
        <v>142</v>
      </c>
      <c r="IZ10" s="71">
        <v>142</v>
      </c>
      <c r="JA10" s="71">
        <v>87</v>
      </c>
      <c r="JB10" s="71">
        <v>67</v>
      </c>
      <c r="JC10" s="71">
        <v>40</v>
      </c>
      <c r="JD10" s="72">
        <v>478</v>
      </c>
      <c r="JE10" s="73">
        <v>686</v>
      </c>
      <c r="JF10" s="70">
        <v>80</v>
      </c>
      <c r="JG10" s="71">
        <v>103</v>
      </c>
      <c r="JH10" s="72">
        <v>183</v>
      </c>
      <c r="JI10" s="244"/>
      <c r="JJ10" s="71">
        <v>144</v>
      </c>
      <c r="JK10" s="71">
        <v>137</v>
      </c>
      <c r="JL10" s="71">
        <v>107</v>
      </c>
      <c r="JM10" s="71">
        <v>83</v>
      </c>
      <c r="JN10" s="71">
        <v>51</v>
      </c>
      <c r="JO10" s="72">
        <v>522</v>
      </c>
      <c r="JP10" s="73">
        <v>705</v>
      </c>
      <c r="JQ10" s="70">
        <v>0</v>
      </c>
      <c r="JR10" s="71">
        <v>0</v>
      </c>
      <c r="JS10" s="72">
        <v>0</v>
      </c>
      <c r="JT10" s="244"/>
      <c r="JU10" s="71">
        <v>0</v>
      </c>
      <c r="JV10" s="71">
        <v>0</v>
      </c>
      <c r="JW10" s="71">
        <v>0</v>
      </c>
      <c r="JX10" s="71">
        <v>0</v>
      </c>
      <c r="JY10" s="71">
        <v>0</v>
      </c>
      <c r="JZ10" s="72">
        <v>0</v>
      </c>
      <c r="KA10" s="73">
        <v>0</v>
      </c>
      <c r="KB10" s="70">
        <v>330</v>
      </c>
      <c r="KC10" s="71">
        <v>362</v>
      </c>
      <c r="KD10" s="72">
        <v>692</v>
      </c>
      <c r="KE10" s="244"/>
      <c r="KF10" s="71">
        <v>463</v>
      </c>
      <c r="KG10" s="71">
        <v>437</v>
      </c>
      <c r="KH10" s="71">
        <v>305</v>
      </c>
      <c r="KI10" s="71">
        <v>247</v>
      </c>
      <c r="KJ10" s="71">
        <v>147</v>
      </c>
      <c r="KK10" s="72">
        <v>1599</v>
      </c>
      <c r="KL10" s="73">
        <v>2291</v>
      </c>
    </row>
    <row r="11" spans="1:298" ht="19.5" customHeight="1" x14ac:dyDescent="0.2">
      <c r="A11" s="126" t="s">
        <v>7</v>
      </c>
      <c r="B11" s="316">
        <v>256</v>
      </c>
      <c r="C11" s="82">
        <v>169</v>
      </c>
      <c r="D11" s="83">
        <v>425</v>
      </c>
      <c r="E11" s="241"/>
      <c r="F11" s="82">
        <v>537</v>
      </c>
      <c r="G11" s="82">
        <v>346</v>
      </c>
      <c r="H11" s="82">
        <v>222</v>
      </c>
      <c r="I11" s="82">
        <v>195</v>
      </c>
      <c r="J11" s="82">
        <v>85</v>
      </c>
      <c r="K11" s="84">
        <v>1385</v>
      </c>
      <c r="L11" s="85">
        <v>1810</v>
      </c>
      <c r="M11" s="70">
        <v>2</v>
      </c>
      <c r="N11" s="71">
        <v>3</v>
      </c>
      <c r="O11" s="72">
        <v>5</v>
      </c>
      <c r="P11" s="244"/>
      <c r="Q11" s="71">
        <v>2</v>
      </c>
      <c r="R11" s="71">
        <v>10</v>
      </c>
      <c r="S11" s="71">
        <v>6</v>
      </c>
      <c r="T11" s="71">
        <v>1</v>
      </c>
      <c r="U11" s="71">
        <v>1</v>
      </c>
      <c r="V11" s="72">
        <v>20</v>
      </c>
      <c r="W11" s="73">
        <v>25</v>
      </c>
      <c r="X11" s="70">
        <v>12</v>
      </c>
      <c r="Y11" s="71">
        <v>6</v>
      </c>
      <c r="Z11" s="72">
        <v>18</v>
      </c>
      <c r="AA11" s="244"/>
      <c r="AB11" s="71">
        <v>18</v>
      </c>
      <c r="AC11" s="71">
        <v>14</v>
      </c>
      <c r="AD11" s="71">
        <v>16</v>
      </c>
      <c r="AE11" s="71">
        <v>9</v>
      </c>
      <c r="AF11" s="71">
        <v>4</v>
      </c>
      <c r="AG11" s="72">
        <v>61</v>
      </c>
      <c r="AH11" s="73">
        <v>79</v>
      </c>
      <c r="AI11" s="70">
        <v>22</v>
      </c>
      <c r="AJ11" s="71">
        <v>20</v>
      </c>
      <c r="AK11" s="72">
        <v>42</v>
      </c>
      <c r="AL11" s="244"/>
      <c r="AM11" s="71">
        <v>60</v>
      </c>
      <c r="AN11" s="71">
        <v>35</v>
      </c>
      <c r="AO11" s="71">
        <v>19</v>
      </c>
      <c r="AP11" s="71">
        <v>14</v>
      </c>
      <c r="AQ11" s="71">
        <v>11</v>
      </c>
      <c r="AR11" s="72">
        <v>139</v>
      </c>
      <c r="AS11" s="73">
        <v>181</v>
      </c>
      <c r="AT11" s="70">
        <v>51</v>
      </c>
      <c r="AU11" s="71">
        <v>38</v>
      </c>
      <c r="AV11" s="72">
        <v>89</v>
      </c>
      <c r="AW11" s="244"/>
      <c r="AX11" s="71">
        <v>98</v>
      </c>
      <c r="AY11" s="71">
        <v>73</v>
      </c>
      <c r="AZ11" s="71">
        <v>37</v>
      </c>
      <c r="BA11" s="71">
        <v>30</v>
      </c>
      <c r="BB11" s="71">
        <v>20</v>
      </c>
      <c r="BC11" s="72">
        <v>258</v>
      </c>
      <c r="BD11" s="73">
        <v>347</v>
      </c>
      <c r="BE11" s="70">
        <v>97</v>
      </c>
      <c r="BF11" s="71">
        <v>58</v>
      </c>
      <c r="BG11" s="72">
        <v>155</v>
      </c>
      <c r="BH11" s="244"/>
      <c r="BI11" s="71">
        <v>164</v>
      </c>
      <c r="BJ11" s="71">
        <v>96</v>
      </c>
      <c r="BK11" s="71">
        <v>81</v>
      </c>
      <c r="BL11" s="71">
        <v>66</v>
      </c>
      <c r="BM11" s="71">
        <v>26</v>
      </c>
      <c r="BN11" s="72">
        <v>433</v>
      </c>
      <c r="BO11" s="73">
        <v>588</v>
      </c>
      <c r="BP11" s="70">
        <v>72</v>
      </c>
      <c r="BQ11" s="71">
        <v>44</v>
      </c>
      <c r="BR11" s="72">
        <v>116</v>
      </c>
      <c r="BS11" s="244"/>
      <c r="BT11" s="71">
        <v>195</v>
      </c>
      <c r="BU11" s="71">
        <v>118</v>
      </c>
      <c r="BV11" s="71">
        <v>63</v>
      </c>
      <c r="BW11" s="71">
        <v>75</v>
      </c>
      <c r="BX11" s="71">
        <v>23</v>
      </c>
      <c r="BY11" s="72">
        <v>474</v>
      </c>
      <c r="BZ11" s="73">
        <v>590</v>
      </c>
      <c r="CA11" s="70">
        <v>0</v>
      </c>
      <c r="CB11" s="71">
        <v>0</v>
      </c>
      <c r="CC11" s="72">
        <v>0</v>
      </c>
      <c r="CD11" s="244"/>
      <c r="CE11" s="71">
        <v>0</v>
      </c>
      <c r="CF11" s="71">
        <v>0</v>
      </c>
      <c r="CG11" s="71">
        <v>0</v>
      </c>
      <c r="CH11" s="71">
        <v>0</v>
      </c>
      <c r="CI11" s="71">
        <v>0</v>
      </c>
      <c r="CJ11" s="72">
        <v>0</v>
      </c>
      <c r="CK11" s="73">
        <v>0</v>
      </c>
      <c r="CL11" s="70">
        <v>256</v>
      </c>
      <c r="CM11" s="71">
        <v>169</v>
      </c>
      <c r="CN11" s="72">
        <v>425</v>
      </c>
      <c r="CO11" s="244"/>
      <c r="CP11" s="71">
        <v>537</v>
      </c>
      <c r="CQ11" s="71">
        <v>346</v>
      </c>
      <c r="CR11" s="71">
        <v>222</v>
      </c>
      <c r="CS11" s="71">
        <v>195</v>
      </c>
      <c r="CT11" s="71">
        <v>85</v>
      </c>
      <c r="CU11" s="72">
        <v>1385</v>
      </c>
      <c r="CV11" s="73">
        <v>1810</v>
      </c>
      <c r="CW11" s="123">
        <v>34</v>
      </c>
      <c r="CX11" s="82">
        <v>26</v>
      </c>
      <c r="CY11" s="83">
        <v>60</v>
      </c>
      <c r="CZ11" s="241"/>
      <c r="DA11" s="82">
        <v>70</v>
      </c>
      <c r="DB11" s="82">
        <v>37</v>
      </c>
      <c r="DC11" s="82">
        <v>30</v>
      </c>
      <c r="DD11" s="82">
        <v>26</v>
      </c>
      <c r="DE11" s="82">
        <v>18</v>
      </c>
      <c r="DF11" s="84">
        <v>181</v>
      </c>
      <c r="DG11" s="85">
        <v>241</v>
      </c>
      <c r="DH11" s="70">
        <v>1</v>
      </c>
      <c r="DI11" s="71">
        <v>0</v>
      </c>
      <c r="DJ11" s="72">
        <v>1</v>
      </c>
      <c r="DK11" s="244"/>
      <c r="DL11" s="71">
        <v>2</v>
      </c>
      <c r="DM11" s="71">
        <v>0</v>
      </c>
      <c r="DN11" s="71">
        <v>1</v>
      </c>
      <c r="DO11" s="71">
        <v>0</v>
      </c>
      <c r="DP11" s="71">
        <v>0</v>
      </c>
      <c r="DQ11" s="72">
        <v>3</v>
      </c>
      <c r="DR11" s="73">
        <v>4</v>
      </c>
      <c r="DS11" s="70">
        <v>4</v>
      </c>
      <c r="DT11" s="71">
        <v>0</v>
      </c>
      <c r="DU11" s="72">
        <v>4</v>
      </c>
      <c r="DV11" s="244"/>
      <c r="DW11" s="71">
        <v>2</v>
      </c>
      <c r="DX11" s="71">
        <v>4</v>
      </c>
      <c r="DY11" s="71">
        <v>0</v>
      </c>
      <c r="DZ11" s="71">
        <v>4</v>
      </c>
      <c r="EA11" s="71">
        <v>2</v>
      </c>
      <c r="EB11" s="72">
        <v>12</v>
      </c>
      <c r="EC11" s="73">
        <v>16</v>
      </c>
      <c r="ED11" s="70">
        <v>4</v>
      </c>
      <c r="EE11" s="71">
        <v>4</v>
      </c>
      <c r="EF11" s="72">
        <v>8</v>
      </c>
      <c r="EG11" s="244"/>
      <c r="EH11" s="71">
        <v>4</v>
      </c>
      <c r="EI11" s="71">
        <v>3</v>
      </c>
      <c r="EJ11" s="71">
        <v>3</v>
      </c>
      <c r="EK11" s="71">
        <v>0</v>
      </c>
      <c r="EL11" s="71">
        <v>2</v>
      </c>
      <c r="EM11" s="72">
        <v>12</v>
      </c>
      <c r="EN11" s="73">
        <v>20</v>
      </c>
      <c r="EO11" s="70">
        <v>12</v>
      </c>
      <c r="EP11" s="71">
        <v>7</v>
      </c>
      <c r="EQ11" s="72">
        <v>19</v>
      </c>
      <c r="ER11" s="244"/>
      <c r="ES11" s="71">
        <v>11</v>
      </c>
      <c r="ET11" s="71">
        <v>4</v>
      </c>
      <c r="EU11" s="71">
        <v>5</v>
      </c>
      <c r="EV11" s="71">
        <v>2</v>
      </c>
      <c r="EW11" s="71">
        <v>3</v>
      </c>
      <c r="EX11" s="72">
        <v>25</v>
      </c>
      <c r="EY11" s="73">
        <v>44</v>
      </c>
      <c r="EZ11" s="70">
        <v>5</v>
      </c>
      <c r="FA11" s="71">
        <v>6</v>
      </c>
      <c r="FB11" s="72">
        <v>11</v>
      </c>
      <c r="FC11" s="244"/>
      <c r="FD11" s="71">
        <v>20</v>
      </c>
      <c r="FE11" s="71">
        <v>9</v>
      </c>
      <c r="FF11" s="71">
        <v>4</v>
      </c>
      <c r="FG11" s="71">
        <v>8</v>
      </c>
      <c r="FH11" s="71">
        <v>4</v>
      </c>
      <c r="FI11" s="72">
        <v>45</v>
      </c>
      <c r="FJ11" s="73">
        <v>56</v>
      </c>
      <c r="FK11" s="70">
        <v>8</v>
      </c>
      <c r="FL11" s="71">
        <v>9</v>
      </c>
      <c r="FM11" s="72">
        <v>17</v>
      </c>
      <c r="FN11" s="244"/>
      <c r="FO11" s="71">
        <v>31</v>
      </c>
      <c r="FP11" s="71">
        <v>17</v>
      </c>
      <c r="FQ11" s="71">
        <v>17</v>
      </c>
      <c r="FR11" s="71">
        <v>12</v>
      </c>
      <c r="FS11" s="71">
        <v>7</v>
      </c>
      <c r="FT11" s="72">
        <v>84</v>
      </c>
      <c r="FU11" s="73">
        <v>101</v>
      </c>
      <c r="FV11" s="70">
        <v>0</v>
      </c>
      <c r="FW11" s="71">
        <v>0</v>
      </c>
      <c r="FX11" s="72">
        <v>0</v>
      </c>
      <c r="FY11" s="244"/>
      <c r="FZ11" s="71">
        <v>0</v>
      </c>
      <c r="GA11" s="71">
        <v>0</v>
      </c>
      <c r="GB11" s="71">
        <v>0</v>
      </c>
      <c r="GC11" s="71">
        <v>0</v>
      </c>
      <c r="GD11" s="71">
        <v>0</v>
      </c>
      <c r="GE11" s="72">
        <v>0</v>
      </c>
      <c r="GF11" s="73">
        <v>0</v>
      </c>
      <c r="GG11" s="70">
        <v>34</v>
      </c>
      <c r="GH11" s="71">
        <v>26</v>
      </c>
      <c r="GI11" s="72">
        <v>60</v>
      </c>
      <c r="GJ11" s="244"/>
      <c r="GK11" s="71">
        <v>70</v>
      </c>
      <c r="GL11" s="71">
        <v>37</v>
      </c>
      <c r="GM11" s="71">
        <v>30</v>
      </c>
      <c r="GN11" s="71">
        <v>26</v>
      </c>
      <c r="GO11" s="71">
        <v>18</v>
      </c>
      <c r="GP11" s="72">
        <v>181</v>
      </c>
      <c r="GQ11" s="73">
        <v>241</v>
      </c>
      <c r="GR11" s="123">
        <v>290</v>
      </c>
      <c r="GS11" s="82">
        <v>195</v>
      </c>
      <c r="GT11" s="83">
        <v>485</v>
      </c>
      <c r="GU11" s="241"/>
      <c r="GV11" s="82">
        <v>607</v>
      </c>
      <c r="GW11" s="82">
        <v>383</v>
      </c>
      <c r="GX11" s="82">
        <v>252</v>
      </c>
      <c r="GY11" s="82">
        <v>221</v>
      </c>
      <c r="GZ11" s="82">
        <v>103</v>
      </c>
      <c r="HA11" s="84">
        <v>1566</v>
      </c>
      <c r="HB11" s="85">
        <v>2051</v>
      </c>
      <c r="HC11" s="70">
        <v>3</v>
      </c>
      <c r="HD11" s="71">
        <v>3</v>
      </c>
      <c r="HE11" s="72">
        <v>6</v>
      </c>
      <c r="HF11" s="244"/>
      <c r="HG11" s="71">
        <v>4</v>
      </c>
      <c r="HH11" s="71">
        <v>10</v>
      </c>
      <c r="HI11" s="71">
        <v>7</v>
      </c>
      <c r="HJ11" s="71">
        <v>1</v>
      </c>
      <c r="HK11" s="71">
        <v>1</v>
      </c>
      <c r="HL11" s="72">
        <v>23</v>
      </c>
      <c r="HM11" s="73">
        <v>29</v>
      </c>
      <c r="HN11" s="70">
        <v>16</v>
      </c>
      <c r="HO11" s="71">
        <v>6</v>
      </c>
      <c r="HP11" s="72">
        <v>22</v>
      </c>
      <c r="HQ11" s="244"/>
      <c r="HR11" s="71">
        <v>20</v>
      </c>
      <c r="HS11" s="71">
        <v>18</v>
      </c>
      <c r="HT11" s="71">
        <v>16</v>
      </c>
      <c r="HU11" s="71">
        <v>13</v>
      </c>
      <c r="HV11" s="71">
        <v>6</v>
      </c>
      <c r="HW11" s="72">
        <v>73</v>
      </c>
      <c r="HX11" s="73">
        <v>95</v>
      </c>
      <c r="HY11" s="70">
        <v>26</v>
      </c>
      <c r="HZ11" s="71">
        <v>24</v>
      </c>
      <c r="IA11" s="72">
        <v>50</v>
      </c>
      <c r="IB11" s="244"/>
      <c r="IC11" s="71">
        <v>64</v>
      </c>
      <c r="ID11" s="71">
        <v>38</v>
      </c>
      <c r="IE11" s="71">
        <v>22</v>
      </c>
      <c r="IF11" s="71">
        <v>14</v>
      </c>
      <c r="IG11" s="71">
        <v>13</v>
      </c>
      <c r="IH11" s="72">
        <v>151</v>
      </c>
      <c r="II11" s="73">
        <v>201</v>
      </c>
      <c r="IJ11" s="70">
        <v>63</v>
      </c>
      <c r="IK11" s="71">
        <v>45</v>
      </c>
      <c r="IL11" s="72">
        <v>108</v>
      </c>
      <c r="IM11" s="244"/>
      <c r="IN11" s="71">
        <v>109</v>
      </c>
      <c r="IO11" s="71">
        <v>77</v>
      </c>
      <c r="IP11" s="71">
        <v>42</v>
      </c>
      <c r="IQ11" s="71">
        <v>32</v>
      </c>
      <c r="IR11" s="71">
        <v>23</v>
      </c>
      <c r="IS11" s="72">
        <v>283</v>
      </c>
      <c r="IT11" s="73">
        <v>391</v>
      </c>
      <c r="IU11" s="70">
        <v>102</v>
      </c>
      <c r="IV11" s="71">
        <v>64</v>
      </c>
      <c r="IW11" s="72">
        <v>166</v>
      </c>
      <c r="IX11" s="244"/>
      <c r="IY11" s="71">
        <v>184</v>
      </c>
      <c r="IZ11" s="71">
        <v>105</v>
      </c>
      <c r="JA11" s="71">
        <v>85</v>
      </c>
      <c r="JB11" s="71">
        <v>74</v>
      </c>
      <c r="JC11" s="71">
        <v>30</v>
      </c>
      <c r="JD11" s="72">
        <v>478</v>
      </c>
      <c r="JE11" s="73">
        <v>644</v>
      </c>
      <c r="JF11" s="70">
        <v>80</v>
      </c>
      <c r="JG11" s="71">
        <v>53</v>
      </c>
      <c r="JH11" s="72">
        <v>133</v>
      </c>
      <c r="JI11" s="244"/>
      <c r="JJ11" s="71">
        <v>226</v>
      </c>
      <c r="JK11" s="71">
        <v>135</v>
      </c>
      <c r="JL11" s="71">
        <v>80</v>
      </c>
      <c r="JM11" s="71">
        <v>87</v>
      </c>
      <c r="JN11" s="71">
        <v>30</v>
      </c>
      <c r="JO11" s="72">
        <v>558</v>
      </c>
      <c r="JP11" s="73">
        <v>691</v>
      </c>
      <c r="JQ11" s="70">
        <v>0</v>
      </c>
      <c r="JR11" s="71">
        <v>0</v>
      </c>
      <c r="JS11" s="72">
        <v>0</v>
      </c>
      <c r="JT11" s="244"/>
      <c r="JU11" s="71">
        <v>0</v>
      </c>
      <c r="JV11" s="71">
        <v>0</v>
      </c>
      <c r="JW11" s="71">
        <v>0</v>
      </c>
      <c r="JX11" s="71">
        <v>0</v>
      </c>
      <c r="JY11" s="71">
        <v>0</v>
      </c>
      <c r="JZ11" s="72">
        <v>0</v>
      </c>
      <c r="KA11" s="73">
        <v>0</v>
      </c>
      <c r="KB11" s="70">
        <v>290</v>
      </c>
      <c r="KC11" s="71">
        <v>195</v>
      </c>
      <c r="KD11" s="72">
        <v>485</v>
      </c>
      <c r="KE11" s="244"/>
      <c r="KF11" s="71">
        <v>607</v>
      </c>
      <c r="KG11" s="71">
        <v>383</v>
      </c>
      <c r="KH11" s="71">
        <v>252</v>
      </c>
      <c r="KI11" s="71">
        <v>221</v>
      </c>
      <c r="KJ11" s="71">
        <v>103</v>
      </c>
      <c r="KK11" s="72">
        <v>1566</v>
      </c>
      <c r="KL11" s="73">
        <v>2051</v>
      </c>
    </row>
    <row r="12" spans="1:298" ht="19.5" customHeight="1" x14ac:dyDescent="0.2">
      <c r="A12" s="126" t="s">
        <v>8</v>
      </c>
      <c r="B12" s="316">
        <v>102</v>
      </c>
      <c r="C12" s="82">
        <v>66</v>
      </c>
      <c r="D12" s="83">
        <v>168</v>
      </c>
      <c r="E12" s="241"/>
      <c r="F12" s="82">
        <v>151</v>
      </c>
      <c r="G12" s="82">
        <v>117</v>
      </c>
      <c r="H12" s="82">
        <v>98</v>
      </c>
      <c r="I12" s="82">
        <v>60</v>
      </c>
      <c r="J12" s="82">
        <v>35</v>
      </c>
      <c r="K12" s="84">
        <v>461</v>
      </c>
      <c r="L12" s="85">
        <v>629</v>
      </c>
      <c r="M12" s="70">
        <v>2</v>
      </c>
      <c r="N12" s="71">
        <v>3</v>
      </c>
      <c r="O12" s="72">
        <v>5</v>
      </c>
      <c r="P12" s="244"/>
      <c r="Q12" s="71">
        <v>1</v>
      </c>
      <c r="R12" s="71">
        <v>1</v>
      </c>
      <c r="S12" s="71">
        <v>1</v>
      </c>
      <c r="T12" s="71">
        <v>2</v>
      </c>
      <c r="U12" s="71">
        <v>1</v>
      </c>
      <c r="V12" s="72">
        <v>6</v>
      </c>
      <c r="W12" s="73">
        <v>11</v>
      </c>
      <c r="X12" s="70">
        <v>5</v>
      </c>
      <c r="Y12" s="71">
        <v>5</v>
      </c>
      <c r="Z12" s="72">
        <v>10</v>
      </c>
      <c r="AA12" s="244"/>
      <c r="AB12" s="71">
        <v>6</v>
      </c>
      <c r="AC12" s="71">
        <v>8</v>
      </c>
      <c r="AD12" s="71">
        <v>3</v>
      </c>
      <c r="AE12" s="71">
        <v>6</v>
      </c>
      <c r="AF12" s="71">
        <v>1</v>
      </c>
      <c r="AG12" s="72">
        <v>24</v>
      </c>
      <c r="AH12" s="73">
        <v>34</v>
      </c>
      <c r="AI12" s="70">
        <v>7</v>
      </c>
      <c r="AJ12" s="71">
        <v>5</v>
      </c>
      <c r="AK12" s="72">
        <v>12</v>
      </c>
      <c r="AL12" s="244"/>
      <c r="AM12" s="71">
        <v>12</v>
      </c>
      <c r="AN12" s="71">
        <v>16</v>
      </c>
      <c r="AO12" s="71">
        <v>7</v>
      </c>
      <c r="AP12" s="71">
        <v>2</v>
      </c>
      <c r="AQ12" s="71">
        <v>5</v>
      </c>
      <c r="AR12" s="72">
        <v>42</v>
      </c>
      <c r="AS12" s="73">
        <v>54</v>
      </c>
      <c r="AT12" s="70">
        <v>27</v>
      </c>
      <c r="AU12" s="71">
        <v>8</v>
      </c>
      <c r="AV12" s="72">
        <v>35</v>
      </c>
      <c r="AW12" s="244"/>
      <c r="AX12" s="71">
        <v>25</v>
      </c>
      <c r="AY12" s="71">
        <v>20</v>
      </c>
      <c r="AZ12" s="71">
        <v>13</v>
      </c>
      <c r="BA12" s="71">
        <v>16</v>
      </c>
      <c r="BB12" s="71">
        <v>7</v>
      </c>
      <c r="BC12" s="72">
        <v>81</v>
      </c>
      <c r="BD12" s="73">
        <v>116</v>
      </c>
      <c r="BE12" s="70">
        <v>27</v>
      </c>
      <c r="BF12" s="71">
        <v>21</v>
      </c>
      <c r="BG12" s="72">
        <v>48</v>
      </c>
      <c r="BH12" s="244"/>
      <c r="BI12" s="71">
        <v>50</v>
      </c>
      <c r="BJ12" s="71">
        <v>31</v>
      </c>
      <c r="BK12" s="71">
        <v>27</v>
      </c>
      <c r="BL12" s="71">
        <v>15</v>
      </c>
      <c r="BM12" s="71">
        <v>8</v>
      </c>
      <c r="BN12" s="72">
        <v>131</v>
      </c>
      <c r="BO12" s="73">
        <v>179</v>
      </c>
      <c r="BP12" s="70">
        <v>34</v>
      </c>
      <c r="BQ12" s="71">
        <v>24</v>
      </c>
      <c r="BR12" s="72">
        <v>58</v>
      </c>
      <c r="BS12" s="244"/>
      <c r="BT12" s="71">
        <v>57</v>
      </c>
      <c r="BU12" s="71">
        <v>41</v>
      </c>
      <c r="BV12" s="71">
        <v>47</v>
      </c>
      <c r="BW12" s="71">
        <v>19</v>
      </c>
      <c r="BX12" s="71">
        <v>13</v>
      </c>
      <c r="BY12" s="72">
        <v>177</v>
      </c>
      <c r="BZ12" s="73">
        <v>235</v>
      </c>
      <c r="CA12" s="70">
        <v>0</v>
      </c>
      <c r="CB12" s="71">
        <v>0</v>
      </c>
      <c r="CC12" s="72">
        <v>0</v>
      </c>
      <c r="CD12" s="244"/>
      <c r="CE12" s="71">
        <v>0</v>
      </c>
      <c r="CF12" s="71">
        <v>0</v>
      </c>
      <c r="CG12" s="71">
        <v>0</v>
      </c>
      <c r="CH12" s="71">
        <v>0</v>
      </c>
      <c r="CI12" s="71">
        <v>0</v>
      </c>
      <c r="CJ12" s="72">
        <v>0</v>
      </c>
      <c r="CK12" s="73">
        <v>0</v>
      </c>
      <c r="CL12" s="70">
        <v>102</v>
      </c>
      <c r="CM12" s="71">
        <v>66</v>
      </c>
      <c r="CN12" s="72">
        <v>168</v>
      </c>
      <c r="CO12" s="244"/>
      <c r="CP12" s="71">
        <v>151</v>
      </c>
      <c r="CQ12" s="71">
        <v>117</v>
      </c>
      <c r="CR12" s="71">
        <v>98</v>
      </c>
      <c r="CS12" s="71">
        <v>60</v>
      </c>
      <c r="CT12" s="71">
        <v>35</v>
      </c>
      <c r="CU12" s="72">
        <v>461</v>
      </c>
      <c r="CV12" s="73">
        <v>629</v>
      </c>
      <c r="CW12" s="123">
        <v>13</v>
      </c>
      <c r="CX12" s="82">
        <v>14</v>
      </c>
      <c r="CY12" s="83">
        <v>27</v>
      </c>
      <c r="CZ12" s="241"/>
      <c r="DA12" s="82">
        <v>22</v>
      </c>
      <c r="DB12" s="82">
        <v>24</v>
      </c>
      <c r="DC12" s="82">
        <v>14</v>
      </c>
      <c r="DD12" s="82">
        <v>8</v>
      </c>
      <c r="DE12" s="82">
        <v>6</v>
      </c>
      <c r="DF12" s="84">
        <v>74</v>
      </c>
      <c r="DG12" s="85">
        <v>101</v>
      </c>
      <c r="DH12" s="70">
        <v>1</v>
      </c>
      <c r="DI12" s="71">
        <v>0</v>
      </c>
      <c r="DJ12" s="72">
        <v>1</v>
      </c>
      <c r="DK12" s="244"/>
      <c r="DL12" s="71">
        <v>0</v>
      </c>
      <c r="DM12" s="71">
        <v>0</v>
      </c>
      <c r="DN12" s="71">
        <v>0</v>
      </c>
      <c r="DO12" s="71">
        <v>0</v>
      </c>
      <c r="DP12" s="71">
        <v>0</v>
      </c>
      <c r="DQ12" s="72">
        <v>0</v>
      </c>
      <c r="DR12" s="73">
        <v>1</v>
      </c>
      <c r="DS12" s="70">
        <v>0</v>
      </c>
      <c r="DT12" s="71">
        <v>1</v>
      </c>
      <c r="DU12" s="72">
        <v>1</v>
      </c>
      <c r="DV12" s="244"/>
      <c r="DW12" s="71">
        <v>0</v>
      </c>
      <c r="DX12" s="71">
        <v>2</v>
      </c>
      <c r="DY12" s="71">
        <v>1</v>
      </c>
      <c r="DZ12" s="71">
        <v>1</v>
      </c>
      <c r="EA12" s="71">
        <v>0</v>
      </c>
      <c r="EB12" s="72">
        <v>4</v>
      </c>
      <c r="EC12" s="73">
        <v>5</v>
      </c>
      <c r="ED12" s="70">
        <v>3</v>
      </c>
      <c r="EE12" s="71">
        <v>2</v>
      </c>
      <c r="EF12" s="72">
        <v>5</v>
      </c>
      <c r="EG12" s="244"/>
      <c r="EH12" s="71">
        <v>1</v>
      </c>
      <c r="EI12" s="71">
        <v>2</v>
      </c>
      <c r="EJ12" s="71">
        <v>0</v>
      </c>
      <c r="EK12" s="71">
        <v>1</v>
      </c>
      <c r="EL12" s="71">
        <v>1</v>
      </c>
      <c r="EM12" s="72">
        <v>5</v>
      </c>
      <c r="EN12" s="73">
        <v>10</v>
      </c>
      <c r="EO12" s="70">
        <v>3</v>
      </c>
      <c r="EP12" s="71">
        <v>2</v>
      </c>
      <c r="EQ12" s="72">
        <v>5</v>
      </c>
      <c r="ER12" s="244"/>
      <c r="ES12" s="71">
        <v>5</v>
      </c>
      <c r="ET12" s="71">
        <v>5</v>
      </c>
      <c r="EU12" s="71">
        <v>3</v>
      </c>
      <c r="EV12" s="71">
        <v>0</v>
      </c>
      <c r="EW12" s="71">
        <v>0</v>
      </c>
      <c r="EX12" s="72">
        <v>13</v>
      </c>
      <c r="EY12" s="73">
        <v>18</v>
      </c>
      <c r="EZ12" s="70">
        <v>2</v>
      </c>
      <c r="FA12" s="71">
        <v>3</v>
      </c>
      <c r="FB12" s="72">
        <v>5</v>
      </c>
      <c r="FC12" s="244"/>
      <c r="FD12" s="71">
        <v>8</v>
      </c>
      <c r="FE12" s="71">
        <v>4</v>
      </c>
      <c r="FF12" s="71">
        <v>2</v>
      </c>
      <c r="FG12" s="71">
        <v>2</v>
      </c>
      <c r="FH12" s="71">
        <v>1</v>
      </c>
      <c r="FI12" s="72">
        <v>17</v>
      </c>
      <c r="FJ12" s="73">
        <v>22</v>
      </c>
      <c r="FK12" s="70">
        <v>4</v>
      </c>
      <c r="FL12" s="71">
        <v>6</v>
      </c>
      <c r="FM12" s="72">
        <v>10</v>
      </c>
      <c r="FN12" s="244"/>
      <c r="FO12" s="71">
        <v>8</v>
      </c>
      <c r="FP12" s="71">
        <v>11</v>
      </c>
      <c r="FQ12" s="71">
        <v>8</v>
      </c>
      <c r="FR12" s="71">
        <v>4</v>
      </c>
      <c r="FS12" s="71">
        <v>4</v>
      </c>
      <c r="FT12" s="72">
        <v>35</v>
      </c>
      <c r="FU12" s="73">
        <v>45</v>
      </c>
      <c r="FV12" s="70">
        <v>0</v>
      </c>
      <c r="FW12" s="71">
        <v>0</v>
      </c>
      <c r="FX12" s="72">
        <v>0</v>
      </c>
      <c r="FY12" s="244"/>
      <c r="FZ12" s="71">
        <v>0</v>
      </c>
      <c r="GA12" s="71">
        <v>0</v>
      </c>
      <c r="GB12" s="71">
        <v>0</v>
      </c>
      <c r="GC12" s="71">
        <v>0</v>
      </c>
      <c r="GD12" s="71">
        <v>0</v>
      </c>
      <c r="GE12" s="72">
        <v>0</v>
      </c>
      <c r="GF12" s="73">
        <v>0</v>
      </c>
      <c r="GG12" s="70">
        <v>13</v>
      </c>
      <c r="GH12" s="71">
        <v>14</v>
      </c>
      <c r="GI12" s="72">
        <v>27</v>
      </c>
      <c r="GJ12" s="244"/>
      <c r="GK12" s="71">
        <v>22</v>
      </c>
      <c r="GL12" s="71">
        <v>24</v>
      </c>
      <c r="GM12" s="71">
        <v>14</v>
      </c>
      <c r="GN12" s="71">
        <v>8</v>
      </c>
      <c r="GO12" s="71">
        <v>6</v>
      </c>
      <c r="GP12" s="72">
        <v>74</v>
      </c>
      <c r="GQ12" s="73">
        <v>101</v>
      </c>
      <c r="GR12" s="123">
        <v>115</v>
      </c>
      <c r="GS12" s="82">
        <v>80</v>
      </c>
      <c r="GT12" s="83">
        <v>195</v>
      </c>
      <c r="GU12" s="241"/>
      <c r="GV12" s="82">
        <v>173</v>
      </c>
      <c r="GW12" s="82">
        <v>141</v>
      </c>
      <c r="GX12" s="82">
        <v>112</v>
      </c>
      <c r="GY12" s="82">
        <v>68</v>
      </c>
      <c r="GZ12" s="82">
        <v>41</v>
      </c>
      <c r="HA12" s="84">
        <v>535</v>
      </c>
      <c r="HB12" s="85">
        <v>730</v>
      </c>
      <c r="HC12" s="70">
        <v>3</v>
      </c>
      <c r="HD12" s="71">
        <v>3</v>
      </c>
      <c r="HE12" s="72">
        <v>6</v>
      </c>
      <c r="HF12" s="244"/>
      <c r="HG12" s="71">
        <v>1</v>
      </c>
      <c r="HH12" s="71">
        <v>1</v>
      </c>
      <c r="HI12" s="71">
        <v>1</v>
      </c>
      <c r="HJ12" s="71">
        <v>2</v>
      </c>
      <c r="HK12" s="71">
        <v>1</v>
      </c>
      <c r="HL12" s="72">
        <v>6</v>
      </c>
      <c r="HM12" s="73">
        <v>12</v>
      </c>
      <c r="HN12" s="70">
        <v>5</v>
      </c>
      <c r="HO12" s="71">
        <v>6</v>
      </c>
      <c r="HP12" s="72">
        <v>11</v>
      </c>
      <c r="HQ12" s="244"/>
      <c r="HR12" s="71">
        <v>6</v>
      </c>
      <c r="HS12" s="71">
        <v>10</v>
      </c>
      <c r="HT12" s="71">
        <v>4</v>
      </c>
      <c r="HU12" s="71">
        <v>7</v>
      </c>
      <c r="HV12" s="71">
        <v>1</v>
      </c>
      <c r="HW12" s="72">
        <v>28</v>
      </c>
      <c r="HX12" s="73">
        <v>39</v>
      </c>
      <c r="HY12" s="70">
        <v>10</v>
      </c>
      <c r="HZ12" s="71">
        <v>7</v>
      </c>
      <c r="IA12" s="72">
        <v>17</v>
      </c>
      <c r="IB12" s="244"/>
      <c r="IC12" s="71">
        <v>13</v>
      </c>
      <c r="ID12" s="71">
        <v>18</v>
      </c>
      <c r="IE12" s="71">
        <v>7</v>
      </c>
      <c r="IF12" s="71">
        <v>3</v>
      </c>
      <c r="IG12" s="71">
        <v>6</v>
      </c>
      <c r="IH12" s="72">
        <v>47</v>
      </c>
      <c r="II12" s="73">
        <v>64</v>
      </c>
      <c r="IJ12" s="70">
        <v>30</v>
      </c>
      <c r="IK12" s="71">
        <v>10</v>
      </c>
      <c r="IL12" s="72">
        <v>40</v>
      </c>
      <c r="IM12" s="244"/>
      <c r="IN12" s="71">
        <v>30</v>
      </c>
      <c r="IO12" s="71">
        <v>25</v>
      </c>
      <c r="IP12" s="71">
        <v>16</v>
      </c>
      <c r="IQ12" s="71">
        <v>16</v>
      </c>
      <c r="IR12" s="71">
        <v>7</v>
      </c>
      <c r="IS12" s="72">
        <v>94</v>
      </c>
      <c r="IT12" s="73">
        <v>134</v>
      </c>
      <c r="IU12" s="70">
        <v>29</v>
      </c>
      <c r="IV12" s="71">
        <v>24</v>
      </c>
      <c r="IW12" s="72">
        <v>53</v>
      </c>
      <c r="IX12" s="244"/>
      <c r="IY12" s="71">
        <v>58</v>
      </c>
      <c r="IZ12" s="71">
        <v>35</v>
      </c>
      <c r="JA12" s="71">
        <v>29</v>
      </c>
      <c r="JB12" s="71">
        <v>17</v>
      </c>
      <c r="JC12" s="71">
        <v>9</v>
      </c>
      <c r="JD12" s="72">
        <v>148</v>
      </c>
      <c r="JE12" s="73">
        <v>201</v>
      </c>
      <c r="JF12" s="70">
        <v>38</v>
      </c>
      <c r="JG12" s="71">
        <v>30</v>
      </c>
      <c r="JH12" s="72">
        <v>68</v>
      </c>
      <c r="JI12" s="244"/>
      <c r="JJ12" s="71">
        <v>65</v>
      </c>
      <c r="JK12" s="71">
        <v>52</v>
      </c>
      <c r="JL12" s="71">
        <v>55</v>
      </c>
      <c r="JM12" s="71">
        <v>23</v>
      </c>
      <c r="JN12" s="71">
        <v>17</v>
      </c>
      <c r="JO12" s="72">
        <v>212</v>
      </c>
      <c r="JP12" s="73">
        <v>280</v>
      </c>
      <c r="JQ12" s="70">
        <v>0</v>
      </c>
      <c r="JR12" s="71">
        <v>0</v>
      </c>
      <c r="JS12" s="72">
        <v>0</v>
      </c>
      <c r="JT12" s="244"/>
      <c r="JU12" s="71">
        <v>0</v>
      </c>
      <c r="JV12" s="71">
        <v>0</v>
      </c>
      <c r="JW12" s="71">
        <v>0</v>
      </c>
      <c r="JX12" s="71">
        <v>0</v>
      </c>
      <c r="JY12" s="71">
        <v>0</v>
      </c>
      <c r="JZ12" s="72">
        <v>0</v>
      </c>
      <c r="KA12" s="73">
        <v>0</v>
      </c>
      <c r="KB12" s="70">
        <v>115</v>
      </c>
      <c r="KC12" s="71">
        <v>80</v>
      </c>
      <c r="KD12" s="72">
        <v>195</v>
      </c>
      <c r="KE12" s="244"/>
      <c r="KF12" s="71">
        <v>173</v>
      </c>
      <c r="KG12" s="71">
        <v>141</v>
      </c>
      <c r="KH12" s="71">
        <v>112</v>
      </c>
      <c r="KI12" s="71">
        <v>68</v>
      </c>
      <c r="KJ12" s="71">
        <v>41</v>
      </c>
      <c r="KK12" s="72">
        <v>535</v>
      </c>
      <c r="KL12" s="73">
        <v>730</v>
      </c>
    </row>
    <row r="13" spans="1:298" ht="19.5" customHeight="1" x14ac:dyDescent="0.2">
      <c r="A13" s="126" t="s">
        <v>9</v>
      </c>
      <c r="B13" s="316">
        <v>169</v>
      </c>
      <c r="C13" s="82">
        <v>124</v>
      </c>
      <c r="D13" s="83">
        <v>293</v>
      </c>
      <c r="E13" s="241"/>
      <c r="F13" s="82">
        <v>215</v>
      </c>
      <c r="G13" s="82">
        <v>145</v>
      </c>
      <c r="H13" s="82">
        <v>115</v>
      </c>
      <c r="I13" s="82">
        <v>101</v>
      </c>
      <c r="J13" s="82">
        <v>47</v>
      </c>
      <c r="K13" s="84">
        <v>623</v>
      </c>
      <c r="L13" s="85">
        <v>916</v>
      </c>
      <c r="M13" s="70">
        <v>2</v>
      </c>
      <c r="N13" s="71">
        <v>2</v>
      </c>
      <c r="O13" s="72">
        <v>4</v>
      </c>
      <c r="P13" s="244"/>
      <c r="Q13" s="71">
        <v>0</v>
      </c>
      <c r="R13" s="71">
        <v>0</v>
      </c>
      <c r="S13" s="71">
        <v>0</v>
      </c>
      <c r="T13" s="71">
        <v>0</v>
      </c>
      <c r="U13" s="71">
        <v>0</v>
      </c>
      <c r="V13" s="72">
        <v>0</v>
      </c>
      <c r="W13" s="73">
        <v>4</v>
      </c>
      <c r="X13" s="70">
        <v>9</v>
      </c>
      <c r="Y13" s="71">
        <v>4</v>
      </c>
      <c r="Z13" s="72">
        <v>13</v>
      </c>
      <c r="AA13" s="244"/>
      <c r="AB13" s="71">
        <v>4</v>
      </c>
      <c r="AC13" s="71">
        <v>6</v>
      </c>
      <c r="AD13" s="71">
        <v>1</v>
      </c>
      <c r="AE13" s="71">
        <v>2</v>
      </c>
      <c r="AF13" s="71">
        <v>2</v>
      </c>
      <c r="AG13" s="72">
        <v>15</v>
      </c>
      <c r="AH13" s="73">
        <v>28</v>
      </c>
      <c r="AI13" s="70">
        <v>8</v>
      </c>
      <c r="AJ13" s="71">
        <v>6</v>
      </c>
      <c r="AK13" s="72">
        <v>14</v>
      </c>
      <c r="AL13" s="244"/>
      <c r="AM13" s="71">
        <v>8</v>
      </c>
      <c r="AN13" s="71">
        <v>7</v>
      </c>
      <c r="AO13" s="71">
        <v>6</v>
      </c>
      <c r="AP13" s="71">
        <v>4</v>
      </c>
      <c r="AQ13" s="71">
        <v>4</v>
      </c>
      <c r="AR13" s="72">
        <v>29</v>
      </c>
      <c r="AS13" s="73">
        <v>43</v>
      </c>
      <c r="AT13" s="70">
        <v>26</v>
      </c>
      <c r="AU13" s="71">
        <v>29</v>
      </c>
      <c r="AV13" s="72">
        <v>55</v>
      </c>
      <c r="AW13" s="244"/>
      <c r="AX13" s="71">
        <v>32</v>
      </c>
      <c r="AY13" s="71">
        <v>26</v>
      </c>
      <c r="AZ13" s="71">
        <v>12</v>
      </c>
      <c r="BA13" s="71">
        <v>12</v>
      </c>
      <c r="BB13" s="71">
        <v>9</v>
      </c>
      <c r="BC13" s="72">
        <v>91</v>
      </c>
      <c r="BD13" s="73">
        <v>146</v>
      </c>
      <c r="BE13" s="70">
        <v>72</v>
      </c>
      <c r="BF13" s="71">
        <v>39</v>
      </c>
      <c r="BG13" s="72">
        <v>111</v>
      </c>
      <c r="BH13" s="244"/>
      <c r="BI13" s="71">
        <v>88</v>
      </c>
      <c r="BJ13" s="71">
        <v>44</v>
      </c>
      <c r="BK13" s="71">
        <v>41</v>
      </c>
      <c r="BL13" s="71">
        <v>43</v>
      </c>
      <c r="BM13" s="71">
        <v>11</v>
      </c>
      <c r="BN13" s="72">
        <v>227</v>
      </c>
      <c r="BO13" s="73">
        <v>338</v>
      </c>
      <c r="BP13" s="70">
        <v>52</v>
      </c>
      <c r="BQ13" s="71">
        <v>44</v>
      </c>
      <c r="BR13" s="72">
        <v>96</v>
      </c>
      <c r="BS13" s="244"/>
      <c r="BT13" s="71">
        <v>83</v>
      </c>
      <c r="BU13" s="71">
        <v>62</v>
      </c>
      <c r="BV13" s="71">
        <v>55</v>
      </c>
      <c r="BW13" s="71">
        <v>40</v>
      </c>
      <c r="BX13" s="71">
        <v>21</v>
      </c>
      <c r="BY13" s="72">
        <v>261</v>
      </c>
      <c r="BZ13" s="73">
        <v>357</v>
      </c>
      <c r="CA13" s="70">
        <v>0</v>
      </c>
      <c r="CB13" s="71">
        <v>0</v>
      </c>
      <c r="CC13" s="72">
        <v>0</v>
      </c>
      <c r="CD13" s="244"/>
      <c r="CE13" s="71">
        <v>0</v>
      </c>
      <c r="CF13" s="71">
        <v>0</v>
      </c>
      <c r="CG13" s="71">
        <v>0</v>
      </c>
      <c r="CH13" s="71">
        <v>0</v>
      </c>
      <c r="CI13" s="71">
        <v>0</v>
      </c>
      <c r="CJ13" s="72">
        <v>0</v>
      </c>
      <c r="CK13" s="73">
        <v>0</v>
      </c>
      <c r="CL13" s="70">
        <v>169</v>
      </c>
      <c r="CM13" s="71">
        <v>124</v>
      </c>
      <c r="CN13" s="72">
        <v>293</v>
      </c>
      <c r="CO13" s="244"/>
      <c r="CP13" s="71">
        <v>215</v>
      </c>
      <c r="CQ13" s="71">
        <v>145</v>
      </c>
      <c r="CR13" s="71">
        <v>115</v>
      </c>
      <c r="CS13" s="71">
        <v>101</v>
      </c>
      <c r="CT13" s="71">
        <v>47</v>
      </c>
      <c r="CU13" s="72">
        <v>623</v>
      </c>
      <c r="CV13" s="73">
        <v>916</v>
      </c>
      <c r="CW13" s="123">
        <v>38</v>
      </c>
      <c r="CX13" s="82">
        <v>17</v>
      </c>
      <c r="CY13" s="83">
        <v>55</v>
      </c>
      <c r="CZ13" s="241"/>
      <c r="DA13" s="82">
        <v>36</v>
      </c>
      <c r="DB13" s="82">
        <v>26</v>
      </c>
      <c r="DC13" s="82">
        <v>21</v>
      </c>
      <c r="DD13" s="82">
        <v>10</v>
      </c>
      <c r="DE13" s="82">
        <v>13</v>
      </c>
      <c r="DF13" s="84">
        <v>106</v>
      </c>
      <c r="DG13" s="85">
        <v>161</v>
      </c>
      <c r="DH13" s="70">
        <v>2</v>
      </c>
      <c r="DI13" s="71">
        <v>0</v>
      </c>
      <c r="DJ13" s="72">
        <v>2</v>
      </c>
      <c r="DK13" s="244"/>
      <c r="DL13" s="71">
        <v>0</v>
      </c>
      <c r="DM13" s="71">
        <v>0</v>
      </c>
      <c r="DN13" s="71">
        <v>0</v>
      </c>
      <c r="DO13" s="71">
        <v>0</v>
      </c>
      <c r="DP13" s="71">
        <v>0</v>
      </c>
      <c r="DQ13" s="72">
        <v>0</v>
      </c>
      <c r="DR13" s="73">
        <v>2</v>
      </c>
      <c r="DS13" s="70">
        <v>2</v>
      </c>
      <c r="DT13" s="71">
        <v>2</v>
      </c>
      <c r="DU13" s="72">
        <v>4</v>
      </c>
      <c r="DV13" s="244"/>
      <c r="DW13" s="71">
        <v>0</v>
      </c>
      <c r="DX13" s="71">
        <v>0</v>
      </c>
      <c r="DY13" s="71">
        <v>0</v>
      </c>
      <c r="DZ13" s="71">
        <v>0</v>
      </c>
      <c r="EA13" s="71">
        <v>0</v>
      </c>
      <c r="EB13" s="72">
        <v>0</v>
      </c>
      <c r="EC13" s="73">
        <v>4</v>
      </c>
      <c r="ED13" s="70">
        <v>6</v>
      </c>
      <c r="EE13" s="71">
        <v>2</v>
      </c>
      <c r="EF13" s="72">
        <v>8</v>
      </c>
      <c r="EG13" s="244"/>
      <c r="EH13" s="71">
        <v>2</v>
      </c>
      <c r="EI13" s="71">
        <v>2</v>
      </c>
      <c r="EJ13" s="71">
        <v>4</v>
      </c>
      <c r="EK13" s="71">
        <v>1</v>
      </c>
      <c r="EL13" s="71">
        <v>1</v>
      </c>
      <c r="EM13" s="72">
        <v>10</v>
      </c>
      <c r="EN13" s="73">
        <v>18</v>
      </c>
      <c r="EO13" s="70">
        <v>7</v>
      </c>
      <c r="EP13" s="71">
        <v>5</v>
      </c>
      <c r="EQ13" s="72">
        <v>12</v>
      </c>
      <c r="ER13" s="244"/>
      <c r="ES13" s="71">
        <v>5</v>
      </c>
      <c r="ET13" s="71">
        <v>2</v>
      </c>
      <c r="EU13" s="71">
        <v>0</v>
      </c>
      <c r="EV13" s="71">
        <v>1</v>
      </c>
      <c r="EW13" s="71">
        <v>3</v>
      </c>
      <c r="EX13" s="72">
        <v>11</v>
      </c>
      <c r="EY13" s="73">
        <v>23</v>
      </c>
      <c r="EZ13" s="70">
        <v>11</v>
      </c>
      <c r="FA13" s="71">
        <v>5</v>
      </c>
      <c r="FB13" s="72">
        <v>16</v>
      </c>
      <c r="FC13" s="244"/>
      <c r="FD13" s="71">
        <v>11</v>
      </c>
      <c r="FE13" s="71">
        <v>8</v>
      </c>
      <c r="FF13" s="71">
        <v>6</v>
      </c>
      <c r="FG13" s="71">
        <v>2</v>
      </c>
      <c r="FH13" s="71">
        <v>1</v>
      </c>
      <c r="FI13" s="72">
        <v>28</v>
      </c>
      <c r="FJ13" s="73">
        <v>44</v>
      </c>
      <c r="FK13" s="70">
        <v>10</v>
      </c>
      <c r="FL13" s="71">
        <v>3</v>
      </c>
      <c r="FM13" s="72">
        <v>13</v>
      </c>
      <c r="FN13" s="244"/>
      <c r="FO13" s="71">
        <v>18</v>
      </c>
      <c r="FP13" s="71">
        <v>14</v>
      </c>
      <c r="FQ13" s="71">
        <v>11</v>
      </c>
      <c r="FR13" s="71">
        <v>6</v>
      </c>
      <c r="FS13" s="71">
        <v>8</v>
      </c>
      <c r="FT13" s="72">
        <v>57</v>
      </c>
      <c r="FU13" s="73">
        <v>70</v>
      </c>
      <c r="FV13" s="70">
        <v>0</v>
      </c>
      <c r="FW13" s="71">
        <v>0</v>
      </c>
      <c r="FX13" s="72">
        <v>0</v>
      </c>
      <c r="FY13" s="244"/>
      <c r="FZ13" s="71">
        <v>0</v>
      </c>
      <c r="GA13" s="71">
        <v>0</v>
      </c>
      <c r="GB13" s="71">
        <v>0</v>
      </c>
      <c r="GC13" s="71">
        <v>0</v>
      </c>
      <c r="GD13" s="71">
        <v>0</v>
      </c>
      <c r="GE13" s="72">
        <v>0</v>
      </c>
      <c r="GF13" s="73">
        <v>0</v>
      </c>
      <c r="GG13" s="70">
        <v>38</v>
      </c>
      <c r="GH13" s="71">
        <v>17</v>
      </c>
      <c r="GI13" s="72">
        <v>55</v>
      </c>
      <c r="GJ13" s="244"/>
      <c r="GK13" s="71">
        <v>36</v>
      </c>
      <c r="GL13" s="71">
        <v>26</v>
      </c>
      <c r="GM13" s="71">
        <v>21</v>
      </c>
      <c r="GN13" s="71">
        <v>10</v>
      </c>
      <c r="GO13" s="71">
        <v>13</v>
      </c>
      <c r="GP13" s="72">
        <v>106</v>
      </c>
      <c r="GQ13" s="73">
        <v>161</v>
      </c>
      <c r="GR13" s="123">
        <v>207</v>
      </c>
      <c r="GS13" s="82">
        <v>141</v>
      </c>
      <c r="GT13" s="83">
        <v>348</v>
      </c>
      <c r="GU13" s="241"/>
      <c r="GV13" s="82">
        <v>251</v>
      </c>
      <c r="GW13" s="82">
        <v>171</v>
      </c>
      <c r="GX13" s="82">
        <v>136</v>
      </c>
      <c r="GY13" s="82">
        <v>111</v>
      </c>
      <c r="GZ13" s="82">
        <v>60</v>
      </c>
      <c r="HA13" s="84">
        <v>729</v>
      </c>
      <c r="HB13" s="85">
        <v>1077</v>
      </c>
      <c r="HC13" s="70">
        <v>4</v>
      </c>
      <c r="HD13" s="71">
        <v>2</v>
      </c>
      <c r="HE13" s="72">
        <v>6</v>
      </c>
      <c r="HF13" s="244"/>
      <c r="HG13" s="71">
        <v>0</v>
      </c>
      <c r="HH13" s="71">
        <v>0</v>
      </c>
      <c r="HI13" s="71">
        <v>0</v>
      </c>
      <c r="HJ13" s="71">
        <v>0</v>
      </c>
      <c r="HK13" s="71">
        <v>0</v>
      </c>
      <c r="HL13" s="72">
        <v>0</v>
      </c>
      <c r="HM13" s="73">
        <v>6</v>
      </c>
      <c r="HN13" s="70">
        <v>11</v>
      </c>
      <c r="HO13" s="71">
        <v>6</v>
      </c>
      <c r="HP13" s="72">
        <v>17</v>
      </c>
      <c r="HQ13" s="244"/>
      <c r="HR13" s="71">
        <v>4</v>
      </c>
      <c r="HS13" s="71">
        <v>6</v>
      </c>
      <c r="HT13" s="71">
        <v>1</v>
      </c>
      <c r="HU13" s="71">
        <v>2</v>
      </c>
      <c r="HV13" s="71">
        <v>2</v>
      </c>
      <c r="HW13" s="72">
        <v>15</v>
      </c>
      <c r="HX13" s="73">
        <v>32</v>
      </c>
      <c r="HY13" s="70">
        <v>14</v>
      </c>
      <c r="HZ13" s="71">
        <v>8</v>
      </c>
      <c r="IA13" s="72">
        <v>22</v>
      </c>
      <c r="IB13" s="244"/>
      <c r="IC13" s="71">
        <v>10</v>
      </c>
      <c r="ID13" s="71">
        <v>9</v>
      </c>
      <c r="IE13" s="71">
        <v>10</v>
      </c>
      <c r="IF13" s="71">
        <v>5</v>
      </c>
      <c r="IG13" s="71">
        <v>5</v>
      </c>
      <c r="IH13" s="72">
        <v>39</v>
      </c>
      <c r="II13" s="73">
        <v>61</v>
      </c>
      <c r="IJ13" s="70">
        <v>33</v>
      </c>
      <c r="IK13" s="71">
        <v>34</v>
      </c>
      <c r="IL13" s="72">
        <v>67</v>
      </c>
      <c r="IM13" s="244"/>
      <c r="IN13" s="71">
        <v>37</v>
      </c>
      <c r="IO13" s="71">
        <v>28</v>
      </c>
      <c r="IP13" s="71">
        <v>12</v>
      </c>
      <c r="IQ13" s="71">
        <v>13</v>
      </c>
      <c r="IR13" s="71">
        <v>12</v>
      </c>
      <c r="IS13" s="72">
        <v>102</v>
      </c>
      <c r="IT13" s="73">
        <v>169</v>
      </c>
      <c r="IU13" s="70">
        <v>83</v>
      </c>
      <c r="IV13" s="71">
        <v>44</v>
      </c>
      <c r="IW13" s="72">
        <v>127</v>
      </c>
      <c r="IX13" s="244"/>
      <c r="IY13" s="71">
        <v>99</v>
      </c>
      <c r="IZ13" s="71">
        <v>52</v>
      </c>
      <c r="JA13" s="71">
        <v>47</v>
      </c>
      <c r="JB13" s="71">
        <v>45</v>
      </c>
      <c r="JC13" s="71">
        <v>12</v>
      </c>
      <c r="JD13" s="72">
        <v>255</v>
      </c>
      <c r="JE13" s="73">
        <v>382</v>
      </c>
      <c r="JF13" s="70">
        <v>62</v>
      </c>
      <c r="JG13" s="71">
        <v>47</v>
      </c>
      <c r="JH13" s="72">
        <v>109</v>
      </c>
      <c r="JI13" s="244"/>
      <c r="JJ13" s="71">
        <v>101</v>
      </c>
      <c r="JK13" s="71">
        <v>76</v>
      </c>
      <c r="JL13" s="71">
        <v>66</v>
      </c>
      <c r="JM13" s="71">
        <v>46</v>
      </c>
      <c r="JN13" s="71">
        <v>29</v>
      </c>
      <c r="JO13" s="72">
        <v>318</v>
      </c>
      <c r="JP13" s="73">
        <v>427</v>
      </c>
      <c r="JQ13" s="70">
        <v>0</v>
      </c>
      <c r="JR13" s="71">
        <v>0</v>
      </c>
      <c r="JS13" s="72">
        <v>0</v>
      </c>
      <c r="JT13" s="244"/>
      <c r="JU13" s="71">
        <v>0</v>
      </c>
      <c r="JV13" s="71">
        <v>0</v>
      </c>
      <c r="JW13" s="71">
        <v>0</v>
      </c>
      <c r="JX13" s="71">
        <v>0</v>
      </c>
      <c r="JY13" s="71">
        <v>0</v>
      </c>
      <c r="JZ13" s="72">
        <v>0</v>
      </c>
      <c r="KA13" s="73">
        <v>0</v>
      </c>
      <c r="KB13" s="70">
        <v>207</v>
      </c>
      <c r="KC13" s="71">
        <v>141</v>
      </c>
      <c r="KD13" s="72">
        <v>348</v>
      </c>
      <c r="KE13" s="244"/>
      <c r="KF13" s="71">
        <v>251</v>
      </c>
      <c r="KG13" s="71">
        <v>171</v>
      </c>
      <c r="KH13" s="71">
        <v>136</v>
      </c>
      <c r="KI13" s="71">
        <v>111</v>
      </c>
      <c r="KJ13" s="71">
        <v>60</v>
      </c>
      <c r="KK13" s="72">
        <v>729</v>
      </c>
      <c r="KL13" s="73">
        <v>1077</v>
      </c>
    </row>
    <row r="14" spans="1:298" ht="19.5" customHeight="1" x14ac:dyDescent="0.2">
      <c r="A14" s="126" t="s">
        <v>10</v>
      </c>
      <c r="B14" s="316">
        <v>355</v>
      </c>
      <c r="C14" s="82">
        <v>220</v>
      </c>
      <c r="D14" s="83">
        <v>575</v>
      </c>
      <c r="E14" s="241"/>
      <c r="F14" s="82">
        <v>336</v>
      </c>
      <c r="G14" s="82">
        <v>196</v>
      </c>
      <c r="H14" s="82">
        <v>148</v>
      </c>
      <c r="I14" s="82">
        <v>128</v>
      </c>
      <c r="J14" s="82">
        <v>72</v>
      </c>
      <c r="K14" s="84">
        <v>880</v>
      </c>
      <c r="L14" s="85">
        <v>1455</v>
      </c>
      <c r="M14" s="70">
        <v>3</v>
      </c>
      <c r="N14" s="71">
        <v>3</v>
      </c>
      <c r="O14" s="72">
        <v>6</v>
      </c>
      <c r="P14" s="244"/>
      <c r="Q14" s="71">
        <v>6</v>
      </c>
      <c r="R14" s="71">
        <v>6</v>
      </c>
      <c r="S14" s="71">
        <v>0</v>
      </c>
      <c r="T14" s="71">
        <v>2</v>
      </c>
      <c r="U14" s="71">
        <v>2</v>
      </c>
      <c r="V14" s="72">
        <v>16</v>
      </c>
      <c r="W14" s="73">
        <v>22</v>
      </c>
      <c r="X14" s="70">
        <v>14</v>
      </c>
      <c r="Y14" s="71">
        <v>11</v>
      </c>
      <c r="Z14" s="72">
        <v>25</v>
      </c>
      <c r="AA14" s="244"/>
      <c r="AB14" s="71">
        <v>14</v>
      </c>
      <c r="AC14" s="71">
        <v>11</v>
      </c>
      <c r="AD14" s="71">
        <v>2</v>
      </c>
      <c r="AE14" s="71">
        <v>7</v>
      </c>
      <c r="AF14" s="71">
        <v>2</v>
      </c>
      <c r="AG14" s="72">
        <v>36</v>
      </c>
      <c r="AH14" s="73">
        <v>61</v>
      </c>
      <c r="AI14" s="70">
        <v>17</v>
      </c>
      <c r="AJ14" s="71">
        <v>21</v>
      </c>
      <c r="AK14" s="72">
        <v>38</v>
      </c>
      <c r="AL14" s="244"/>
      <c r="AM14" s="71">
        <v>24</v>
      </c>
      <c r="AN14" s="71">
        <v>16</v>
      </c>
      <c r="AO14" s="71">
        <v>16</v>
      </c>
      <c r="AP14" s="71">
        <v>6</v>
      </c>
      <c r="AQ14" s="71">
        <v>7</v>
      </c>
      <c r="AR14" s="72">
        <v>69</v>
      </c>
      <c r="AS14" s="73">
        <v>107</v>
      </c>
      <c r="AT14" s="70">
        <v>75</v>
      </c>
      <c r="AU14" s="71">
        <v>49</v>
      </c>
      <c r="AV14" s="72">
        <v>124</v>
      </c>
      <c r="AW14" s="244"/>
      <c r="AX14" s="71">
        <v>60</v>
      </c>
      <c r="AY14" s="71">
        <v>34</v>
      </c>
      <c r="AZ14" s="71">
        <v>26</v>
      </c>
      <c r="BA14" s="71">
        <v>19</v>
      </c>
      <c r="BB14" s="71">
        <v>13</v>
      </c>
      <c r="BC14" s="72">
        <v>152</v>
      </c>
      <c r="BD14" s="73">
        <v>276</v>
      </c>
      <c r="BE14" s="70">
        <v>134</v>
      </c>
      <c r="BF14" s="71">
        <v>70</v>
      </c>
      <c r="BG14" s="72">
        <v>204</v>
      </c>
      <c r="BH14" s="244"/>
      <c r="BI14" s="71">
        <v>100</v>
      </c>
      <c r="BJ14" s="71">
        <v>52</v>
      </c>
      <c r="BK14" s="71">
        <v>41</v>
      </c>
      <c r="BL14" s="71">
        <v>46</v>
      </c>
      <c r="BM14" s="71">
        <v>21</v>
      </c>
      <c r="BN14" s="72">
        <v>260</v>
      </c>
      <c r="BO14" s="73">
        <v>464</v>
      </c>
      <c r="BP14" s="70">
        <v>112</v>
      </c>
      <c r="BQ14" s="71">
        <v>66</v>
      </c>
      <c r="BR14" s="72">
        <v>178</v>
      </c>
      <c r="BS14" s="244"/>
      <c r="BT14" s="71">
        <v>132</v>
      </c>
      <c r="BU14" s="71">
        <v>77</v>
      </c>
      <c r="BV14" s="71">
        <v>63</v>
      </c>
      <c r="BW14" s="71">
        <v>48</v>
      </c>
      <c r="BX14" s="71">
        <v>27</v>
      </c>
      <c r="BY14" s="72">
        <v>347</v>
      </c>
      <c r="BZ14" s="73">
        <v>525</v>
      </c>
      <c r="CA14" s="70">
        <v>0</v>
      </c>
      <c r="CB14" s="71">
        <v>0</v>
      </c>
      <c r="CC14" s="72">
        <v>0</v>
      </c>
      <c r="CD14" s="244"/>
      <c r="CE14" s="71">
        <v>0</v>
      </c>
      <c r="CF14" s="71">
        <v>0</v>
      </c>
      <c r="CG14" s="71">
        <v>0</v>
      </c>
      <c r="CH14" s="71">
        <v>0</v>
      </c>
      <c r="CI14" s="71">
        <v>0</v>
      </c>
      <c r="CJ14" s="72">
        <v>0</v>
      </c>
      <c r="CK14" s="73">
        <v>0</v>
      </c>
      <c r="CL14" s="70">
        <v>355</v>
      </c>
      <c r="CM14" s="71">
        <v>220</v>
      </c>
      <c r="CN14" s="72">
        <v>575</v>
      </c>
      <c r="CO14" s="244"/>
      <c r="CP14" s="71">
        <v>336</v>
      </c>
      <c r="CQ14" s="71">
        <v>196</v>
      </c>
      <c r="CR14" s="71">
        <v>148</v>
      </c>
      <c r="CS14" s="71">
        <v>128</v>
      </c>
      <c r="CT14" s="71">
        <v>72</v>
      </c>
      <c r="CU14" s="72">
        <v>880</v>
      </c>
      <c r="CV14" s="73">
        <v>1455</v>
      </c>
      <c r="CW14" s="123">
        <v>35</v>
      </c>
      <c r="CX14" s="82">
        <v>31</v>
      </c>
      <c r="CY14" s="83">
        <v>66</v>
      </c>
      <c r="CZ14" s="241"/>
      <c r="DA14" s="82">
        <v>51</v>
      </c>
      <c r="DB14" s="82">
        <v>17</v>
      </c>
      <c r="DC14" s="82">
        <v>24</v>
      </c>
      <c r="DD14" s="82">
        <v>15</v>
      </c>
      <c r="DE14" s="82">
        <v>20</v>
      </c>
      <c r="DF14" s="84">
        <v>127</v>
      </c>
      <c r="DG14" s="85">
        <v>193</v>
      </c>
      <c r="DH14" s="70">
        <v>0</v>
      </c>
      <c r="DI14" s="71">
        <v>0</v>
      </c>
      <c r="DJ14" s="72">
        <v>0</v>
      </c>
      <c r="DK14" s="244"/>
      <c r="DL14" s="71">
        <v>2</v>
      </c>
      <c r="DM14" s="71">
        <v>0</v>
      </c>
      <c r="DN14" s="71">
        <v>0</v>
      </c>
      <c r="DO14" s="71">
        <v>0</v>
      </c>
      <c r="DP14" s="71">
        <v>0</v>
      </c>
      <c r="DQ14" s="72">
        <v>2</v>
      </c>
      <c r="DR14" s="73">
        <v>2</v>
      </c>
      <c r="DS14" s="70">
        <v>1</v>
      </c>
      <c r="DT14" s="71">
        <v>1</v>
      </c>
      <c r="DU14" s="72">
        <v>2</v>
      </c>
      <c r="DV14" s="244"/>
      <c r="DW14" s="71">
        <v>0</v>
      </c>
      <c r="DX14" s="71">
        <v>2</v>
      </c>
      <c r="DY14" s="71">
        <v>0</v>
      </c>
      <c r="DZ14" s="71">
        <v>1</v>
      </c>
      <c r="EA14" s="71">
        <v>1</v>
      </c>
      <c r="EB14" s="72">
        <v>4</v>
      </c>
      <c r="EC14" s="73">
        <v>6</v>
      </c>
      <c r="ED14" s="70">
        <v>5</v>
      </c>
      <c r="EE14" s="71">
        <v>6</v>
      </c>
      <c r="EF14" s="72">
        <v>11</v>
      </c>
      <c r="EG14" s="244"/>
      <c r="EH14" s="71">
        <v>3</v>
      </c>
      <c r="EI14" s="71">
        <v>1</v>
      </c>
      <c r="EJ14" s="71">
        <v>1</v>
      </c>
      <c r="EK14" s="71">
        <v>0</v>
      </c>
      <c r="EL14" s="71">
        <v>0</v>
      </c>
      <c r="EM14" s="72">
        <v>5</v>
      </c>
      <c r="EN14" s="73">
        <v>16</v>
      </c>
      <c r="EO14" s="70">
        <v>9</v>
      </c>
      <c r="EP14" s="71">
        <v>7</v>
      </c>
      <c r="EQ14" s="72">
        <v>16</v>
      </c>
      <c r="ER14" s="244"/>
      <c r="ES14" s="71">
        <v>6</v>
      </c>
      <c r="ET14" s="71">
        <v>0</v>
      </c>
      <c r="EU14" s="71">
        <v>6</v>
      </c>
      <c r="EV14" s="71">
        <v>1</v>
      </c>
      <c r="EW14" s="71">
        <v>1</v>
      </c>
      <c r="EX14" s="72">
        <v>14</v>
      </c>
      <c r="EY14" s="73">
        <v>30</v>
      </c>
      <c r="EZ14" s="70">
        <v>13</v>
      </c>
      <c r="FA14" s="71">
        <v>8</v>
      </c>
      <c r="FB14" s="72">
        <v>21</v>
      </c>
      <c r="FC14" s="244"/>
      <c r="FD14" s="71">
        <v>14</v>
      </c>
      <c r="FE14" s="71">
        <v>4</v>
      </c>
      <c r="FF14" s="71">
        <v>5</v>
      </c>
      <c r="FG14" s="71">
        <v>4</v>
      </c>
      <c r="FH14" s="71">
        <v>4</v>
      </c>
      <c r="FI14" s="72">
        <v>31</v>
      </c>
      <c r="FJ14" s="73">
        <v>52</v>
      </c>
      <c r="FK14" s="70">
        <v>7</v>
      </c>
      <c r="FL14" s="71">
        <v>9</v>
      </c>
      <c r="FM14" s="72">
        <v>16</v>
      </c>
      <c r="FN14" s="244"/>
      <c r="FO14" s="71">
        <v>26</v>
      </c>
      <c r="FP14" s="71">
        <v>10</v>
      </c>
      <c r="FQ14" s="71">
        <v>12</v>
      </c>
      <c r="FR14" s="71">
        <v>9</v>
      </c>
      <c r="FS14" s="71">
        <v>14</v>
      </c>
      <c r="FT14" s="72">
        <v>71</v>
      </c>
      <c r="FU14" s="73">
        <v>87</v>
      </c>
      <c r="FV14" s="70">
        <v>0</v>
      </c>
      <c r="FW14" s="71">
        <v>0</v>
      </c>
      <c r="FX14" s="72">
        <v>0</v>
      </c>
      <c r="FY14" s="244"/>
      <c r="FZ14" s="71">
        <v>0</v>
      </c>
      <c r="GA14" s="71">
        <v>0</v>
      </c>
      <c r="GB14" s="71">
        <v>0</v>
      </c>
      <c r="GC14" s="71">
        <v>0</v>
      </c>
      <c r="GD14" s="71">
        <v>0</v>
      </c>
      <c r="GE14" s="72">
        <v>0</v>
      </c>
      <c r="GF14" s="73">
        <v>0</v>
      </c>
      <c r="GG14" s="70">
        <v>35</v>
      </c>
      <c r="GH14" s="71">
        <v>31</v>
      </c>
      <c r="GI14" s="72">
        <v>66</v>
      </c>
      <c r="GJ14" s="244"/>
      <c r="GK14" s="71">
        <v>51</v>
      </c>
      <c r="GL14" s="71">
        <v>17</v>
      </c>
      <c r="GM14" s="71">
        <v>24</v>
      </c>
      <c r="GN14" s="71">
        <v>15</v>
      </c>
      <c r="GO14" s="71">
        <v>20</v>
      </c>
      <c r="GP14" s="72">
        <v>127</v>
      </c>
      <c r="GQ14" s="73">
        <v>193</v>
      </c>
      <c r="GR14" s="123">
        <v>390</v>
      </c>
      <c r="GS14" s="82">
        <v>251</v>
      </c>
      <c r="GT14" s="83">
        <v>641</v>
      </c>
      <c r="GU14" s="241"/>
      <c r="GV14" s="82">
        <v>387</v>
      </c>
      <c r="GW14" s="82">
        <v>213</v>
      </c>
      <c r="GX14" s="82">
        <v>172</v>
      </c>
      <c r="GY14" s="82">
        <v>143</v>
      </c>
      <c r="GZ14" s="82">
        <v>92</v>
      </c>
      <c r="HA14" s="84">
        <v>1007</v>
      </c>
      <c r="HB14" s="85">
        <v>1648</v>
      </c>
      <c r="HC14" s="70">
        <v>3</v>
      </c>
      <c r="HD14" s="71">
        <v>3</v>
      </c>
      <c r="HE14" s="72">
        <v>6</v>
      </c>
      <c r="HF14" s="244"/>
      <c r="HG14" s="71">
        <v>8</v>
      </c>
      <c r="HH14" s="71">
        <v>6</v>
      </c>
      <c r="HI14" s="71">
        <v>0</v>
      </c>
      <c r="HJ14" s="71">
        <v>2</v>
      </c>
      <c r="HK14" s="71">
        <v>2</v>
      </c>
      <c r="HL14" s="72">
        <v>18</v>
      </c>
      <c r="HM14" s="73">
        <v>24</v>
      </c>
      <c r="HN14" s="70">
        <v>15</v>
      </c>
      <c r="HO14" s="71">
        <v>12</v>
      </c>
      <c r="HP14" s="72">
        <v>27</v>
      </c>
      <c r="HQ14" s="244"/>
      <c r="HR14" s="71">
        <v>14</v>
      </c>
      <c r="HS14" s="71">
        <v>13</v>
      </c>
      <c r="HT14" s="71">
        <v>2</v>
      </c>
      <c r="HU14" s="71">
        <v>8</v>
      </c>
      <c r="HV14" s="71">
        <v>3</v>
      </c>
      <c r="HW14" s="72">
        <v>40</v>
      </c>
      <c r="HX14" s="73">
        <v>67</v>
      </c>
      <c r="HY14" s="70">
        <v>22</v>
      </c>
      <c r="HZ14" s="71">
        <v>27</v>
      </c>
      <c r="IA14" s="72">
        <v>49</v>
      </c>
      <c r="IB14" s="244"/>
      <c r="IC14" s="71">
        <v>27</v>
      </c>
      <c r="ID14" s="71">
        <v>17</v>
      </c>
      <c r="IE14" s="71">
        <v>17</v>
      </c>
      <c r="IF14" s="71">
        <v>6</v>
      </c>
      <c r="IG14" s="71">
        <v>7</v>
      </c>
      <c r="IH14" s="72">
        <v>74</v>
      </c>
      <c r="II14" s="73">
        <v>123</v>
      </c>
      <c r="IJ14" s="70">
        <v>84</v>
      </c>
      <c r="IK14" s="71">
        <v>56</v>
      </c>
      <c r="IL14" s="72">
        <v>140</v>
      </c>
      <c r="IM14" s="244"/>
      <c r="IN14" s="71">
        <v>66</v>
      </c>
      <c r="IO14" s="71">
        <v>34</v>
      </c>
      <c r="IP14" s="71">
        <v>32</v>
      </c>
      <c r="IQ14" s="71">
        <v>20</v>
      </c>
      <c r="IR14" s="71">
        <v>14</v>
      </c>
      <c r="IS14" s="72">
        <v>166</v>
      </c>
      <c r="IT14" s="73">
        <v>306</v>
      </c>
      <c r="IU14" s="70">
        <v>147</v>
      </c>
      <c r="IV14" s="71">
        <v>78</v>
      </c>
      <c r="IW14" s="72">
        <v>225</v>
      </c>
      <c r="IX14" s="244"/>
      <c r="IY14" s="71">
        <v>114</v>
      </c>
      <c r="IZ14" s="71">
        <v>56</v>
      </c>
      <c r="JA14" s="71">
        <v>46</v>
      </c>
      <c r="JB14" s="71">
        <v>50</v>
      </c>
      <c r="JC14" s="71">
        <v>25</v>
      </c>
      <c r="JD14" s="72">
        <v>291</v>
      </c>
      <c r="JE14" s="73">
        <v>516</v>
      </c>
      <c r="JF14" s="70">
        <v>119</v>
      </c>
      <c r="JG14" s="71">
        <v>75</v>
      </c>
      <c r="JH14" s="72">
        <v>194</v>
      </c>
      <c r="JI14" s="244"/>
      <c r="JJ14" s="71">
        <v>158</v>
      </c>
      <c r="JK14" s="71">
        <v>87</v>
      </c>
      <c r="JL14" s="71">
        <v>75</v>
      </c>
      <c r="JM14" s="71">
        <v>57</v>
      </c>
      <c r="JN14" s="71">
        <v>41</v>
      </c>
      <c r="JO14" s="72">
        <v>418</v>
      </c>
      <c r="JP14" s="73">
        <v>612</v>
      </c>
      <c r="JQ14" s="70">
        <v>0</v>
      </c>
      <c r="JR14" s="71">
        <v>0</v>
      </c>
      <c r="JS14" s="72">
        <v>0</v>
      </c>
      <c r="JT14" s="244"/>
      <c r="JU14" s="71">
        <v>0</v>
      </c>
      <c r="JV14" s="71">
        <v>0</v>
      </c>
      <c r="JW14" s="71">
        <v>0</v>
      </c>
      <c r="JX14" s="71">
        <v>0</v>
      </c>
      <c r="JY14" s="71">
        <v>0</v>
      </c>
      <c r="JZ14" s="72">
        <v>0</v>
      </c>
      <c r="KA14" s="73">
        <v>0</v>
      </c>
      <c r="KB14" s="70">
        <v>390</v>
      </c>
      <c r="KC14" s="71">
        <v>251</v>
      </c>
      <c r="KD14" s="72">
        <v>641</v>
      </c>
      <c r="KE14" s="244"/>
      <c r="KF14" s="71">
        <v>387</v>
      </c>
      <c r="KG14" s="71">
        <v>213</v>
      </c>
      <c r="KH14" s="71">
        <v>172</v>
      </c>
      <c r="KI14" s="71">
        <v>143</v>
      </c>
      <c r="KJ14" s="71">
        <v>92</v>
      </c>
      <c r="KK14" s="72">
        <v>1007</v>
      </c>
      <c r="KL14" s="73">
        <v>1648</v>
      </c>
    </row>
    <row r="15" spans="1:298" ht="19.5" customHeight="1" x14ac:dyDescent="0.2">
      <c r="A15" s="126" t="s">
        <v>11</v>
      </c>
      <c r="B15" s="316">
        <v>80</v>
      </c>
      <c r="C15" s="82">
        <v>51</v>
      </c>
      <c r="D15" s="83">
        <v>131</v>
      </c>
      <c r="E15" s="241"/>
      <c r="F15" s="82">
        <v>143</v>
      </c>
      <c r="G15" s="82">
        <v>86</v>
      </c>
      <c r="H15" s="82">
        <v>70</v>
      </c>
      <c r="I15" s="82">
        <v>55</v>
      </c>
      <c r="J15" s="82">
        <v>28</v>
      </c>
      <c r="K15" s="84">
        <v>382</v>
      </c>
      <c r="L15" s="85">
        <v>513</v>
      </c>
      <c r="M15" s="70">
        <v>4</v>
      </c>
      <c r="N15" s="71">
        <v>0</v>
      </c>
      <c r="O15" s="72">
        <v>4</v>
      </c>
      <c r="P15" s="244"/>
      <c r="Q15" s="71">
        <v>5</v>
      </c>
      <c r="R15" s="71">
        <v>2</v>
      </c>
      <c r="S15" s="71">
        <v>0</v>
      </c>
      <c r="T15" s="71">
        <v>0</v>
      </c>
      <c r="U15" s="71">
        <v>0</v>
      </c>
      <c r="V15" s="72">
        <v>7</v>
      </c>
      <c r="W15" s="73">
        <v>11</v>
      </c>
      <c r="X15" s="70">
        <v>2</v>
      </c>
      <c r="Y15" s="71">
        <v>5</v>
      </c>
      <c r="Z15" s="72">
        <v>7</v>
      </c>
      <c r="AA15" s="244"/>
      <c r="AB15" s="71">
        <v>7</v>
      </c>
      <c r="AC15" s="71">
        <v>2</v>
      </c>
      <c r="AD15" s="71">
        <v>4</v>
      </c>
      <c r="AE15" s="71">
        <v>4</v>
      </c>
      <c r="AF15" s="71">
        <v>4</v>
      </c>
      <c r="AG15" s="72">
        <v>21</v>
      </c>
      <c r="AH15" s="73">
        <v>28</v>
      </c>
      <c r="AI15" s="70">
        <v>6</v>
      </c>
      <c r="AJ15" s="71">
        <v>4</v>
      </c>
      <c r="AK15" s="72">
        <v>10</v>
      </c>
      <c r="AL15" s="244"/>
      <c r="AM15" s="71">
        <v>9</v>
      </c>
      <c r="AN15" s="71">
        <v>6</v>
      </c>
      <c r="AO15" s="71">
        <v>8</v>
      </c>
      <c r="AP15" s="71">
        <v>4</v>
      </c>
      <c r="AQ15" s="71">
        <v>4</v>
      </c>
      <c r="AR15" s="72">
        <v>31</v>
      </c>
      <c r="AS15" s="73">
        <v>41</v>
      </c>
      <c r="AT15" s="70">
        <v>15</v>
      </c>
      <c r="AU15" s="71">
        <v>12</v>
      </c>
      <c r="AV15" s="72">
        <v>27</v>
      </c>
      <c r="AW15" s="244"/>
      <c r="AX15" s="71">
        <v>24</v>
      </c>
      <c r="AY15" s="71">
        <v>20</v>
      </c>
      <c r="AZ15" s="71">
        <v>9</v>
      </c>
      <c r="BA15" s="71">
        <v>8</v>
      </c>
      <c r="BB15" s="71">
        <v>5</v>
      </c>
      <c r="BC15" s="72">
        <v>66</v>
      </c>
      <c r="BD15" s="73">
        <v>93</v>
      </c>
      <c r="BE15" s="70">
        <v>32</v>
      </c>
      <c r="BF15" s="71">
        <v>14</v>
      </c>
      <c r="BG15" s="72">
        <v>46</v>
      </c>
      <c r="BH15" s="244"/>
      <c r="BI15" s="71">
        <v>49</v>
      </c>
      <c r="BJ15" s="71">
        <v>24</v>
      </c>
      <c r="BK15" s="71">
        <v>16</v>
      </c>
      <c r="BL15" s="71">
        <v>20</v>
      </c>
      <c r="BM15" s="71">
        <v>5</v>
      </c>
      <c r="BN15" s="72">
        <v>114</v>
      </c>
      <c r="BO15" s="73">
        <v>160</v>
      </c>
      <c r="BP15" s="70">
        <v>21</v>
      </c>
      <c r="BQ15" s="71">
        <v>16</v>
      </c>
      <c r="BR15" s="72">
        <v>37</v>
      </c>
      <c r="BS15" s="244"/>
      <c r="BT15" s="71">
        <v>49</v>
      </c>
      <c r="BU15" s="71">
        <v>32</v>
      </c>
      <c r="BV15" s="71">
        <v>33</v>
      </c>
      <c r="BW15" s="71">
        <v>19</v>
      </c>
      <c r="BX15" s="71">
        <v>10</v>
      </c>
      <c r="BY15" s="72">
        <v>143</v>
      </c>
      <c r="BZ15" s="73">
        <v>180</v>
      </c>
      <c r="CA15" s="70">
        <v>0</v>
      </c>
      <c r="CB15" s="71">
        <v>0</v>
      </c>
      <c r="CC15" s="72">
        <v>0</v>
      </c>
      <c r="CD15" s="244"/>
      <c r="CE15" s="71">
        <v>0</v>
      </c>
      <c r="CF15" s="71">
        <v>0</v>
      </c>
      <c r="CG15" s="71">
        <v>0</v>
      </c>
      <c r="CH15" s="71">
        <v>0</v>
      </c>
      <c r="CI15" s="71">
        <v>0</v>
      </c>
      <c r="CJ15" s="72">
        <v>0</v>
      </c>
      <c r="CK15" s="73">
        <v>0</v>
      </c>
      <c r="CL15" s="70">
        <v>80</v>
      </c>
      <c r="CM15" s="71">
        <v>51</v>
      </c>
      <c r="CN15" s="72">
        <v>131</v>
      </c>
      <c r="CO15" s="244"/>
      <c r="CP15" s="71">
        <v>143</v>
      </c>
      <c r="CQ15" s="71">
        <v>86</v>
      </c>
      <c r="CR15" s="71">
        <v>70</v>
      </c>
      <c r="CS15" s="71">
        <v>55</v>
      </c>
      <c r="CT15" s="71">
        <v>28</v>
      </c>
      <c r="CU15" s="72">
        <v>382</v>
      </c>
      <c r="CV15" s="73">
        <v>513</v>
      </c>
      <c r="CW15" s="123">
        <v>17</v>
      </c>
      <c r="CX15" s="82">
        <v>12</v>
      </c>
      <c r="CY15" s="83">
        <v>29</v>
      </c>
      <c r="CZ15" s="241"/>
      <c r="DA15" s="82">
        <v>17</v>
      </c>
      <c r="DB15" s="82">
        <v>21</v>
      </c>
      <c r="DC15" s="82">
        <v>14</v>
      </c>
      <c r="DD15" s="82">
        <v>16</v>
      </c>
      <c r="DE15" s="82">
        <v>7</v>
      </c>
      <c r="DF15" s="84">
        <v>75</v>
      </c>
      <c r="DG15" s="85">
        <v>104</v>
      </c>
      <c r="DH15" s="70">
        <v>1</v>
      </c>
      <c r="DI15" s="71">
        <v>0</v>
      </c>
      <c r="DJ15" s="72">
        <v>1</v>
      </c>
      <c r="DK15" s="244"/>
      <c r="DL15" s="71">
        <v>1</v>
      </c>
      <c r="DM15" s="71">
        <v>0</v>
      </c>
      <c r="DN15" s="71">
        <v>0</v>
      </c>
      <c r="DO15" s="71">
        <v>0</v>
      </c>
      <c r="DP15" s="71">
        <v>0</v>
      </c>
      <c r="DQ15" s="72">
        <v>1</v>
      </c>
      <c r="DR15" s="73">
        <v>2</v>
      </c>
      <c r="DS15" s="70">
        <v>1</v>
      </c>
      <c r="DT15" s="71">
        <v>1</v>
      </c>
      <c r="DU15" s="72">
        <v>2</v>
      </c>
      <c r="DV15" s="244"/>
      <c r="DW15" s="71">
        <v>1</v>
      </c>
      <c r="DX15" s="71">
        <v>0</v>
      </c>
      <c r="DY15" s="71">
        <v>1</v>
      </c>
      <c r="DZ15" s="71">
        <v>1</v>
      </c>
      <c r="EA15" s="71">
        <v>1</v>
      </c>
      <c r="EB15" s="72">
        <v>4</v>
      </c>
      <c r="EC15" s="73">
        <v>6</v>
      </c>
      <c r="ED15" s="70">
        <v>0</v>
      </c>
      <c r="EE15" s="71">
        <v>0</v>
      </c>
      <c r="EF15" s="72">
        <v>0</v>
      </c>
      <c r="EG15" s="244"/>
      <c r="EH15" s="71">
        <v>0</v>
      </c>
      <c r="EI15" s="71">
        <v>1</v>
      </c>
      <c r="EJ15" s="71">
        <v>1</v>
      </c>
      <c r="EK15" s="71">
        <v>0</v>
      </c>
      <c r="EL15" s="71">
        <v>0</v>
      </c>
      <c r="EM15" s="72">
        <v>2</v>
      </c>
      <c r="EN15" s="73">
        <v>2</v>
      </c>
      <c r="EO15" s="70">
        <v>5</v>
      </c>
      <c r="EP15" s="71">
        <v>2</v>
      </c>
      <c r="EQ15" s="72">
        <v>7</v>
      </c>
      <c r="ER15" s="244"/>
      <c r="ES15" s="71">
        <v>3</v>
      </c>
      <c r="ET15" s="71">
        <v>2</v>
      </c>
      <c r="EU15" s="71">
        <v>0</v>
      </c>
      <c r="EV15" s="71">
        <v>1</v>
      </c>
      <c r="EW15" s="71">
        <v>0</v>
      </c>
      <c r="EX15" s="72">
        <v>6</v>
      </c>
      <c r="EY15" s="73">
        <v>13</v>
      </c>
      <c r="EZ15" s="70">
        <v>6</v>
      </c>
      <c r="FA15" s="71">
        <v>7</v>
      </c>
      <c r="FB15" s="72">
        <v>13</v>
      </c>
      <c r="FC15" s="244"/>
      <c r="FD15" s="71">
        <v>8</v>
      </c>
      <c r="FE15" s="71">
        <v>8</v>
      </c>
      <c r="FF15" s="71">
        <v>2</v>
      </c>
      <c r="FG15" s="71">
        <v>5</v>
      </c>
      <c r="FH15" s="71">
        <v>3</v>
      </c>
      <c r="FI15" s="72">
        <v>26</v>
      </c>
      <c r="FJ15" s="73">
        <v>39</v>
      </c>
      <c r="FK15" s="70">
        <v>4</v>
      </c>
      <c r="FL15" s="71">
        <v>2</v>
      </c>
      <c r="FM15" s="72">
        <v>6</v>
      </c>
      <c r="FN15" s="244"/>
      <c r="FO15" s="71">
        <v>4</v>
      </c>
      <c r="FP15" s="71">
        <v>10</v>
      </c>
      <c r="FQ15" s="71">
        <v>10</v>
      </c>
      <c r="FR15" s="71">
        <v>9</v>
      </c>
      <c r="FS15" s="71">
        <v>3</v>
      </c>
      <c r="FT15" s="72">
        <v>36</v>
      </c>
      <c r="FU15" s="73">
        <v>42</v>
      </c>
      <c r="FV15" s="70">
        <v>0</v>
      </c>
      <c r="FW15" s="71">
        <v>0</v>
      </c>
      <c r="FX15" s="72">
        <v>0</v>
      </c>
      <c r="FY15" s="244"/>
      <c r="FZ15" s="71">
        <v>0</v>
      </c>
      <c r="GA15" s="71">
        <v>0</v>
      </c>
      <c r="GB15" s="71">
        <v>0</v>
      </c>
      <c r="GC15" s="71">
        <v>0</v>
      </c>
      <c r="GD15" s="71">
        <v>0</v>
      </c>
      <c r="GE15" s="72">
        <v>0</v>
      </c>
      <c r="GF15" s="73">
        <v>0</v>
      </c>
      <c r="GG15" s="70">
        <v>17</v>
      </c>
      <c r="GH15" s="71">
        <v>12</v>
      </c>
      <c r="GI15" s="72">
        <v>29</v>
      </c>
      <c r="GJ15" s="244"/>
      <c r="GK15" s="71">
        <v>17</v>
      </c>
      <c r="GL15" s="71">
        <v>21</v>
      </c>
      <c r="GM15" s="71">
        <v>14</v>
      </c>
      <c r="GN15" s="71">
        <v>16</v>
      </c>
      <c r="GO15" s="71">
        <v>7</v>
      </c>
      <c r="GP15" s="72">
        <v>75</v>
      </c>
      <c r="GQ15" s="73">
        <v>104</v>
      </c>
      <c r="GR15" s="123">
        <v>97</v>
      </c>
      <c r="GS15" s="82">
        <v>63</v>
      </c>
      <c r="GT15" s="83">
        <v>160</v>
      </c>
      <c r="GU15" s="241"/>
      <c r="GV15" s="82">
        <v>160</v>
      </c>
      <c r="GW15" s="82">
        <v>107</v>
      </c>
      <c r="GX15" s="82">
        <v>84</v>
      </c>
      <c r="GY15" s="82">
        <v>71</v>
      </c>
      <c r="GZ15" s="82">
        <v>35</v>
      </c>
      <c r="HA15" s="84">
        <v>457</v>
      </c>
      <c r="HB15" s="85">
        <v>617</v>
      </c>
      <c r="HC15" s="70">
        <v>5</v>
      </c>
      <c r="HD15" s="71">
        <v>0</v>
      </c>
      <c r="HE15" s="72">
        <v>5</v>
      </c>
      <c r="HF15" s="244"/>
      <c r="HG15" s="71">
        <v>6</v>
      </c>
      <c r="HH15" s="71">
        <v>2</v>
      </c>
      <c r="HI15" s="71">
        <v>0</v>
      </c>
      <c r="HJ15" s="71">
        <v>0</v>
      </c>
      <c r="HK15" s="71">
        <v>0</v>
      </c>
      <c r="HL15" s="72">
        <v>8</v>
      </c>
      <c r="HM15" s="73">
        <v>13</v>
      </c>
      <c r="HN15" s="70">
        <v>3</v>
      </c>
      <c r="HO15" s="71">
        <v>6</v>
      </c>
      <c r="HP15" s="72">
        <v>9</v>
      </c>
      <c r="HQ15" s="244"/>
      <c r="HR15" s="71">
        <v>8</v>
      </c>
      <c r="HS15" s="71">
        <v>2</v>
      </c>
      <c r="HT15" s="71">
        <v>5</v>
      </c>
      <c r="HU15" s="71">
        <v>5</v>
      </c>
      <c r="HV15" s="71">
        <v>5</v>
      </c>
      <c r="HW15" s="72">
        <v>25</v>
      </c>
      <c r="HX15" s="73">
        <v>34</v>
      </c>
      <c r="HY15" s="70">
        <v>6</v>
      </c>
      <c r="HZ15" s="71">
        <v>4</v>
      </c>
      <c r="IA15" s="72">
        <v>10</v>
      </c>
      <c r="IB15" s="244"/>
      <c r="IC15" s="71">
        <v>9</v>
      </c>
      <c r="ID15" s="71">
        <v>7</v>
      </c>
      <c r="IE15" s="71">
        <v>9</v>
      </c>
      <c r="IF15" s="71">
        <v>4</v>
      </c>
      <c r="IG15" s="71">
        <v>4</v>
      </c>
      <c r="IH15" s="72">
        <v>33</v>
      </c>
      <c r="II15" s="73">
        <v>43</v>
      </c>
      <c r="IJ15" s="70">
        <v>20</v>
      </c>
      <c r="IK15" s="71">
        <v>14</v>
      </c>
      <c r="IL15" s="72">
        <v>34</v>
      </c>
      <c r="IM15" s="244"/>
      <c r="IN15" s="71">
        <v>27</v>
      </c>
      <c r="IO15" s="71">
        <v>22</v>
      </c>
      <c r="IP15" s="71">
        <v>9</v>
      </c>
      <c r="IQ15" s="71">
        <v>9</v>
      </c>
      <c r="IR15" s="71">
        <v>5</v>
      </c>
      <c r="IS15" s="72">
        <v>72</v>
      </c>
      <c r="IT15" s="73">
        <v>106</v>
      </c>
      <c r="IU15" s="70">
        <v>38</v>
      </c>
      <c r="IV15" s="71">
        <v>21</v>
      </c>
      <c r="IW15" s="72">
        <v>59</v>
      </c>
      <c r="IX15" s="244"/>
      <c r="IY15" s="71">
        <v>57</v>
      </c>
      <c r="IZ15" s="71">
        <v>32</v>
      </c>
      <c r="JA15" s="71">
        <v>18</v>
      </c>
      <c r="JB15" s="71">
        <v>25</v>
      </c>
      <c r="JC15" s="71">
        <v>8</v>
      </c>
      <c r="JD15" s="72">
        <v>140</v>
      </c>
      <c r="JE15" s="73">
        <v>199</v>
      </c>
      <c r="JF15" s="70">
        <v>25</v>
      </c>
      <c r="JG15" s="71">
        <v>18</v>
      </c>
      <c r="JH15" s="72">
        <v>43</v>
      </c>
      <c r="JI15" s="244"/>
      <c r="JJ15" s="71">
        <v>53</v>
      </c>
      <c r="JK15" s="71">
        <v>42</v>
      </c>
      <c r="JL15" s="71">
        <v>43</v>
      </c>
      <c r="JM15" s="71">
        <v>28</v>
      </c>
      <c r="JN15" s="71">
        <v>13</v>
      </c>
      <c r="JO15" s="72">
        <v>179</v>
      </c>
      <c r="JP15" s="73">
        <v>222</v>
      </c>
      <c r="JQ15" s="70">
        <v>0</v>
      </c>
      <c r="JR15" s="71">
        <v>0</v>
      </c>
      <c r="JS15" s="72">
        <v>0</v>
      </c>
      <c r="JT15" s="244"/>
      <c r="JU15" s="71">
        <v>0</v>
      </c>
      <c r="JV15" s="71">
        <v>0</v>
      </c>
      <c r="JW15" s="71">
        <v>0</v>
      </c>
      <c r="JX15" s="71">
        <v>0</v>
      </c>
      <c r="JY15" s="71">
        <v>0</v>
      </c>
      <c r="JZ15" s="72">
        <v>0</v>
      </c>
      <c r="KA15" s="73">
        <v>0</v>
      </c>
      <c r="KB15" s="70">
        <v>97</v>
      </c>
      <c r="KC15" s="71">
        <v>63</v>
      </c>
      <c r="KD15" s="72">
        <v>160</v>
      </c>
      <c r="KE15" s="244"/>
      <c r="KF15" s="71">
        <v>160</v>
      </c>
      <c r="KG15" s="71">
        <v>107</v>
      </c>
      <c r="KH15" s="71">
        <v>84</v>
      </c>
      <c r="KI15" s="71">
        <v>71</v>
      </c>
      <c r="KJ15" s="71">
        <v>35</v>
      </c>
      <c r="KK15" s="72">
        <v>457</v>
      </c>
      <c r="KL15" s="73">
        <v>617</v>
      </c>
    </row>
    <row r="16" spans="1:298" ht="19.5" customHeight="1" x14ac:dyDescent="0.2">
      <c r="A16" s="126" t="s">
        <v>12</v>
      </c>
      <c r="B16" s="316">
        <v>165</v>
      </c>
      <c r="C16" s="82">
        <v>118</v>
      </c>
      <c r="D16" s="83">
        <v>283</v>
      </c>
      <c r="E16" s="241"/>
      <c r="F16" s="82">
        <v>173</v>
      </c>
      <c r="G16" s="82">
        <v>120</v>
      </c>
      <c r="H16" s="82">
        <v>103</v>
      </c>
      <c r="I16" s="82">
        <v>91</v>
      </c>
      <c r="J16" s="82">
        <v>42</v>
      </c>
      <c r="K16" s="84">
        <v>529</v>
      </c>
      <c r="L16" s="85">
        <v>812</v>
      </c>
      <c r="M16" s="86">
        <v>2</v>
      </c>
      <c r="N16" s="71">
        <v>3</v>
      </c>
      <c r="O16" s="72">
        <v>5</v>
      </c>
      <c r="P16" s="244"/>
      <c r="Q16" s="71">
        <v>1</v>
      </c>
      <c r="R16" s="71">
        <v>0</v>
      </c>
      <c r="S16" s="71">
        <v>3</v>
      </c>
      <c r="T16" s="71">
        <v>0</v>
      </c>
      <c r="U16" s="71">
        <v>1</v>
      </c>
      <c r="V16" s="72">
        <v>5</v>
      </c>
      <c r="W16" s="73">
        <v>10</v>
      </c>
      <c r="X16" s="70">
        <v>7</v>
      </c>
      <c r="Y16" s="71">
        <v>7</v>
      </c>
      <c r="Z16" s="72">
        <v>14</v>
      </c>
      <c r="AA16" s="244"/>
      <c r="AB16" s="71">
        <v>7</v>
      </c>
      <c r="AC16" s="71">
        <v>5</v>
      </c>
      <c r="AD16" s="71">
        <v>3</v>
      </c>
      <c r="AE16" s="71">
        <v>4</v>
      </c>
      <c r="AF16" s="71">
        <v>5</v>
      </c>
      <c r="AG16" s="72">
        <v>24</v>
      </c>
      <c r="AH16" s="73">
        <v>38</v>
      </c>
      <c r="AI16" s="86">
        <v>14</v>
      </c>
      <c r="AJ16" s="71">
        <v>10</v>
      </c>
      <c r="AK16" s="72">
        <v>24</v>
      </c>
      <c r="AL16" s="244"/>
      <c r="AM16" s="71">
        <v>10</v>
      </c>
      <c r="AN16" s="71">
        <v>10</v>
      </c>
      <c r="AO16" s="71">
        <v>15</v>
      </c>
      <c r="AP16" s="71">
        <v>9</v>
      </c>
      <c r="AQ16" s="71">
        <v>4</v>
      </c>
      <c r="AR16" s="72">
        <v>48</v>
      </c>
      <c r="AS16" s="73">
        <v>72</v>
      </c>
      <c r="AT16" s="70">
        <v>32</v>
      </c>
      <c r="AU16" s="71">
        <v>22</v>
      </c>
      <c r="AV16" s="72">
        <v>54</v>
      </c>
      <c r="AW16" s="244"/>
      <c r="AX16" s="71">
        <v>38</v>
      </c>
      <c r="AY16" s="71">
        <v>26</v>
      </c>
      <c r="AZ16" s="71">
        <v>16</v>
      </c>
      <c r="BA16" s="71">
        <v>9</v>
      </c>
      <c r="BB16" s="71">
        <v>11</v>
      </c>
      <c r="BC16" s="72">
        <v>100</v>
      </c>
      <c r="BD16" s="73">
        <v>154</v>
      </c>
      <c r="BE16" s="86">
        <v>57</v>
      </c>
      <c r="BF16" s="71">
        <v>31</v>
      </c>
      <c r="BG16" s="72">
        <v>88</v>
      </c>
      <c r="BH16" s="244"/>
      <c r="BI16" s="71">
        <v>67</v>
      </c>
      <c r="BJ16" s="71">
        <v>34</v>
      </c>
      <c r="BK16" s="71">
        <v>29</v>
      </c>
      <c r="BL16" s="71">
        <v>28</v>
      </c>
      <c r="BM16" s="71">
        <v>9</v>
      </c>
      <c r="BN16" s="72">
        <v>167</v>
      </c>
      <c r="BO16" s="73">
        <v>255</v>
      </c>
      <c r="BP16" s="70">
        <v>53</v>
      </c>
      <c r="BQ16" s="71">
        <v>45</v>
      </c>
      <c r="BR16" s="72">
        <v>98</v>
      </c>
      <c r="BS16" s="244"/>
      <c r="BT16" s="71">
        <v>50</v>
      </c>
      <c r="BU16" s="71">
        <v>45</v>
      </c>
      <c r="BV16" s="71">
        <v>37</v>
      </c>
      <c r="BW16" s="71">
        <v>41</v>
      </c>
      <c r="BX16" s="71">
        <v>12</v>
      </c>
      <c r="BY16" s="72">
        <v>185</v>
      </c>
      <c r="BZ16" s="73">
        <v>283</v>
      </c>
      <c r="CA16" s="70">
        <v>0</v>
      </c>
      <c r="CB16" s="71">
        <v>0</v>
      </c>
      <c r="CC16" s="72">
        <v>0</v>
      </c>
      <c r="CD16" s="244"/>
      <c r="CE16" s="71">
        <v>0</v>
      </c>
      <c r="CF16" s="71">
        <v>0</v>
      </c>
      <c r="CG16" s="71">
        <v>0</v>
      </c>
      <c r="CH16" s="71">
        <v>0</v>
      </c>
      <c r="CI16" s="71">
        <v>0</v>
      </c>
      <c r="CJ16" s="72">
        <v>0</v>
      </c>
      <c r="CK16" s="73">
        <v>0</v>
      </c>
      <c r="CL16" s="70">
        <v>165</v>
      </c>
      <c r="CM16" s="71">
        <v>118</v>
      </c>
      <c r="CN16" s="72">
        <v>283</v>
      </c>
      <c r="CO16" s="244"/>
      <c r="CP16" s="71">
        <v>173</v>
      </c>
      <c r="CQ16" s="71">
        <v>120</v>
      </c>
      <c r="CR16" s="71">
        <v>103</v>
      </c>
      <c r="CS16" s="71">
        <v>91</v>
      </c>
      <c r="CT16" s="71">
        <v>42</v>
      </c>
      <c r="CU16" s="72">
        <v>529</v>
      </c>
      <c r="CV16" s="73">
        <v>812</v>
      </c>
      <c r="CW16" s="123">
        <v>14</v>
      </c>
      <c r="CX16" s="82">
        <v>27</v>
      </c>
      <c r="CY16" s="83">
        <v>41</v>
      </c>
      <c r="CZ16" s="241"/>
      <c r="DA16" s="82">
        <v>17</v>
      </c>
      <c r="DB16" s="82">
        <v>11</v>
      </c>
      <c r="DC16" s="82">
        <v>9</v>
      </c>
      <c r="DD16" s="82">
        <v>16</v>
      </c>
      <c r="DE16" s="82">
        <v>6</v>
      </c>
      <c r="DF16" s="84">
        <v>59</v>
      </c>
      <c r="DG16" s="85">
        <v>100</v>
      </c>
      <c r="DH16" s="86">
        <v>0</v>
      </c>
      <c r="DI16" s="71">
        <v>1</v>
      </c>
      <c r="DJ16" s="72">
        <v>1</v>
      </c>
      <c r="DK16" s="244"/>
      <c r="DL16" s="71">
        <v>0</v>
      </c>
      <c r="DM16" s="71">
        <v>0</v>
      </c>
      <c r="DN16" s="71">
        <v>0</v>
      </c>
      <c r="DO16" s="71">
        <v>0</v>
      </c>
      <c r="DP16" s="71">
        <v>0</v>
      </c>
      <c r="DQ16" s="72">
        <v>0</v>
      </c>
      <c r="DR16" s="73">
        <v>1</v>
      </c>
      <c r="DS16" s="70">
        <v>1</v>
      </c>
      <c r="DT16" s="71">
        <v>3</v>
      </c>
      <c r="DU16" s="72">
        <v>4</v>
      </c>
      <c r="DV16" s="244"/>
      <c r="DW16" s="71">
        <v>2</v>
      </c>
      <c r="DX16" s="71">
        <v>0</v>
      </c>
      <c r="DY16" s="71">
        <v>0</v>
      </c>
      <c r="DZ16" s="71">
        <v>1</v>
      </c>
      <c r="EA16" s="71">
        <v>1</v>
      </c>
      <c r="EB16" s="72">
        <v>4</v>
      </c>
      <c r="EC16" s="73">
        <v>8</v>
      </c>
      <c r="ED16" s="86">
        <v>1</v>
      </c>
      <c r="EE16" s="71">
        <v>0</v>
      </c>
      <c r="EF16" s="72">
        <v>1</v>
      </c>
      <c r="EG16" s="244"/>
      <c r="EH16" s="71">
        <v>1</v>
      </c>
      <c r="EI16" s="71">
        <v>1</v>
      </c>
      <c r="EJ16" s="71">
        <v>1</v>
      </c>
      <c r="EK16" s="71">
        <v>1</v>
      </c>
      <c r="EL16" s="71">
        <v>1</v>
      </c>
      <c r="EM16" s="72">
        <v>5</v>
      </c>
      <c r="EN16" s="73">
        <v>6</v>
      </c>
      <c r="EO16" s="70">
        <v>5</v>
      </c>
      <c r="EP16" s="71">
        <v>6</v>
      </c>
      <c r="EQ16" s="72">
        <v>11</v>
      </c>
      <c r="ER16" s="244"/>
      <c r="ES16" s="71">
        <v>2</v>
      </c>
      <c r="ET16" s="71">
        <v>1</v>
      </c>
      <c r="EU16" s="71">
        <v>1</v>
      </c>
      <c r="EV16" s="71">
        <v>3</v>
      </c>
      <c r="EW16" s="71">
        <v>0</v>
      </c>
      <c r="EX16" s="72">
        <v>7</v>
      </c>
      <c r="EY16" s="73">
        <v>18</v>
      </c>
      <c r="EZ16" s="86">
        <v>4</v>
      </c>
      <c r="FA16" s="71">
        <v>11</v>
      </c>
      <c r="FB16" s="72">
        <v>15</v>
      </c>
      <c r="FC16" s="244"/>
      <c r="FD16" s="71">
        <v>5</v>
      </c>
      <c r="FE16" s="71">
        <v>1</v>
      </c>
      <c r="FF16" s="71">
        <v>2</v>
      </c>
      <c r="FG16" s="71">
        <v>0</v>
      </c>
      <c r="FH16" s="71">
        <v>1</v>
      </c>
      <c r="FI16" s="72">
        <v>9</v>
      </c>
      <c r="FJ16" s="73">
        <v>24</v>
      </c>
      <c r="FK16" s="70">
        <v>3</v>
      </c>
      <c r="FL16" s="71">
        <v>6</v>
      </c>
      <c r="FM16" s="72">
        <v>9</v>
      </c>
      <c r="FN16" s="244"/>
      <c r="FO16" s="71">
        <v>7</v>
      </c>
      <c r="FP16" s="71">
        <v>8</v>
      </c>
      <c r="FQ16" s="71">
        <v>5</v>
      </c>
      <c r="FR16" s="71">
        <v>11</v>
      </c>
      <c r="FS16" s="71">
        <v>3</v>
      </c>
      <c r="FT16" s="72">
        <v>34</v>
      </c>
      <c r="FU16" s="73">
        <v>43</v>
      </c>
      <c r="FV16" s="70">
        <v>0</v>
      </c>
      <c r="FW16" s="71">
        <v>0</v>
      </c>
      <c r="FX16" s="72">
        <v>0</v>
      </c>
      <c r="FY16" s="244"/>
      <c r="FZ16" s="71">
        <v>0</v>
      </c>
      <c r="GA16" s="71">
        <v>0</v>
      </c>
      <c r="GB16" s="71">
        <v>0</v>
      </c>
      <c r="GC16" s="71">
        <v>0</v>
      </c>
      <c r="GD16" s="71">
        <v>0</v>
      </c>
      <c r="GE16" s="72">
        <v>0</v>
      </c>
      <c r="GF16" s="73">
        <v>0</v>
      </c>
      <c r="GG16" s="70">
        <v>14</v>
      </c>
      <c r="GH16" s="71">
        <v>27</v>
      </c>
      <c r="GI16" s="72">
        <v>41</v>
      </c>
      <c r="GJ16" s="244"/>
      <c r="GK16" s="71">
        <v>17</v>
      </c>
      <c r="GL16" s="71">
        <v>11</v>
      </c>
      <c r="GM16" s="71">
        <v>9</v>
      </c>
      <c r="GN16" s="71">
        <v>16</v>
      </c>
      <c r="GO16" s="71">
        <v>6</v>
      </c>
      <c r="GP16" s="72">
        <v>59</v>
      </c>
      <c r="GQ16" s="73">
        <v>100</v>
      </c>
      <c r="GR16" s="123">
        <v>179</v>
      </c>
      <c r="GS16" s="82">
        <v>145</v>
      </c>
      <c r="GT16" s="83">
        <v>324</v>
      </c>
      <c r="GU16" s="241"/>
      <c r="GV16" s="82">
        <v>190</v>
      </c>
      <c r="GW16" s="82">
        <v>131</v>
      </c>
      <c r="GX16" s="82">
        <v>112</v>
      </c>
      <c r="GY16" s="82">
        <v>107</v>
      </c>
      <c r="GZ16" s="82">
        <v>48</v>
      </c>
      <c r="HA16" s="84">
        <v>588</v>
      </c>
      <c r="HB16" s="85">
        <v>912</v>
      </c>
      <c r="HC16" s="86">
        <v>2</v>
      </c>
      <c r="HD16" s="71">
        <v>4</v>
      </c>
      <c r="HE16" s="72">
        <v>6</v>
      </c>
      <c r="HF16" s="244"/>
      <c r="HG16" s="71">
        <v>1</v>
      </c>
      <c r="HH16" s="71">
        <v>0</v>
      </c>
      <c r="HI16" s="71">
        <v>3</v>
      </c>
      <c r="HJ16" s="71">
        <v>0</v>
      </c>
      <c r="HK16" s="71">
        <v>1</v>
      </c>
      <c r="HL16" s="72">
        <v>5</v>
      </c>
      <c r="HM16" s="73">
        <v>11</v>
      </c>
      <c r="HN16" s="70">
        <v>8</v>
      </c>
      <c r="HO16" s="71">
        <v>10</v>
      </c>
      <c r="HP16" s="72">
        <v>18</v>
      </c>
      <c r="HQ16" s="244"/>
      <c r="HR16" s="71">
        <v>9</v>
      </c>
      <c r="HS16" s="71">
        <v>5</v>
      </c>
      <c r="HT16" s="71">
        <v>3</v>
      </c>
      <c r="HU16" s="71">
        <v>5</v>
      </c>
      <c r="HV16" s="71">
        <v>6</v>
      </c>
      <c r="HW16" s="72">
        <v>28</v>
      </c>
      <c r="HX16" s="73">
        <v>46</v>
      </c>
      <c r="HY16" s="86">
        <v>15</v>
      </c>
      <c r="HZ16" s="71">
        <v>10</v>
      </c>
      <c r="IA16" s="72">
        <v>25</v>
      </c>
      <c r="IB16" s="244"/>
      <c r="IC16" s="71">
        <v>11</v>
      </c>
      <c r="ID16" s="71">
        <v>11</v>
      </c>
      <c r="IE16" s="71">
        <v>16</v>
      </c>
      <c r="IF16" s="71">
        <v>10</v>
      </c>
      <c r="IG16" s="71">
        <v>5</v>
      </c>
      <c r="IH16" s="72">
        <v>53</v>
      </c>
      <c r="II16" s="73">
        <v>78</v>
      </c>
      <c r="IJ16" s="70">
        <v>37</v>
      </c>
      <c r="IK16" s="71">
        <v>28</v>
      </c>
      <c r="IL16" s="72">
        <v>65</v>
      </c>
      <c r="IM16" s="244"/>
      <c r="IN16" s="71">
        <v>40</v>
      </c>
      <c r="IO16" s="71">
        <v>27</v>
      </c>
      <c r="IP16" s="71">
        <v>17</v>
      </c>
      <c r="IQ16" s="71">
        <v>12</v>
      </c>
      <c r="IR16" s="71">
        <v>11</v>
      </c>
      <c r="IS16" s="72">
        <v>107</v>
      </c>
      <c r="IT16" s="73">
        <v>172</v>
      </c>
      <c r="IU16" s="86">
        <v>61</v>
      </c>
      <c r="IV16" s="71">
        <v>42</v>
      </c>
      <c r="IW16" s="72">
        <v>103</v>
      </c>
      <c r="IX16" s="244"/>
      <c r="IY16" s="71">
        <v>72</v>
      </c>
      <c r="IZ16" s="71">
        <v>35</v>
      </c>
      <c r="JA16" s="71">
        <v>31</v>
      </c>
      <c r="JB16" s="71">
        <v>28</v>
      </c>
      <c r="JC16" s="71">
        <v>10</v>
      </c>
      <c r="JD16" s="72">
        <v>176</v>
      </c>
      <c r="JE16" s="73">
        <v>279</v>
      </c>
      <c r="JF16" s="70">
        <v>56</v>
      </c>
      <c r="JG16" s="71">
        <v>51</v>
      </c>
      <c r="JH16" s="72">
        <v>107</v>
      </c>
      <c r="JI16" s="244"/>
      <c r="JJ16" s="71">
        <v>57</v>
      </c>
      <c r="JK16" s="71">
        <v>53</v>
      </c>
      <c r="JL16" s="71">
        <v>42</v>
      </c>
      <c r="JM16" s="71">
        <v>52</v>
      </c>
      <c r="JN16" s="71">
        <v>15</v>
      </c>
      <c r="JO16" s="72">
        <v>219</v>
      </c>
      <c r="JP16" s="73">
        <v>326</v>
      </c>
      <c r="JQ16" s="70">
        <v>0</v>
      </c>
      <c r="JR16" s="71">
        <v>0</v>
      </c>
      <c r="JS16" s="72">
        <v>0</v>
      </c>
      <c r="JT16" s="244"/>
      <c r="JU16" s="71">
        <v>0</v>
      </c>
      <c r="JV16" s="71">
        <v>0</v>
      </c>
      <c r="JW16" s="71">
        <v>0</v>
      </c>
      <c r="JX16" s="71">
        <v>0</v>
      </c>
      <c r="JY16" s="71">
        <v>0</v>
      </c>
      <c r="JZ16" s="72">
        <v>0</v>
      </c>
      <c r="KA16" s="73">
        <v>0</v>
      </c>
      <c r="KB16" s="70">
        <v>179</v>
      </c>
      <c r="KC16" s="71">
        <v>145</v>
      </c>
      <c r="KD16" s="72">
        <v>324</v>
      </c>
      <c r="KE16" s="244"/>
      <c r="KF16" s="71">
        <v>190</v>
      </c>
      <c r="KG16" s="71">
        <v>131</v>
      </c>
      <c r="KH16" s="71">
        <v>112</v>
      </c>
      <c r="KI16" s="71">
        <v>107</v>
      </c>
      <c r="KJ16" s="71">
        <v>48</v>
      </c>
      <c r="KK16" s="72">
        <v>588</v>
      </c>
      <c r="KL16" s="73">
        <v>912</v>
      </c>
    </row>
    <row r="17" spans="1:298" ht="19.5" customHeight="1" x14ac:dyDescent="0.2">
      <c r="A17" s="126" t="s">
        <v>13</v>
      </c>
      <c r="B17" s="316">
        <v>33</v>
      </c>
      <c r="C17" s="82">
        <v>46</v>
      </c>
      <c r="D17" s="83">
        <v>79</v>
      </c>
      <c r="E17" s="241"/>
      <c r="F17" s="82">
        <v>80</v>
      </c>
      <c r="G17" s="82">
        <v>64</v>
      </c>
      <c r="H17" s="82">
        <v>38</v>
      </c>
      <c r="I17" s="82">
        <v>39</v>
      </c>
      <c r="J17" s="82">
        <v>20</v>
      </c>
      <c r="K17" s="84">
        <v>241</v>
      </c>
      <c r="L17" s="85">
        <v>320</v>
      </c>
      <c r="M17" s="70">
        <v>0</v>
      </c>
      <c r="N17" s="71">
        <v>0</v>
      </c>
      <c r="O17" s="72">
        <v>0</v>
      </c>
      <c r="P17" s="244"/>
      <c r="Q17" s="71">
        <v>0</v>
      </c>
      <c r="R17" s="71">
        <v>0</v>
      </c>
      <c r="S17" s="71">
        <v>0</v>
      </c>
      <c r="T17" s="71">
        <v>0</v>
      </c>
      <c r="U17" s="71">
        <v>0</v>
      </c>
      <c r="V17" s="72">
        <v>0</v>
      </c>
      <c r="W17" s="73">
        <v>0</v>
      </c>
      <c r="X17" s="70">
        <v>0</v>
      </c>
      <c r="Y17" s="71">
        <v>2</v>
      </c>
      <c r="Z17" s="72">
        <v>2</v>
      </c>
      <c r="AA17" s="244"/>
      <c r="AB17" s="71">
        <v>1</v>
      </c>
      <c r="AC17" s="71">
        <v>3</v>
      </c>
      <c r="AD17" s="71">
        <v>0</v>
      </c>
      <c r="AE17" s="71">
        <v>1</v>
      </c>
      <c r="AF17" s="71">
        <v>1</v>
      </c>
      <c r="AG17" s="72">
        <v>6</v>
      </c>
      <c r="AH17" s="73">
        <v>8</v>
      </c>
      <c r="AI17" s="70">
        <v>3</v>
      </c>
      <c r="AJ17" s="71">
        <v>2</v>
      </c>
      <c r="AK17" s="72">
        <v>5</v>
      </c>
      <c r="AL17" s="244"/>
      <c r="AM17" s="71">
        <v>3</v>
      </c>
      <c r="AN17" s="71">
        <v>4</v>
      </c>
      <c r="AO17" s="71">
        <v>3</v>
      </c>
      <c r="AP17" s="71">
        <v>3</v>
      </c>
      <c r="AQ17" s="71">
        <v>0</v>
      </c>
      <c r="AR17" s="72">
        <v>13</v>
      </c>
      <c r="AS17" s="73">
        <v>18</v>
      </c>
      <c r="AT17" s="70">
        <v>1</v>
      </c>
      <c r="AU17" s="71">
        <v>16</v>
      </c>
      <c r="AV17" s="72">
        <v>17</v>
      </c>
      <c r="AW17" s="244"/>
      <c r="AX17" s="71">
        <v>15</v>
      </c>
      <c r="AY17" s="71">
        <v>11</v>
      </c>
      <c r="AZ17" s="71">
        <v>6</v>
      </c>
      <c r="BA17" s="71">
        <v>5</v>
      </c>
      <c r="BB17" s="71">
        <v>3</v>
      </c>
      <c r="BC17" s="72">
        <v>40</v>
      </c>
      <c r="BD17" s="73">
        <v>57</v>
      </c>
      <c r="BE17" s="70">
        <v>16</v>
      </c>
      <c r="BF17" s="71">
        <v>16</v>
      </c>
      <c r="BG17" s="72">
        <v>32</v>
      </c>
      <c r="BH17" s="244"/>
      <c r="BI17" s="71">
        <v>32</v>
      </c>
      <c r="BJ17" s="71">
        <v>20</v>
      </c>
      <c r="BK17" s="71">
        <v>14</v>
      </c>
      <c r="BL17" s="71">
        <v>13</v>
      </c>
      <c r="BM17" s="71">
        <v>6</v>
      </c>
      <c r="BN17" s="72">
        <v>85</v>
      </c>
      <c r="BO17" s="73">
        <v>117</v>
      </c>
      <c r="BP17" s="70">
        <v>13</v>
      </c>
      <c r="BQ17" s="71">
        <v>10</v>
      </c>
      <c r="BR17" s="72">
        <v>23</v>
      </c>
      <c r="BS17" s="244"/>
      <c r="BT17" s="71">
        <v>29</v>
      </c>
      <c r="BU17" s="71">
        <v>26</v>
      </c>
      <c r="BV17" s="71">
        <v>15</v>
      </c>
      <c r="BW17" s="71">
        <v>17</v>
      </c>
      <c r="BX17" s="71">
        <v>10</v>
      </c>
      <c r="BY17" s="72">
        <v>97</v>
      </c>
      <c r="BZ17" s="73">
        <v>120</v>
      </c>
      <c r="CA17" s="70">
        <v>0</v>
      </c>
      <c r="CB17" s="71">
        <v>0</v>
      </c>
      <c r="CC17" s="72">
        <v>0</v>
      </c>
      <c r="CD17" s="244"/>
      <c r="CE17" s="71">
        <v>0</v>
      </c>
      <c r="CF17" s="71">
        <v>0</v>
      </c>
      <c r="CG17" s="71">
        <v>0</v>
      </c>
      <c r="CH17" s="71">
        <v>0</v>
      </c>
      <c r="CI17" s="71">
        <v>0</v>
      </c>
      <c r="CJ17" s="72">
        <v>0</v>
      </c>
      <c r="CK17" s="73">
        <v>0</v>
      </c>
      <c r="CL17" s="70">
        <v>33</v>
      </c>
      <c r="CM17" s="71">
        <v>46</v>
      </c>
      <c r="CN17" s="72">
        <v>79</v>
      </c>
      <c r="CO17" s="244"/>
      <c r="CP17" s="71">
        <v>80</v>
      </c>
      <c r="CQ17" s="71">
        <v>64</v>
      </c>
      <c r="CR17" s="71">
        <v>38</v>
      </c>
      <c r="CS17" s="71">
        <v>39</v>
      </c>
      <c r="CT17" s="71">
        <v>20</v>
      </c>
      <c r="CU17" s="72">
        <v>241</v>
      </c>
      <c r="CV17" s="73">
        <v>320</v>
      </c>
      <c r="CW17" s="123">
        <v>4</v>
      </c>
      <c r="CX17" s="82">
        <v>3</v>
      </c>
      <c r="CY17" s="83">
        <v>7</v>
      </c>
      <c r="CZ17" s="241"/>
      <c r="DA17" s="82">
        <v>14</v>
      </c>
      <c r="DB17" s="82">
        <v>8</v>
      </c>
      <c r="DC17" s="82">
        <v>6</v>
      </c>
      <c r="DD17" s="82">
        <v>9</v>
      </c>
      <c r="DE17" s="82">
        <v>5</v>
      </c>
      <c r="DF17" s="84">
        <v>42</v>
      </c>
      <c r="DG17" s="85">
        <v>49</v>
      </c>
      <c r="DH17" s="70">
        <v>0</v>
      </c>
      <c r="DI17" s="71">
        <v>0</v>
      </c>
      <c r="DJ17" s="72">
        <v>0</v>
      </c>
      <c r="DK17" s="244"/>
      <c r="DL17" s="71">
        <v>0</v>
      </c>
      <c r="DM17" s="71">
        <v>0</v>
      </c>
      <c r="DN17" s="71">
        <v>0</v>
      </c>
      <c r="DO17" s="71">
        <v>0</v>
      </c>
      <c r="DP17" s="71">
        <v>0</v>
      </c>
      <c r="DQ17" s="72">
        <v>0</v>
      </c>
      <c r="DR17" s="73">
        <v>0</v>
      </c>
      <c r="DS17" s="70">
        <v>0</v>
      </c>
      <c r="DT17" s="71">
        <v>0</v>
      </c>
      <c r="DU17" s="72">
        <v>0</v>
      </c>
      <c r="DV17" s="244"/>
      <c r="DW17" s="71">
        <v>0</v>
      </c>
      <c r="DX17" s="71">
        <v>0</v>
      </c>
      <c r="DY17" s="71">
        <v>0</v>
      </c>
      <c r="DZ17" s="71">
        <v>0</v>
      </c>
      <c r="EA17" s="71">
        <v>0</v>
      </c>
      <c r="EB17" s="72">
        <v>0</v>
      </c>
      <c r="EC17" s="73">
        <v>0</v>
      </c>
      <c r="ED17" s="70">
        <v>0</v>
      </c>
      <c r="EE17" s="71">
        <v>0</v>
      </c>
      <c r="EF17" s="72">
        <v>0</v>
      </c>
      <c r="EG17" s="244"/>
      <c r="EH17" s="71">
        <v>1</v>
      </c>
      <c r="EI17" s="71">
        <v>1</v>
      </c>
      <c r="EJ17" s="71">
        <v>0</v>
      </c>
      <c r="EK17" s="71">
        <v>0</v>
      </c>
      <c r="EL17" s="71">
        <v>0</v>
      </c>
      <c r="EM17" s="72">
        <v>2</v>
      </c>
      <c r="EN17" s="73">
        <v>2</v>
      </c>
      <c r="EO17" s="70">
        <v>1</v>
      </c>
      <c r="EP17" s="71">
        <v>0</v>
      </c>
      <c r="EQ17" s="72">
        <v>1</v>
      </c>
      <c r="ER17" s="244"/>
      <c r="ES17" s="71">
        <v>6</v>
      </c>
      <c r="ET17" s="71">
        <v>0</v>
      </c>
      <c r="EU17" s="71">
        <v>1</v>
      </c>
      <c r="EV17" s="71">
        <v>1</v>
      </c>
      <c r="EW17" s="71">
        <v>1</v>
      </c>
      <c r="EX17" s="72">
        <v>9</v>
      </c>
      <c r="EY17" s="73">
        <v>10</v>
      </c>
      <c r="EZ17" s="70">
        <v>3</v>
      </c>
      <c r="FA17" s="71">
        <v>0</v>
      </c>
      <c r="FB17" s="72">
        <v>3</v>
      </c>
      <c r="FC17" s="244"/>
      <c r="FD17" s="71">
        <v>4</v>
      </c>
      <c r="FE17" s="71">
        <v>3</v>
      </c>
      <c r="FF17" s="71">
        <v>2</v>
      </c>
      <c r="FG17" s="71">
        <v>3</v>
      </c>
      <c r="FH17" s="71">
        <v>1</v>
      </c>
      <c r="FI17" s="72">
        <v>13</v>
      </c>
      <c r="FJ17" s="73">
        <v>16</v>
      </c>
      <c r="FK17" s="70">
        <v>0</v>
      </c>
      <c r="FL17" s="71">
        <v>3</v>
      </c>
      <c r="FM17" s="72">
        <v>3</v>
      </c>
      <c r="FN17" s="244"/>
      <c r="FO17" s="71">
        <v>3</v>
      </c>
      <c r="FP17" s="71">
        <v>4</v>
      </c>
      <c r="FQ17" s="71">
        <v>3</v>
      </c>
      <c r="FR17" s="71">
        <v>5</v>
      </c>
      <c r="FS17" s="71">
        <v>3</v>
      </c>
      <c r="FT17" s="72">
        <v>18</v>
      </c>
      <c r="FU17" s="73">
        <v>21</v>
      </c>
      <c r="FV17" s="70">
        <v>0</v>
      </c>
      <c r="FW17" s="71">
        <v>0</v>
      </c>
      <c r="FX17" s="72">
        <v>0</v>
      </c>
      <c r="FY17" s="244"/>
      <c r="FZ17" s="71">
        <v>0</v>
      </c>
      <c r="GA17" s="71">
        <v>0</v>
      </c>
      <c r="GB17" s="71">
        <v>0</v>
      </c>
      <c r="GC17" s="71">
        <v>0</v>
      </c>
      <c r="GD17" s="71">
        <v>0</v>
      </c>
      <c r="GE17" s="72">
        <v>0</v>
      </c>
      <c r="GF17" s="73">
        <v>0</v>
      </c>
      <c r="GG17" s="70">
        <v>4</v>
      </c>
      <c r="GH17" s="71">
        <v>3</v>
      </c>
      <c r="GI17" s="72">
        <v>7</v>
      </c>
      <c r="GJ17" s="244"/>
      <c r="GK17" s="71">
        <v>14</v>
      </c>
      <c r="GL17" s="71">
        <v>8</v>
      </c>
      <c r="GM17" s="71">
        <v>6</v>
      </c>
      <c r="GN17" s="71">
        <v>9</v>
      </c>
      <c r="GO17" s="71">
        <v>5</v>
      </c>
      <c r="GP17" s="72">
        <v>42</v>
      </c>
      <c r="GQ17" s="73">
        <v>49</v>
      </c>
      <c r="GR17" s="123">
        <v>37</v>
      </c>
      <c r="GS17" s="82">
        <v>49</v>
      </c>
      <c r="GT17" s="83">
        <v>86</v>
      </c>
      <c r="GU17" s="241"/>
      <c r="GV17" s="82">
        <v>94</v>
      </c>
      <c r="GW17" s="82">
        <v>72</v>
      </c>
      <c r="GX17" s="82">
        <v>44</v>
      </c>
      <c r="GY17" s="82">
        <v>48</v>
      </c>
      <c r="GZ17" s="82">
        <v>25</v>
      </c>
      <c r="HA17" s="84">
        <v>283</v>
      </c>
      <c r="HB17" s="85">
        <v>369</v>
      </c>
      <c r="HC17" s="70">
        <v>0</v>
      </c>
      <c r="HD17" s="71">
        <v>0</v>
      </c>
      <c r="HE17" s="72">
        <v>0</v>
      </c>
      <c r="HF17" s="244"/>
      <c r="HG17" s="71">
        <v>0</v>
      </c>
      <c r="HH17" s="71">
        <v>0</v>
      </c>
      <c r="HI17" s="71">
        <v>0</v>
      </c>
      <c r="HJ17" s="71">
        <v>0</v>
      </c>
      <c r="HK17" s="71">
        <v>0</v>
      </c>
      <c r="HL17" s="72">
        <v>0</v>
      </c>
      <c r="HM17" s="73">
        <v>0</v>
      </c>
      <c r="HN17" s="70">
        <v>0</v>
      </c>
      <c r="HO17" s="71">
        <v>2</v>
      </c>
      <c r="HP17" s="72">
        <v>2</v>
      </c>
      <c r="HQ17" s="244"/>
      <c r="HR17" s="71">
        <v>1</v>
      </c>
      <c r="HS17" s="71">
        <v>3</v>
      </c>
      <c r="HT17" s="71">
        <v>0</v>
      </c>
      <c r="HU17" s="71">
        <v>1</v>
      </c>
      <c r="HV17" s="71">
        <v>1</v>
      </c>
      <c r="HW17" s="72">
        <v>6</v>
      </c>
      <c r="HX17" s="73">
        <v>8</v>
      </c>
      <c r="HY17" s="70">
        <v>3</v>
      </c>
      <c r="HZ17" s="71">
        <v>2</v>
      </c>
      <c r="IA17" s="72">
        <v>5</v>
      </c>
      <c r="IB17" s="244"/>
      <c r="IC17" s="71">
        <v>4</v>
      </c>
      <c r="ID17" s="71">
        <v>5</v>
      </c>
      <c r="IE17" s="71">
        <v>3</v>
      </c>
      <c r="IF17" s="71">
        <v>3</v>
      </c>
      <c r="IG17" s="71">
        <v>0</v>
      </c>
      <c r="IH17" s="72">
        <v>15</v>
      </c>
      <c r="II17" s="73">
        <v>20</v>
      </c>
      <c r="IJ17" s="70">
        <v>2</v>
      </c>
      <c r="IK17" s="71">
        <v>16</v>
      </c>
      <c r="IL17" s="72">
        <v>18</v>
      </c>
      <c r="IM17" s="244"/>
      <c r="IN17" s="71">
        <v>21</v>
      </c>
      <c r="IO17" s="71">
        <v>11</v>
      </c>
      <c r="IP17" s="71">
        <v>7</v>
      </c>
      <c r="IQ17" s="71">
        <v>6</v>
      </c>
      <c r="IR17" s="71">
        <v>4</v>
      </c>
      <c r="IS17" s="72">
        <v>49</v>
      </c>
      <c r="IT17" s="73">
        <v>67</v>
      </c>
      <c r="IU17" s="70">
        <v>19</v>
      </c>
      <c r="IV17" s="71">
        <v>16</v>
      </c>
      <c r="IW17" s="72">
        <v>35</v>
      </c>
      <c r="IX17" s="244"/>
      <c r="IY17" s="71">
        <v>36</v>
      </c>
      <c r="IZ17" s="71">
        <v>23</v>
      </c>
      <c r="JA17" s="71">
        <v>16</v>
      </c>
      <c r="JB17" s="71">
        <v>16</v>
      </c>
      <c r="JC17" s="71">
        <v>7</v>
      </c>
      <c r="JD17" s="72">
        <v>98</v>
      </c>
      <c r="JE17" s="73">
        <v>133</v>
      </c>
      <c r="JF17" s="70">
        <v>13</v>
      </c>
      <c r="JG17" s="71">
        <v>13</v>
      </c>
      <c r="JH17" s="72">
        <v>26</v>
      </c>
      <c r="JI17" s="244"/>
      <c r="JJ17" s="71">
        <v>32</v>
      </c>
      <c r="JK17" s="71">
        <v>30</v>
      </c>
      <c r="JL17" s="71">
        <v>18</v>
      </c>
      <c r="JM17" s="71">
        <v>22</v>
      </c>
      <c r="JN17" s="71">
        <v>13</v>
      </c>
      <c r="JO17" s="72">
        <v>115</v>
      </c>
      <c r="JP17" s="73">
        <v>141</v>
      </c>
      <c r="JQ17" s="70">
        <v>0</v>
      </c>
      <c r="JR17" s="71">
        <v>0</v>
      </c>
      <c r="JS17" s="72">
        <v>0</v>
      </c>
      <c r="JT17" s="244"/>
      <c r="JU17" s="71">
        <v>0</v>
      </c>
      <c r="JV17" s="71">
        <v>0</v>
      </c>
      <c r="JW17" s="71">
        <v>0</v>
      </c>
      <c r="JX17" s="71">
        <v>0</v>
      </c>
      <c r="JY17" s="71">
        <v>0</v>
      </c>
      <c r="JZ17" s="72">
        <v>0</v>
      </c>
      <c r="KA17" s="73">
        <v>0</v>
      </c>
      <c r="KB17" s="70">
        <v>37</v>
      </c>
      <c r="KC17" s="71">
        <v>49</v>
      </c>
      <c r="KD17" s="72">
        <v>86</v>
      </c>
      <c r="KE17" s="244"/>
      <c r="KF17" s="71">
        <v>94</v>
      </c>
      <c r="KG17" s="71">
        <v>72</v>
      </c>
      <c r="KH17" s="71">
        <v>44</v>
      </c>
      <c r="KI17" s="71">
        <v>48</v>
      </c>
      <c r="KJ17" s="71">
        <v>25</v>
      </c>
      <c r="KK17" s="72">
        <v>283</v>
      </c>
      <c r="KL17" s="73">
        <v>369</v>
      </c>
    </row>
    <row r="18" spans="1:298" ht="19.5" customHeight="1" x14ac:dyDescent="0.2">
      <c r="A18" s="126" t="s">
        <v>15</v>
      </c>
      <c r="B18" s="316">
        <v>21</v>
      </c>
      <c r="C18" s="82">
        <v>24</v>
      </c>
      <c r="D18" s="83">
        <v>45</v>
      </c>
      <c r="E18" s="241"/>
      <c r="F18" s="82">
        <v>32</v>
      </c>
      <c r="G18" s="82">
        <v>28</v>
      </c>
      <c r="H18" s="82">
        <v>23</v>
      </c>
      <c r="I18" s="82">
        <v>19</v>
      </c>
      <c r="J18" s="82">
        <v>7</v>
      </c>
      <c r="K18" s="84">
        <v>109</v>
      </c>
      <c r="L18" s="85">
        <v>154</v>
      </c>
      <c r="M18" s="70">
        <v>1</v>
      </c>
      <c r="N18" s="71">
        <v>0</v>
      </c>
      <c r="O18" s="72">
        <v>1</v>
      </c>
      <c r="P18" s="244"/>
      <c r="Q18" s="71">
        <v>0</v>
      </c>
      <c r="R18" s="71">
        <v>0</v>
      </c>
      <c r="S18" s="71">
        <v>1</v>
      </c>
      <c r="T18" s="71">
        <v>0</v>
      </c>
      <c r="U18" s="71">
        <v>0</v>
      </c>
      <c r="V18" s="72">
        <v>1</v>
      </c>
      <c r="W18" s="73">
        <v>2</v>
      </c>
      <c r="X18" s="70">
        <v>2</v>
      </c>
      <c r="Y18" s="71">
        <v>2</v>
      </c>
      <c r="Z18" s="72">
        <v>4</v>
      </c>
      <c r="AA18" s="244"/>
      <c r="AB18" s="71">
        <v>3</v>
      </c>
      <c r="AC18" s="71">
        <v>0</v>
      </c>
      <c r="AD18" s="71">
        <v>4</v>
      </c>
      <c r="AE18" s="71">
        <v>1</v>
      </c>
      <c r="AF18" s="71">
        <v>2</v>
      </c>
      <c r="AG18" s="72">
        <v>10</v>
      </c>
      <c r="AH18" s="73">
        <v>14</v>
      </c>
      <c r="AI18" s="70">
        <v>3</v>
      </c>
      <c r="AJ18" s="71">
        <v>1</v>
      </c>
      <c r="AK18" s="72">
        <v>4</v>
      </c>
      <c r="AL18" s="244"/>
      <c r="AM18" s="71">
        <v>6</v>
      </c>
      <c r="AN18" s="71">
        <v>4</v>
      </c>
      <c r="AO18" s="71">
        <v>1</v>
      </c>
      <c r="AP18" s="71">
        <v>1</v>
      </c>
      <c r="AQ18" s="71">
        <v>3</v>
      </c>
      <c r="AR18" s="72">
        <v>15</v>
      </c>
      <c r="AS18" s="73">
        <v>19</v>
      </c>
      <c r="AT18" s="70">
        <v>8</v>
      </c>
      <c r="AU18" s="71">
        <v>4</v>
      </c>
      <c r="AV18" s="72">
        <v>12</v>
      </c>
      <c r="AW18" s="244"/>
      <c r="AX18" s="71">
        <v>6</v>
      </c>
      <c r="AY18" s="71">
        <v>5</v>
      </c>
      <c r="AZ18" s="71">
        <v>3</v>
      </c>
      <c r="BA18" s="71">
        <v>5</v>
      </c>
      <c r="BB18" s="71">
        <v>0</v>
      </c>
      <c r="BC18" s="72">
        <v>19</v>
      </c>
      <c r="BD18" s="73">
        <v>31</v>
      </c>
      <c r="BE18" s="70">
        <v>3</v>
      </c>
      <c r="BF18" s="71">
        <v>8</v>
      </c>
      <c r="BG18" s="72">
        <v>11</v>
      </c>
      <c r="BH18" s="244"/>
      <c r="BI18" s="71">
        <v>5</v>
      </c>
      <c r="BJ18" s="71">
        <v>5</v>
      </c>
      <c r="BK18" s="71">
        <v>2</v>
      </c>
      <c r="BL18" s="71">
        <v>4</v>
      </c>
      <c r="BM18" s="71">
        <v>1</v>
      </c>
      <c r="BN18" s="72">
        <v>17</v>
      </c>
      <c r="BO18" s="73">
        <v>28</v>
      </c>
      <c r="BP18" s="70">
        <v>4</v>
      </c>
      <c r="BQ18" s="71">
        <v>9</v>
      </c>
      <c r="BR18" s="72">
        <v>13</v>
      </c>
      <c r="BS18" s="244"/>
      <c r="BT18" s="71">
        <v>12</v>
      </c>
      <c r="BU18" s="71">
        <v>14</v>
      </c>
      <c r="BV18" s="71">
        <v>12</v>
      </c>
      <c r="BW18" s="71">
        <v>8</v>
      </c>
      <c r="BX18" s="71">
        <v>1</v>
      </c>
      <c r="BY18" s="72">
        <v>47</v>
      </c>
      <c r="BZ18" s="73">
        <v>60</v>
      </c>
      <c r="CA18" s="70">
        <v>0</v>
      </c>
      <c r="CB18" s="71">
        <v>0</v>
      </c>
      <c r="CC18" s="72">
        <v>0</v>
      </c>
      <c r="CD18" s="244"/>
      <c r="CE18" s="71">
        <v>0</v>
      </c>
      <c r="CF18" s="71">
        <v>0</v>
      </c>
      <c r="CG18" s="71">
        <v>0</v>
      </c>
      <c r="CH18" s="71">
        <v>0</v>
      </c>
      <c r="CI18" s="71">
        <v>0</v>
      </c>
      <c r="CJ18" s="72">
        <v>0</v>
      </c>
      <c r="CK18" s="73">
        <v>0</v>
      </c>
      <c r="CL18" s="70">
        <v>21</v>
      </c>
      <c r="CM18" s="71">
        <v>24</v>
      </c>
      <c r="CN18" s="72">
        <v>45</v>
      </c>
      <c r="CO18" s="244"/>
      <c r="CP18" s="71">
        <v>32</v>
      </c>
      <c r="CQ18" s="71">
        <v>28</v>
      </c>
      <c r="CR18" s="71">
        <v>23</v>
      </c>
      <c r="CS18" s="71">
        <v>19</v>
      </c>
      <c r="CT18" s="71">
        <v>7</v>
      </c>
      <c r="CU18" s="72">
        <v>109</v>
      </c>
      <c r="CV18" s="73">
        <v>154</v>
      </c>
      <c r="CW18" s="123">
        <v>2</v>
      </c>
      <c r="CX18" s="82">
        <v>1</v>
      </c>
      <c r="CY18" s="83">
        <v>3</v>
      </c>
      <c r="CZ18" s="241"/>
      <c r="DA18" s="82">
        <v>2</v>
      </c>
      <c r="DB18" s="82">
        <v>9</v>
      </c>
      <c r="DC18" s="82">
        <v>1</v>
      </c>
      <c r="DD18" s="82">
        <v>3</v>
      </c>
      <c r="DE18" s="82">
        <v>2</v>
      </c>
      <c r="DF18" s="84">
        <v>17</v>
      </c>
      <c r="DG18" s="85">
        <v>20</v>
      </c>
      <c r="DH18" s="70">
        <v>0</v>
      </c>
      <c r="DI18" s="71">
        <v>0</v>
      </c>
      <c r="DJ18" s="72">
        <v>0</v>
      </c>
      <c r="DK18" s="244"/>
      <c r="DL18" s="71">
        <v>0</v>
      </c>
      <c r="DM18" s="71">
        <v>0</v>
      </c>
      <c r="DN18" s="71">
        <v>0</v>
      </c>
      <c r="DO18" s="71">
        <v>0</v>
      </c>
      <c r="DP18" s="71">
        <v>0</v>
      </c>
      <c r="DQ18" s="72">
        <v>0</v>
      </c>
      <c r="DR18" s="73">
        <v>0</v>
      </c>
      <c r="DS18" s="70">
        <v>0</v>
      </c>
      <c r="DT18" s="71">
        <v>0</v>
      </c>
      <c r="DU18" s="72">
        <v>0</v>
      </c>
      <c r="DV18" s="244"/>
      <c r="DW18" s="71">
        <v>1</v>
      </c>
      <c r="DX18" s="71">
        <v>0</v>
      </c>
      <c r="DY18" s="71">
        <v>0</v>
      </c>
      <c r="DZ18" s="71">
        <v>0</v>
      </c>
      <c r="EA18" s="71">
        <v>0</v>
      </c>
      <c r="EB18" s="72">
        <v>1</v>
      </c>
      <c r="EC18" s="73">
        <v>1</v>
      </c>
      <c r="ED18" s="70">
        <v>0</v>
      </c>
      <c r="EE18" s="71">
        <v>0</v>
      </c>
      <c r="EF18" s="72">
        <v>0</v>
      </c>
      <c r="EG18" s="244"/>
      <c r="EH18" s="71">
        <v>0</v>
      </c>
      <c r="EI18" s="71">
        <v>0</v>
      </c>
      <c r="EJ18" s="71">
        <v>0</v>
      </c>
      <c r="EK18" s="71">
        <v>0</v>
      </c>
      <c r="EL18" s="71">
        <v>1</v>
      </c>
      <c r="EM18" s="72">
        <v>1</v>
      </c>
      <c r="EN18" s="73">
        <v>1</v>
      </c>
      <c r="EO18" s="70">
        <v>0</v>
      </c>
      <c r="EP18" s="71">
        <v>0</v>
      </c>
      <c r="EQ18" s="72">
        <v>0</v>
      </c>
      <c r="ER18" s="244"/>
      <c r="ES18" s="71">
        <v>0</v>
      </c>
      <c r="ET18" s="71">
        <v>1</v>
      </c>
      <c r="EU18" s="71">
        <v>0</v>
      </c>
      <c r="EV18" s="71">
        <v>0</v>
      </c>
      <c r="EW18" s="71">
        <v>0</v>
      </c>
      <c r="EX18" s="72">
        <v>1</v>
      </c>
      <c r="EY18" s="73">
        <v>1</v>
      </c>
      <c r="EZ18" s="70">
        <v>0</v>
      </c>
      <c r="FA18" s="71">
        <v>0</v>
      </c>
      <c r="FB18" s="72">
        <v>0</v>
      </c>
      <c r="FC18" s="244"/>
      <c r="FD18" s="71">
        <v>0</v>
      </c>
      <c r="FE18" s="71">
        <v>2</v>
      </c>
      <c r="FF18" s="71">
        <v>1</v>
      </c>
      <c r="FG18" s="71">
        <v>1</v>
      </c>
      <c r="FH18" s="71">
        <v>0</v>
      </c>
      <c r="FI18" s="72">
        <v>4</v>
      </c>
      <c r="FJ18" s="73">
        <v>4</v>
      </c>
      <c r="FK18" s="70">
        <v>2</v>
      </c>
      <c r="FL18" s="71">
        <v>1</v>
      </c>
      <c r="FM18" s="72">
        <v>3</v>
      </c>
      <c r="FN18" s="244"/>
      <c r="FO18" s="71">
        <v>1</v>
      </c>
      <c r="FP18" s="71">
        <v>6</v>
      </c>
      <c r="FQ18" s="71">
        <v>0</v>
      </c>
      <c r="FR18" s="71">
        <v>2</v>
      </c>
      <c r="FS18" s="71">
        <v>1</v>
      </c>
      <c r="FT18" s="72">
        <v>10</v>
      </c>
      <c r="FU18" s="73">
        <v>13</v>
      </c>
      <c r="FV18" s="70">
        <v>0</v>
      </c>
      <c r="FW18" s="71">
        <v>0</v>
      </c>
      <c r="FX18" s="72">
        <v>0</v>
      </c>
      <c r="FY18" s="244"/>
      <c r="FZ18" s="71">
        <v>0</v>
      </c>
      <c r="GA18" s="71">
        <v>0</v>
      </c>
      <c r="GB18" s="71">
        <v>0</v>
      </c>
      <c r="GC18" s="71">
        <v>0</v>
      </c>
      <c r="GD18" s="71">
        <v>0</v>
      </c>
      <c r="GE18" s="72">
        <v>0</v>
      </c>
      <c r="GF18" s="73">
        <v>0</v>
      </c>
      <c r="GG18" s="70">
        <v>2</v>
      </c>
      <c r="GH18" s="71">
        <v>1</v>
      </c>
      <c r="GI18" s="72">
        <v>3</v>
      </c>
      <c r="GJ18" s="244"/>
      <c r="GK18" s="71">
        <v>2</v>
      </c>
      <c r="GL18" s="71">
        <v>9</v>
      </c>
      <c r="GM18" s="71">
        <v>1</v>
      </c>
      <c r="GN18" s="71">
        <v>3</v>
      </c>
      <c r="GO18" s="71">
        <v>2</v>
      </c>
      <c r="GP18" s="72">
        <v>17</v>
      </c>
      <c r="GQ18" s="73">
        <v>20</v>
      </c>
      <c r="GR18" s="123">
        <v>23</v>
      </c>
      <c r="GS18" s="82">
        <v>25</v>
      </c>
      <c r="GT18" s="83">
        <v>48</v>
      </c>
      <c r="GU18" s="241"/>
      <c r="GV18" s="82">
        <v>34</v>
      </c>
      <c r="GW18" s="82">
        <v>37</v>
      </c>
      <c r="GX18" s="82">
        <v>24</v>
      </c>
      <c r="GY18" s="82">
        <v>22</v>
      </c>
      <c r="GZ18" s="82">
        <v>9</v>
      </c>
      <c r="HA18" s="84">
        <v>126</v>
      </c>
      <c r="HB18" s="85">
        <v>174</v>
      </c>
      <c r="HC18" s="70">
        <v>1</v>
      </c>
      <c r="HD18" s="71">
        <v>0</v>
      </c>
      <c r="HE18" s="72">
        <v>1</v>
      </c>
      <c r="HF18" s="244"/>
      <c r="HG18" s="71">
        <v>0</v>
      </c>
      <c r="HH18" s="71">
        <v>0</v>
      </c>
      <c r="HI18" s="71">
        <v>1</v>
      </c>
      <c r="HJ18" s="71">
        <v>0</v>
      </c>
      <c r="HK18" s="71">
        <v>0</v>
      </c>
      <c r="HL18" s="72">
        <v>1</v>
      </c>
      <c r="HM18" s="73">
        <v>2</v>
      </c>
      <c r="HN18" s="70">
        <v>2</v>
      </c>
      <c r="HO18" s="71">
        <v>2</v>
      </c>
      <c r="HP18" s="72">
        <v>4</v>
      </c>
      <c r="HQ18" s="244"/>
      <c r="HR18" s="71">
        <v>4</v>
      </c>
      <c r="HS18" s="71">
        <v>0</v>
      </c>
      <c r="HT18" s="71">
        <v>4</v>
      </c>
      <c r="HU18" s="71">
        <v>1</v>
      </c>
      <c r="HV18" s="71">
        <v>2</v>
      </c>
      <c r="HW18" s="72">
        <v>11</v>
      </c>
      <c r="HX18" s="73">
        <v>15</v>
      </c>
      <c r="HY18" s="70">
        <v>3</v>
      </c>
      <c r="HZ18" s="71">
        <v>1</v>
      </c>
      <c r="IA18" s="72">
        <v>4</v>
      </c>
      <c r="IB18" s="244"/>
      <c r="IC18" s="71">
        <v>6</v>
      </c>
      <c r="ID18" s="71">
        <v>4</v>
      </c>
      <c r="IE18" s="71">
        <v>1</v>
      </c>
      <c r="IF18" s="71">
        <v>1</v>
      </c>
      <c r="IG18" s="71">
        <v>4</v>
      </c>
      <c r="IH18" s="72">
        <v>16</v>
      </c>
      <c r="II18" s="73">
        <v>20</v>
      </c>
      <c r="IJ18" s="70">
        <v>8</v>
      </c>
      <c r="IK18" s="71">
        <v>4</v>
      </c>
      <c r="IL18" s="72">
        <v>12</v>
      </c>
      <c r="IM18" s="244"/>
      <c r="IN18" s="71">
        <v>6</v>
      </c>
      <c r="IO18" s="71">
        <v>6</v>
      </c>
      <c r="IP18" s="71">
        <v>3</v>
      </c>
      <c r="IQ18" s="71">
        <v>5</v>
      </c>
      <c r="IR18" s="71">
        <v>0</v>
      </c>
      <c r="IS18" s="72">
        <v>20</v>
      </c>
      <c r="IT18" s="73">
        <v>32</v>
      </c>
      <c r="IU18" s="70">
        <v>3</v>
      </c>
      <c r="IV18" s="71">
        <v>8</v>
      </c>
      <c r="IW18" s="72">
        <v>11</v>
      </c>
      <c r="IX18" s="244"/>
      <c r="IY18" s="71">
        <v>5</v>
      </c>
      <c r="IZ18" s="71">
        <v>7</v>
      </c>
      <c r="JA18" s="71">
        <v>3</v>
      </c>
      <c r="JB18" s="71">
        <v>5</v>
      </c>
      <c r="JC18" s="71">
        <v>1</v>
      </c>
      <c r="JD18" s="72">
        <v>21</v>
      </c>
      <c r="JE18" s="73">
        <v>32</v>
      </c>
      <c r="JF18" s="70">
        <v>6</v>
      </c>
      <c r="JG18" s="71">
        <v>10</v>
      </c>
      <c r="JH18" s="72">
        <v>16</v>
      </c>
      <c r="JI18" s="244"/>
      <c r="JJ18" s="71">
        <v>13</v>
      </c>
      <c r="JK18" s="71">
        <v>20</v>
      </c>
      <c r="JL18" s="71">
        <v>12</v>
      </c>
      <c r="JM18" s="71">
        <v>10</v>
      </c>
      <c r="JN18" s="71">
        <v>2</v>
      </c>
      <c r="JO18" s="72">
        <v>57</v>
      </c>
      <c r="JP18" s="73">
        <v>73</v>
      </c>
      <c r="JQ18" s="70">
        <v>0</v>
      </c>
      <c r="JR18" s="71">
        <v>0</v>
      </c>
      <c r="JS18" s="72">
        <v>0</v>
      </c>
      <c r="JT18" s="244"/>
      <c r="JU18" s="71">
        <v>0</v>
      </c>
      <c r="JV18" s="71">
        <v>0</v>
      </c>
      <c r="JW18" s="71">
        <v>0</v>
      </c>
      <c r="JX18" s="71">
        <v>0</v>
      </c>
      <c r="JY18" s="71">
        <v>0</v>
      </c>
      <c r="JZ18" s="72">
        <v>0</v>
      </c>
      <c r="KA18" s="73">
        <v>0</v>
      </c>
      <c r="KB18" s="70">
        <v>23</v>
      </c>
      <c r="KC18" s="71">
        <v>25</v>
      </c>
      <c r="KD18" s="72">
        <v>48</v>
      </c>
      <c r="KE18" s="244"/>
      <c r="KF18" s="71">
        <v>34</v>
      </c>
      <c r="KG18" s="71">
        <v>37</v>
      </c>
      <c r="KH18" s="71">
        <v>24</v>
      </c>
      <c r="KI18" s="71">
        <v>22</v>
      </c>
      <c r="KJ18" s="71">
        <v>9</v>
      </c>
      <c r="KK18" s="72">
        <v>126</v>
      </c>
      <c r="KL18" s="73">
        <v>174</v>
      </c>
    </row>
    <row r="19" spans="1:298" ht="19.5" customHeight="1" x14ac:dyDescent="0.2">
      <c r="A19" s="126" t="s">
        <v>16</v>
      </c>
      <c r="B19" s="316">
        <v>35</v>
      </c>
      <c r="C19" s="82">
        <v>31</v>
      </c>
      <c r="D19" s="83">
        <v>66</v>
      </c>
      <c r="E19" s="241"/>
      <c r="F19" s="82">
        <v>77</v>
      </c>
      <c r="G19" s="82">
        <v>89</v>
      </c>
      <c r="H19" s="82">
        <v>63</v>
      </c>
      <c r="I19" s="82">
        <v>45</v>
      </c>
      <c r="J19" s="82">
        <v>21</v>
      </c>
      <c r="K19" s="84">
        <v>295</v>
      </c>
      <c r="L19" s="85">
        <v>361</v>
      </c>
      <c r="M19" s="70">
        <v>0</v>
      </c>
      <c r="N19" s="71">
        <v>1</v>
      </c>
      <c r="O19" s="72">
        <v>1</v>
      </c>
      <c r="P19" s="244"/>
      <c r="Q19" s="71">
        <v>3</v>
      </c>
      <c r="R19" s="71">
        <v>2</v>
      </c>
      <c r="S19" s="71">
        <v>2</v>
      </c>
      <c r="T19" s="71">
        <v>2</v>
      </c>
      <c r="U19" s="71">
        <v>1</v>
      </c>
      <c r="V19" s="72">
        <v>10</v>
      </c>
      <c r="W19" s="73">
        <v>11</v>
      </c>
      <c r="X19" s="70">
        <v>5</v>
      </c>
      <c r="Y19" s="71">
        <v>3</v>
      </c>
      <c r="Z19" s="72">
        <v>8</v>
      </c>
      <c r="AA19" s="244"/>
      <c r="AB19" s="71">
        <v>3</v>
      </c>
      <c r="AC19" s="71">
        <v>10</v>
      </c>
      <c r="AD19" s="71">
        <v>4</v>
      </c>
      <c r="AE19" s="71">
        <v>0</v>
      </c>
      <c r="AF19" s="71">
        <v>1</v>
      </c>
      <c r="AG19" s="72">
        <v>18</v>
      </c>
      <c r="AH19" s="73">
        <v>26</v>
      </c>
      <c r="AI19" s="70">
        <v>5</v>
      </c>
      <c r="AJ19" s="71">
        <v>2</v>
      </c>
      <c r="AK19" s="72">
        <v>7</v>
      </c>
      <c r="AL19" s="244"/>
      <c r="AM19" s="71">
        <v>7</v>
      </c>
      <c r="AN19" s="71">
        <v>6</v>
      </c>
      <c r="AO19" s="71">
        <v>7</v>
      </c>
      <c r="AP19" s="71">
        <v>6</v>
      </c>
      <c r="AQ19" s="71">
        <v>1</v>
      </c>
      <c r="AR19" s="72">
        <v>27</v>
      </c>
      <c r="AS19" s="73">
        <v>34</v>
      </c>
      <c r="AT19" s="70">
        <v>6</v>
      </c>
      <c r="AU19" s="71">
        <v>4</v>
      </c>
      <c r="AV19" s="72">
        <v>10</v>
      </c>
      <c r="AW19" s="244"/>
      <c r="AX19" s="71">
        <v>18</v>
      </c>
      <c r="AY19" s="71">
        <v>22</v>
      </c>
      <c r="AZ19" s="71">
        <v>9</v>
      </c>
      <c r="BA19" s="71">
        <v>6</v>
      </c>
      <c r="BB19" s="71">
        <v>5</v>
      </c>
      <c r="BC19" s="72">
        <v>60</v>
      </c>
      <c r="BD19" s="73">
        <v>70</v>
      </c>
      <c r="BE19" s="70">
        <v>10</v>
      </c>
      <c r="BF19" s="71">
        <v>10</v>
      </c>
      <c r="BG19" s="72">
        <v>20</v>
      </c>
      <c r="BH19" s="244"/>
      <c r="BI19" s="71">
        <v>24</v>
      </c>
      <c r="BJ19" s="71">
        <v>25</v>
      </c>
      <c r="BK19" s="71">
        <v>18</v>
      </c>
      <c r="BL19" s="71">
        <v>13</v>
      </c>
      <c r="BM19" s="71">
        <v>8</v>
      </c>
      <c r="BN19" s="72">
        <v>88</v>
      </c>
      <c r="BO19" s="73">
        <v>108</v>
      </c>
      <c r="BP19" s="70">
        <v>9</v>
      </c>
      <c r="BQ19" s="71">
        <v>11</v>
      </c>
      <c r="BR19" s="72">
        <v>20</v>
      </c>
      <c r="BS19" s="244"/>
      <c r="BT19" s="71">
        <v>22</v>
      </c>
      <c r="BU19" s="71">
        <v>24</v>
      </c>
      <c r="BV19" s="71">
        <v>23</v>
      </c>
      <c r="BW19" s="71">
        <v>18</v>
      </c>
      <c r="BX19" s="71">
        <v>5</v>
      </c>
      <c r="BY19" s="72">
        <v>92</v>
      </c>
      <c r="BZ19" s="73">
        <v>112</v>
      </c>
      <c r="CA19" s="70">
        <v>0</v>
      </c>
      <c r="CB19" s="71">
        <v>0</v>
      </c>
      <c r="CC19" s="72">
        <v>0</v>
      </c>
      <c r="CD19" s="244"/>
      <c r="CE19" s="71">
        <v>0</v>
      </c>
      <c r="CF19" s="71">
        <v>0</v>
      </c>
      <c r="CG19" s="71">
        <v>0</v>
      </c>
      <c r="CH19" s="71">
        <v>0</v>
      </c>
      <c r="CI19" s="71">
        <v>0</v>
      </c>
      <c r="CJ19" s="72">
        <v>0</v>
      </c>
      <c r="CK19" s="73">
        <v>0</v>
      </c>
      <c r="CL19" s="70">
        <v>35</v>
      </c>
      <c r="CM19" s="71">
        <v>31</v>
      </c>
      <c r="CN19" s="72">
        <v>66</v>
      </c>
      <c r="CO19" s="244"/>
      <c r="CP19" s="71">
        <v>77</v>
      </c>
      <c r="CQ19" s="71">
        <v>89</v>
      </c>
      <c r="CR19" s="71">
        <v>63</v>
      </c>
      <c r="CS19" s="71">
        <v>45</v>
      </c>
      <c r="CT19" s="71">
        <v>21</v>
      </c>
      <c r="CU19" s="72">
        <v>295</v>
      </c>
      <c r="CV19" s="73">
        <v>361</v>
      </c>
      <c r="CW19" s="123">
        <v>7</v>
      </c>
      <c r="CX19" s="82">
        <v>7</v>
      </c>
      <c r="CY19" s="83">
        <v>14</v>
      </c>
      <c r="CZ19" s="241"/>
      <c r="DA19" s="82">
        <v>12</v>
      </c>
      <c r="DB19" s="82">
        <v>16</v>
      </c>
      <c r="DC19" s="82">
        <v>7</v>
      </c>
      <c r="DD19" s="82">
        <v>8</v>
      </c>
      <c r="DE19" s="82">
        <v>9</v>
      </c>
      <c r="DF19" s="84">
        <v>52</v>
      </c>
      <c r="DG19" s="85">
        <v>66</v>
      </c>
      <c r="DH19" s="70">
        <v>0</v>
      </c>
      <c r="DI19" s="71">
        <v>0</v>
      </c>
      <c r="DJ19" s="72">
        <v>0</v>
      </c>
      <c r="DK19" s="244"/>
      <c r="DL19" s="71">
        <v>0</v>
      </c>
      <c r="DM19" s="71">
        <v>0</v>
      </c>
      <c r="DN19" s="71">
        <v>0</v>
      </c>
      <c r="DO19" s="71">
        <v>0</v>
      </c>
      <c r="DP19" s="71">
        <v>0</v>
      </c>
      <c r="DQ19" s="72">
        <v>0</v>
      </c>
      <c r="DR19" s="73">
        <v>0</v>
      </c>
      <c r="DS19" s="70">
        <v>1</v>
      </c>
      <c r="DT19" s="71">
        <v>1</v>
      </c>
      <c r="DU19" s="72">
        <v>2</v>
      </c>
      <c r="DV19" s="244"/>
      <c r="DW19" s="71">
        <v>2</v>
      </c>
      <c r="DX19" s="71">
        <v>0</v>
      </c>
      <c r="DY19" s="71">
        <v>0</v>
      </c>
      <c r="DZ19" s="71">
        <v>0</v>
      </c>
      <c r="EA19" s="71">
        <v>0</v>
      </c>
      <c r="EB19" s="72">
        <v>2</v>
      </c>
      <c r="EC19" s="73">
        <v>4</v>
      </c>
      <c r="ED19" s="70">
        <v>1</v>
      </c>
      <c r="EE19" s="71">
        <v>0</v>
      </c>
      <c r="EF19" s="72">
        <v>1</v>
      </c>
      <c r="EG19" s="244"/>
      <c r="EH19" s="71">
        <v>0</v>
      </c>
      <c r="EI19" s="71">
        <v>1</v>
      </c>
      <c r="EJ19" s="71">
        <v>0</v>
      </c>
      <c r="EK19" s="71">
        <v>0</v>
      </c>
      <c r="EL19" s="71">
        <v>0</v>
      </c>
      <c r="EM19" s="72">
        <v>1</v>
      </c>
      <c r="EN19" s="73">
        <v>2</v>
      </c>
      <c r="EO19" s="70">
        <v>3</v>
      </c>
      <c r="EP19" s="71">
        <v>3</v>
      </c>
      <c r="EQ19" s="72">
        <v>6</v>
      </c>
      <c r="ER19" s="244"/>
      <c r="ES19" s="71">
        <v>2</v>
      </c>
      <c r="ET19" s="71">
        <v>4</v>
      </c>
      <c r="EU19" s="71">
        <v>0</v>
      </c>
      <c r="EV19" s="71">
        <v>1</v>
      </c>
      <c r="EW19" s="71">
        <v>0</v>
      </c>
      <c r="EX19" s="72">
        <v>7</v>
      </c>
      <c r="EY19" s="73">
        <v>13</v>
      </c>
      <c r="EZ19" s="70">
        <v>2</v>
      </c>
      <c r="FA19" s="71">
        <v>1</v>
      </c>
      <c r="FB19" s="72">
        <v>3</v>
      </c>
      <c r="FC19" s="244"/>
      <c r="FD19" s="71">
        <v>1</v>
      </c>
      <c r="FE19" s="71">
        <v>3</v>
      </c>
      <c r="FF19" s="71">
        <v>3</v>
      </c>
      <c r="FG19" s="71">
        <v>1</v>
      </c>
      <c r="FH19" s="71">
        <v>3</v>
      </c>
      <c r="FI19" s="72">
        <v>11</v>
      </c>
      <c r="FJ19" s="73">
        <v>14</v>
      </c>
      <c r="FK19" s="70">
        <v>0</v>
      </c>
      <c r="FL19" s="71">
        <v>2</v>
      </c>
      <c r="FM19" s="72">
        <v>2</v>
      </c>
      <c r="FN19" s="244"/>
      <c r="FO19" s="71">
        <v>7</v>
      </c>
      <c r="FP19" s="71">
        <v>8</v>
      </c>
      <c r="FQ19" s="71">
        <v>4</v>
      </c>
      <c r="FR19" s="71">
        <v>6</v>
      </c>
      <c r="FS19" s="71">
        <v>6</v>
      </c>
      <c r="FT19" s="72">
        <v>31</v>
      </c>
      <c r="FU19" s="73">
        <v>33</v>
      </c>
      <c r="FV19" s="70">
        <v>0</v>
      </c>
      <c r="FW19" s="71">
        <v>0</v>
      </c>
      <c r="FX19" s="72">
        <v>0</v>
      </c>
      <c r="FY19" s="244"/>
      <c r="FZ19" s="71">
        <v>0</v>
      </c>
      <c r="GA19" s="71">
        <v>0</v>
      </c>
      <c r="GB19" s="71">
        <v>0</v>
      </c>
      <c r="GC19" s="71">
        <v>0</v>
      </c>
      <c r="GD19" s="71">
        <v>0</v>
      </c>
      <c r="GE19" s="72">
        <v>0</v>
      </c>
      <c r="GF19" s="73">
        <v>0</v>
      </c>
      <c r="GG19" s="70">
        <v>7</v>
      </c>
      <c r="GH19" s="71">
        <v>7</v>
      </c>
      <c r="GI19" s="72">
        <v>14</v>
      </c>
      <c r="GJ19" s="244"/>
      <c r="GK19" s="71">
        <v>12</v>
      </c>
      <c r="GL19" s="71">
        <v>16</v>
      </c>
      <c r="GM19" s="71">
        <v>7</v>
      </c>
      <c r="GN19" s="71">
        <v>8</v>
      </c>
      <c r="GO19" s="71">
        <v>9</v>
      </c>
      <c r="GP19" s="72">
        <v>52</v>
      </c>
      <c r="GQ19" s="73">
        <v>66</v>
      </c>
      <c r="GR19" s="123">
        <v>42</v>
      </c>
      <c r="GS19" s="82">
        <v>38</v>
      </c>
      <c r="GT19" s="83">
        <v>80</v>
      </c>
      <c r="GU19" s="241"/>
      <c r="GV19" s="82">
        <v>89</v>
      </c>
      <c r="GW19" s="82">
        <v>105</v>
      </c>
      <c r="GX19" s="82">
        <v>70</v>
      </c>
      <c r="GY19" s="82">
        <v>53</v>
      </c>
      <c r="GZ19" s="82">
        <v>30</v>
      </c>
      <c r="HA19" s="84">
        <v>347</v>
      </c>
      <c r="HB19" s="85">
        <v>427</v>
      </c>
      <c r="HC19" s="70">
        <v>0</v>
      </c>
      <c r="HD19" s="71">
        <v>1</v>
      </c>
      <c r="HE19" s="72">
        <v>1</v>
      </c>
      <c r="HF19" s="244"/>
      <c r="HG19" s="71">
        <v>3</v>
      </c>
      <c r="HH19" s="71">
        <v>2</v>
      </c>
      <c r="HI19" s="71">
        <v>2</v>
      </c>
      <c r="HJ19" s="71">
        <v>2</v>
      </c>
      <c r="HK19" s="71">
        <v>1</v>
      </c>
      <c r="HL19" s="72">
        <v>10</v>
      </c>
      <c r="HM19" s="73">
        <v>11</v>
      </c>
      <c r="HN19" s="70">
        <v>6</v>
      </c>
      <c r="HO19" s="71">
        <v>4</v>
      </c>
      <c r="HP19" s="72">
        <v>10</v>
      </c>
      <c r="HQ19" s="244"/>
      <c r="HR19" s="71">
        <v>5</v>
      </c>
      <c r="HS19" s="71">
        <v>10</v>
      </c>
      <c r="HT19" s="71">
        <v>4</v>
      </c>
      <c r="HU19" s="71">
        <v>0</v>
      </c>
      <c r="HV19" s="71">
        <v>1</v>
      </c>
      <c r="HW19" s="72">
        <v>20</v>
      </c>
      <c r="HX19" s="73">
        <v>30</v>
      </c>
      <c r="HY19" s="70">
        <v>6</v>
      </c>
      <c r="HZ19" s="71">
        <v>2</v>
      </c>
      <c r="IA19" s="72">
        <v>8</v>
      </c>
      <c r="IB19" s="244"/>
      <c r="IC19" s="71">
        <v>7</v>
      </c>
      <c r="ID19" s="71">
        <v>7</v>
      </c>
      <c r="IE19" s="71">
        <v>7</v>
      </c>
      <c r="IF19" s="71">
        <v>6</v>
      </c>
      <c r="IG19" s="71">
        <v>1</v>
      </c>
      <c r="IH19" s="72">
        <v>28</v>
      </c>
      <c r="II19" s="73">
        <v>36</v>
      </c>
      <c r="IJ19" s="70">
        <v>9</v>
      </c>
      <c r="IK19" s="71">
        <v>7</v>
      </c>
      <c r="IL19" s="72">
        <v>16</v>
      </c>
      <c r="IM19" s="244"/>
      <c r="IN19" s="71">
        <v>20</v>
      </c>
      <c r="IO19" s="71">
        <v>26</v>
      </c>
      <c r="IP19" s="71">
        <v>9</v>
      </c>
      <c r="IQ19" s="71">
        <v>7</v>
      </c>
      <c r="IR19" s="71">
        <v>5</v>
      </c>
      <c r="IS19" s="72">
        <v>67</v>
      </c>
      <c r="IT19" s="73">
        <v>83</v>
      </c>
      <c r="IU19" s="70">
        <v>12</v>
      </c>
      <c r="IV19" s="71">
        <v>11</v>
      </c>
      <c r="IW19" s="72">
        <v>23</v>
      </c>
      <c r="IX19" s="244"/>
      <c r="IY19" s="71">
        <v>25</v>
      </c>
      <c r="IZ19" s="71">
        <v>28</v>
      </c>
      <c r="JA19" s="71">
        <v>21</v>
      </c>
      <c r="JB19" s="71">
        <v>14</v>
      </c>
      <c r="JC19" s="71">
        <v>11</v>
      </c>
      <c r="JD19" s="72">
        <v>99</v>
      </c>
      <c r="JE19" s="73">
        <v>122</v>
      </c>
      <c r="JF19" s="70">
        <v>9</v>
      </c>
      <c r="JG19" s="71">
        <v>13</v>
      </c>
      <c r="JH19" s="72">
        <v>22</v>
      </c>
      <c r="JI19" s="244"/>
      <c r="JJ19" s="71">
        <v>29</v>
      </c>
      <c r="JK19" s="71">
        <v>32</v>
      </c>
      <c r="JL19" s="71">
        <v>27</v>
      </c>
      <c r="JM19" s="71">
        <v>24</v>
      </c>
      <c r="JN19" s="71">
        <v>11</v>
      </c>
      <c r="JO19" s="72">
        <v>123</v>
      </c>
      <c r="JP19" s="73">
        <v>145</v>
      </c>
      <c r="JQ19" s="70">
        <v>0</v>
      </c>
      <c r="JR19" s="71">
        <v>0</v>
      </c>
      <c r="JS19" s="72">
        <v>0</v>
      </c>
      <c r="JT19" s="244"/>
      <c r="JU19" s="71">
        <v>0</v>
      </c>
      <c r="JV19" s="71">
        <v>0</v>
      </c>
      <c r="JW19" s="71">
        <v>0</v>
      </c>
      <c r="JX19" s="71">
        <v>0</v>
      </c>
      <c r="JY19" s="71">
        <v>0</v>
      </c>
      <c r="JZ19" s="72">
        <v>0</v>
      </c>
      <c r="KA19" s="73">
        <v>0</v>
      </c>
      <c r="KB19" s="70">
        <v>42</v>
      </c>
      <c r="KC19" s="71">
        <v>38</v>
      </c>
      <c r="KD19" s="72">
        <v>80</v>
      </c>
      <c r="KE19" s="244"/>
      <c r="KF19" s="71">
        <v>89</v>
      </c>
      <c r="KG19" s="71">
        <v>105</v>
      </c>
      <c r="KH19" s="71">
        <v>70</v>
      </c>
      <c r="KI19" s="71">
        <v>53</v>
      </c>
      <c r="KJ19" s="71">
        <v>30</v>
      </c>
      <c r="KK19" s="72">
        <v>347</v>
      </c>
      <c r="KL19" s="73">
        <v>427</v>
      </c>
    </row>
    <row r="20" spans="1:298" ht="19.5" customHeight="1" x14ac:dyDescent="0.2">
      <c r="A20" s="126" t="s">
        <v>17</v>
      </c>
      <c r="B20" s="316">
        <v>55</v>
      </c>
      <c r="C20" s="82">
        <v>54</v>
      </c>
      <c r="D20" s="83">
        <v>109</v>
      </c>
      <c r="E20" s="241"/>
      <c r="F20" s="82">
        <v>96</v>
      </c>
      <c r="G20" s="82">
        <v>95</v>
      </c>
      <c r="H20" s="82">
        <v>66</v>
      </c>
      <c r="I20" s="82">
        <v>52</v>
      </c>
      <c r="J20" s="82">
        <v>33</v>
      </c>
      <c r="K20" s="84">
        <v>342</v>
      </c>
      <c r="L20" s="85">
        <v>451</v>
      </c>
      <c r="M20" s="70">
        <v>0</v>
      </c>
      <c r="N20" s="71">
        <v>0</v>
      </c>
      <c r="O20" s="72">
        <v>0</v>
      </c>
      <c r="P20" s="244"/>
      <c r="Q20" s="71">
        <v>0</v>
      </c>
      <c r="R20" s="71">
        <v>4</v>
      </c>
      <c r="S20" s="71">
        <v>3</v>
      </c>
      <c r="T20" s="71">
        <v>0</v>
      </c>
      <c r="U20" s="71">
        <v>3</v>
      </c>
      <c r="V20" s="72">
        <v>10</v>
      </c>
      <c r="W20" s="73">
        <v>10</v>
      </c>
      <c r="X20" s="70">
        <v>2</v>
      </c>
      <c r="Y20" s="71">
        <v>4</v>
      </c>
      <c r="Z20" s="72">
        <v>6</v>
      </c>
      <c r="AA20" s="244"/>
      <c r="AB20" s="71">
        <v>1</v>
      </c>
      <c r="AC20" s="71">
        <v>11</v>
      </c>
      <c r="AD20" s="71">
        <v>3</v>
      </c>
      <c r="AE20" s="71">
        <v>3</v>
      </c>
      <c r="AF20" s="71">
        <v>1</v>
      </c>
      <c r="AG20" s="72">
        <v>19</v>
      </c>
      <c r="AH20" s="73">
        <v>25</v>
      </c>
      <c r="AI20" s="70">
        <v>10</v>
      </c>
      <c r="AJ20" s="71">
        <v>4</v>
      </c>
      <c r="AK20" s="72">
        <v>14</v>
      </c>
      <c r="AL20" s="244"/>
      <c r="AM20" s="71">
        <v>10</v>
      </c>
      <c r="AN20" s="71">
        <v>9</v>
      </c>
      <c r="AO20" s="71">
        <v>3</v>
      </c>
      <c r="AP20" s="71">
        <v>5</v>
      </c>
      <c r="AQ20" s="71">
        <v>1</v>
      </c>
      <c r="AR20" s="72">
        <v>28</v>
      </c>
      <c r="AS20" s="73">
        <v>42</v>
      </c>
      <c r="AT20" s="70">
        <v>10</v>
      </c>
      <c r="AU20" s="71">
        <v>11</v>
      </c>
      <c r="AV20" s="72">
        <v>21</v>
      </c>
      <c r="AW20" s="244"/>
      <c r="AX20" s="71">
        <v>28</v>
      </c>
      <c r="AY20" s="71">
        <v>20</v>
      </c>
      <c r="AZ20" s="71">
        <v>12</v>
      </c>
      <c r="BA20" s="71">
        <v>12</v>
      </c>
      <c r="BB20" s="71">
        <v>9</v>
      </c>
      <c r="BC20" s="72">
        <v>81</v>
      </c>
      <c r="BD20" s="73">
        <v>102</v>
      </c>
      <c r="BE20" s="70">
        <v>25</v>
      </c>
      <c r="BF20" s="71">
        <v>15</v>
      </c>
      <c r="BG20" s="72">
        <v>40</v>
      </c>
      <c r="BH20" s="244"/>
      <c r="BI20" s="71">
        <v>29</v>
      </c>
      <c r="BJ20" s="71">
        <v>28</v>
      </c>
      <c r="BK20" s="71">
        <v>22</v>
      </c>
      <c r="BL20" s="71">
        <v>18</v>
      </c>
      <c r="BM20" s="71">
        <v>12</v>
      </c>
      <c r="BN20" s="72">
        <v>109</v>
      </c>
      <c r="BO20" s="73">
        <v>149</v>
      </c>
      <c r="BP20" s="70">
        <v>8</v>
      </c>
      <c r="BQ20" s="71">
        <v>20</v>
      </c>
      <c r="BR20" s="72">
        <v>28</v>
      </c>
      <c r="BS20" s="244"/>
      <c r="BT20" s="71">
        <v>28</v>
      </c>
      <c r="BU20" s="71">
        <v>23</v>
      </c>
      <c r="BV20" s="71">
        <v>23</v>
      </c>
      <c r="BW20" s="71">
        <v>14</v>
      </c>
      <c r="BX20" s="71">
        <v>7</v>
      </c>
      <c r="BY20" s="72">
        <v>95</v>
      </c>
      <c r="BZ20" s="73">
        <v>123</v>
      </c>
      <c r="CA20" s="70">
        <v>0</v>
      </c>
      <c r="CB20" s="71">
        <v>0</v>
      </c>
      <c r="CC20" s="72">
        <v>0</v>
      </c>
      <c r="CD20" s="244"/>
      <c r="CE20" s="71">
        <v>0</v>
      </c>
      <c r="CF20" s="71">
        <v>0</v>
      </c>
      <c r="CG20" s="71">
        <v>0</v>
      </c>
      <c r="CH20" s="71">
        <v>0</v>
      </c>
      <c r="CI20" s="71">
        <v>0</v>
      </c>
      <c r="CJ20" s="72">
        <v>0</v>
      </c>
      <c r="CK20" s="73">
        <v>0</v>
      </c>
      <c r="CL20" s="70">
        <v>55</v>
      </c>
      <c r="CM20" s="71">
        <v>54</v>
      </c>
      <c r="CN20" s="72">
        <v>109</v>
      </c>
      <c r="CO20" s="244"/>
      <c r="CP20" s="71">
        <v>96</v>
      </c>
      <c r="CQ20" s="71">
        <v>95</v>
      </c>
      <c r="CR20" s="71">
        <v>66</v>
      </c>
      <c r="CS20" s="71">
        <v>52</v>
      </c>
      <c r="CT20" s="71">
        <v>33</v>
      </c>
      <c r="CU20" s="72">
        <v>342</v>
      </c>
      <c r="CV20" s="73">
        <v>451</v>
      </c>
      <c r="CW20" s="123">
        <v>6</v>
      </c>
      <c r="CX20" s="82">
        <v>13</v>
      </c>
      <c r="CY20" s="83">
        <v>19</v>
      </c>
      <c r="CZ20" s="241"/>
      <c r="DA20" s="82">
        <v>9</v>
      </c>
      <c r="DB20" s="82">
        <v>19</v>
      </c>
      <c r="DC20" s="82">
        <v>14</v>
      </c>
      <c r="DD20" s="82">
        <v>8</v>
      </c>
      <c r="DE20" s="82">
        <v>5</v>
      </c>
      <c r="DF20" s="84">
        <v>55</v>
      </c>
      <c r="DG20" s="85">
        <v>74</v>
      </c>
      <c r="DH20" s="70">
        <v>0</v>
      </c>
      <c r="DI20" s="71">
        <v>1</v>
      </c>
      <c r="DJ20" s="72">
        <v>1</v>
      </c>
      <c r="DK20" s="244"/>
      <c r="DL20" s="71">
        <v>0</v>
      </c>
      <c r="DM20" s="71">
        <v>1</v>
      </c>
      <c r="DN20" s="71">
        <v>1</v>
      </c>
      <c r="DO20" s="71">
        <v>0</v>
      </c>
      <c r="DP20" s="71">
        <v>0</v>
      </c>
      <c r="DQ20" s="72">
        <v>2</v>
      </c>
      <c r="DR20" s="73">
        <v>3</v>
      </c>
      <c r="DS20" s="70">
        <v>1</v>
      </c>
      <c r="DT20" s="71">
        <v>2</v>
      </c>
      <c r="DU20" s="72">
        <v>3</v>
      </c>
      <c r="DV20" s="244"/>
      <c r="DW20" s="71">
        <v>0</v>
      </c>
      <c r="DX20" s="71">
        <v>2</v>
      </c>
      <c r="DY20" s="71">
        <v>0</v>
      </c>
      <c r="DZ20" s="71">
        <v>1</v>
      </c>
      <c r="EA20" s="71">
        <v>1</v>
      </c>
      <c r="EB20" s="72">
        <v>4</v>
      </c>
      <c r="EC20" s="73">
        <v>7</v>
      </c>
      <c r="ED20" s="70">
        <v>0</v>
      </c>
      <c r="EE20" s="71">
        <v>1</v>
      </c>
      <c r="EF20" s="72">
        <v>1</v>
      </c>
      <c r="EG20" s="244"/>
      <c r="EH20" s="71">
        <v>1</v>
      </c>
      <c r="EI20" s="71">
        <v>1</v>
      </c>
      <c r="EJ20" s="71">
        <v>0</v>
      </c>
      <c r="EK20" s="71">
        <v>0</v>
      </c>
      <c r="EL20" s="71">
        <v>0</v>
      </c>
      <c r="EM20" s="72">
        <v>2</v>
      </c>
      <c r="EN20" s="73">
        <v>3</v>
      </c>
      <c r="EO20" s="70">
        <v>4</v>
      </c>
      <c r="EP20" s="71">
        <v>3</v>
      </c>
      <c r="EQ20" s="72">
        <v>7</v>
      </c>
      <c r="ER20" s="244"/>
      <c r="ES20" s="71">
        <v>4</v>
      </c>
      <c r="ET20" s="71">
        <v>2</v>
      </c>
      <c r="EU20" s="71">
        <v>3</v>
      </c>
      <c r="EV20" s="71">
        <v>1</v>
      </c>
      <c r="EW20" s="71">
        <v>2</v>
      </c>
      <c r="EX20" s="72">
        <v>12</v>
      </c>
      <c r="EY20" s="73">
        <v>19</v>
      </c>
      <c r="EZ20" s="70">
        <v>1</v>
      </c>
      <c r="FA20" s="71">
        <v>3</v>
      </c>
      <c r="FB20" s="72">
        <v>4</v>
      </c>
      <c r="FC20" s="244"/>
      <c r="FD20" s="71">
        <v>2</v>
      </c>
      <c r="FE20" s="71">
        <v>5</v>
      </c>
      <c r="FF20" s="71">
        <v>3</v>
      </c>
      <c r="FG20" s="71">
        <v>1</v>
      </c>
      <c r="FH20" s="71">
        <v>0</v>
      </c>
      <c r="FI20" s="72">
        <v>11</v>
      </c>
      <c r="FJ20" s="73">
        <v>15</v>
      </c>
      <c r="FK20" s="70">
        <v>0</v>
      </c>
      <c r="FL20" s="71">
        <v>3</v>
      </c>
      <c r="FM20" s="72">
        <v>3</v>
      </c>
      <c r="FN20" s="244"/>
      <c r="FO20" s="71">
        <v>2</v>
      </c>
      <c r="FP20" s="71">
        <v>8</v>
      </c>
      <c r="FQ20" s="71">
        <v>7</v>
      </c>
      <c r="FR20" s="71">
        <v>5</v>
      </c>
      <c r="FS20" s="71">
        <v>2</v>
      </c>
      <c r="FT20" s="72">
        <v>24</v>
      </c>
      <c r="FU20" s="73">
        <v>27</v>
      </c>
      <c r="FV20" s="70">
        <v>0</v>
      </c>
      <c r="FW20" s="71">
        <v>0</v>
      </c>
      <c r="FX20" s="72">
        <v>0</v>
      </c>
      <c r="FY20" s="244"/>
      <c r="FZ20" s="71">
        <v>0</v>
      </c>
      <c r="GA20" s="71">
        <v>0</v>
      </c>
      <c r="GB20" s="71">
        <v>0</v>
      </c>
      <c r="GC20" s="71">
        <v>0</v>
      </c>
      <c r="GD20" s="71">
        <v>0</v>
      </c>
      <c r="GE20" s="72">
        <v>0</v>
      </c>
      <c r="GF20" s="73">
        <v>0</v>
      </c>
      <c r="GG20" s="70">
        <v>6</v>
      </c>
      <c r="GH20" s="71">
        <v>13</v>
      </c>
      <c r="GI20" s="72">
        <v>19</v>
      </c>
      <c r="GJ20" s="244"/>
      <c r="GK20" s="71">
        <v>9</v>
      </c>
      <c r="GL20" s="71">
        <v>19</v>
      </c>
      <c r="GM20" s="71">
        <v>14</v>
      </c>
      <c r="GN20" s="71">
        <v>8</v>
      </c>
      <c r="GO20" s="71">
        <v>5</v>
      </c>
      <c r="GP20" s="72">
        <v>55</v>
      </c>
      <c r="GQ20" s="73">
        <v>74</v>
      </c>
      <c r="GR20" s="123">
        <v>61</v>
      </c>
      <c r="GS20" s="82">
        <v>67</v>
      </c>
      <c r="GT20" s="83">
        <v>128</v>
      </c>
      <c r="GU20" s="241"/>
      <c r="GV20" s="82">
        <v>105</v>
      </c>
      <c r="GW20" s="82">
        <v>114</v>
      </c>
      <c r="GX20" s="82">
        <v>80</v>
      </c>
      <c r="GY20" s="82">
        <v>60</v>
      </c>
      <c r="GZ20" s="82">
        <v>38</v>
      </c>
      <c r="HA20" s="84">
        <v>397</v>
      </c>
      <c r="HB20" s="85">
        <v>525</v>
      </c>
      <c r="HC20" s="70">
        <v>0</v>
      </c>
      <c r="HD20" s="71">
        <v>1</v>
      </c>
      <c r="HE20" s="72">
        <v>1</v>
      </c>
      <c r="HF20" s="244"/>
      <c r="HG20" s="71">
        <v>0</v>
      </c>
      <c r="HH20" s="71">
        <v>5</v>
      </c>
      <c r="HI20" s="71">
        <v>4</v>
      </c>
      <c r="HJ20" s="71">
        <v>0</v>
      </c>
      <c r="HK20" s="71">
        <v>3</v>
      </c>
      <c r="HL20" s="72">
        <v>12</v>
      </c>
      <c r="HM20" s="73">
        <v>13</v>
      </c>
      <c r="HN20" s="70">
        <v>3</v>
      </c>
      <c r="HO20" s="71">
        <v>6</v>
      </c>
      <c r="HP20" s="72">
        <v>9</v>
      </c>
      <c r="HQ20" s="244"/>
      <c r="HR20" s="71">
        <v>1</v>
      </c>
      <c r="HS20" s="71">
        <v>13</v>
      </c>
      <c r="HT20" s="71">
        <v>3</v>
      </c>
      <c r="HU20" s="71">
        <v>4</v>
      </c>
      <c r="HV20" s="71">
        <v>2</v>
      </c>
      <c r="HW20" s="72">
        <v>23</v>
      </c>
      <c r="HX20" s="73">
        <v>32</v>
      </c>
      <c r="HY20" s="70">
        <v>10</v>
      </c>
      <c r="HZ20" s="71">
        <v>5</v>
      </c>
      <c r="IA20" s="72">
        <v>15</v>
      </c>
      <c r="IB20" s="244"/>
      <c r="IC20" s="71">
        <v>11</v>
      </c>
      <c r="ID20" s="71">
        <v>10</v>
      </c>
      <c r="IE20" s="71">
        <v>3</v>
      </c>
      <c r="IF20" s="71">
        <v>5</v>
      </c>
      <c r="IG20" s="71">
        <v>1</v>
      </c>
      <c r="IH20" s="72">
        <v>30</v>
      </c>
      <c r="II20" s="73">
        <v>45</v>
      </c>
      <c r="IJ20" s="70">
        <v>14</v>
      </c>
      <c r="IK20" s="71">
        <v>14</v>
      </c>
      <c r="IL20" s="72">
        <v>28</v>
      </c>
      <c r="IM20" s="244"/>
      <c r="IN20" s="71">
        <v>32</v>
      </c>
      <c r="IO20" s="71">
        <v>22</v>
      </c>
      <c r="IP20" s="71">
        <v>15</v>
      </c>
      <c r="IQ20" s="71">
        <v>13</v>
      </c>
      <c r="IR20" s="71">
        <v>11</v>
      </c>
      <c r="IS20" s="72">
        <v>93</v>
      </c>
      <c r="IT20" s="73">
        <v>121</v>
      </c>
      <c r="IU20" s="70">
        <v>26</v>
      </c>
      <c r="IV20" s="71">
        <v>18</v>
      </c>
      <c r="IW20" s="72">
        <v>44</v>
      </c>
      <c r="IX20" s="244"/>
      <c r="IY20" s="71">
        <v>31</v>
      </c>
      <c r="IZ20" s="71">
        <v>33</v>
      </c>
      <c r="JA20" s="71">
        <v>25</v>
      </c>
      <c r="JB20" s="71">
        <v>19</v>
      </c>
      <c r="JC20" s="71">
        <v>12</v>
      </c>
      <c r="JD20" s="72">
        <v>120</v>
      </c>
      <c r="JE20" s="73">
        <v>164</v>
      </c>
      <c r="JF20" s="70">
        <v>8</v>
      </c>
      <c r="JG20" s="71">
        <v>23</v>
      </c>
      <c r="JH20" s="72">
        <v>31</v>
      </c>
      <c r="JI20" s="244"/>
      <c r="JJ20" s="71">
        <v>30</v>
      </c>
      <c r="JK20" s="71">
        <v>31</v>
      </c>
      <c r="JL20" s="71">
        <v>30</v>
      </c>
      <c r="JM20" s="71">
        <v>19</v>
      </c>
      <c r="JN20" s="71">
        <v>9</v>
      </c>
      <c r="JO20" s="72">
        <v>119</v>
      </c>
      <c r="JP20" s="73">
        <v>150</v>
      </c>
      <c r="JQ20" s="70">
        <v>0</v>
      </c>
      <c r="JR20" s="71">
        <v>0</v>
      </c>
      <c r="JS20" s="72">
        <v>0</v>
      </c>
      <c r="JT20" s="244"/>
      <c r="JU20" s="71">
        <v>0</v>
      </c>
      <c r="JV20" s="71">
        <v>0</v>
      </c>
      <c r="JW20" s="71">
        <v>0</v>
      </c>
      <c r="JX20" s="71">
        <v>0</v>
      </c>
      <c r="JY20" s="71">
        <v>0</v>
      </c>
      <c r="JZ20" s="72">
        <v>0</v>
      </c>
      <c r="KA20" s="73">
        <v>0</v>
      </c>
      <c r="KB20" s="70">
        <v>61</v>
      </c>
      <c r="KC20" s="71">
        <v>67</v>
      </c>
      <c r="KD20" s="72">
        <v>128</v>
      </c>
      <c r="KE20" s="244"/>
      <c r="KF20" s="71">
        <v>105</v>
      </c>
      <c r="KG20" s="71">
        <v>114</v>
      </c>
      <c r="KH20" s="71">
        <v>80</v>
      </c>
      <c r="KI20" s="71">
        <v>60</v>
      </c>
      <c r="KJ20" s="71">
        <v>38</v>
      </c>
      <c r="KK20" s="72">
        <v>397</v>
      </c>
      <c r="KL20" s="73">
        <v>525</v>
      </c>
    </row>
    <row r="21" spans="1:298" ht="19.5" customHeight="1" x14ac:dyDescent="0.2">
      <c r="A21" s="126" t="s">
        <v>18</v>
      </c>
      <c r="B21" s="316">
        <v>79</v>
      </c>
      <c r="C21" s="82">
        <v>84</v>
      </c>
      <c r="D21" s="83">
        <v>163</v>
      </c>
      <c r="E21" s="241"/>
      <c r="F21" s="82">
        <v>157</v>
      </c>
      <c r="G21" s="82">
        <v>119</v>
      </c>
      <c r="H21" s="82">
        <v>76</v>
      </c>
      <c r="I21" s="82">
        <v>72</v>
      </c>
      <c r="J21" s="82">
        <v>33</v>
      </c>
      <c r="K21" s="84">
        <v>457</v>
      </c>
      <c r="L21" s="85">
        <v>620</v>
      </c>
      <c r="M21" s="70">
        <v>0</v>
      </c>
      <c r="N21" s="71">
        <v>3</v>
      </c>
      <c r="O21" s="72">
        <v>3</v>
      </c>
      <c r="P21" s="244"/>
      <c r="Q21" s="71">
        <v>3</v>
      </c>
      <c r="R21" s="71">
        <v>4</v>
      </c>
      <c r="S21" s="71">
        <v>1</v>
      </c>
      <c r="T21" s="71">
        <v>3</v>
      </c>
      <c r="U21" s="71">
        <v>0</v>
      </c>
      <c r="V21" s="72">
        <v>11</v>
      </c>
      <c r="W21" s="73">
        <v>14</v>
      </c>
      <c r="X21" s="70">
        <v>2</v>
      </c>
      <c r="Y21" s="71">
        <v>5</v>
      </c>
      <c r="Z21" s="72">
        <v>7</v>
      </c>
      <c r="AA21" s="244"/>
      <c r="AB21" s="71">
        <v>7</v>
      </c>
      <c r="AC21" s="71">
        <v>3</v>
      </c>
      <c r="AD21" s="71">
        <v>6</v>
      </c>
      <c r="AE21" s="71">
        <v>5</v>
      </c>
      <c r="AF21" s="71">
        <v>1</v>
      </c>
      <c r="AG21" s="72">
        <v>22</v>
      </c>
      <c r="AH21" s="73">
        <v>29</v>
      </c>
      <c r="AI21" s="70">
        <v>5</v>
      </c>
      <c r="AJ21" s="71">
        <v>7</v>
      </c>
      <c r="AK21" s="72">
        <v>12</v>
      </c>
      <c r="AL21" s="244"/>
      <c r="AM21" s="71">
        <v>17</v>
      </c>
      <c r="AN21" s="71">
        <v>8</v>
      </c>
      <c r="AO21" s="71">
        <v>6</v>
      </c>
      <c r="AP21" s="71">
        <v>6</v>
      </c>
      <c r="AQ21" s="71">
        <v>5</v>
      </c>
      <c r="AR21" s="72">
        <v>42</v>
      </c>
      <c r="AS21" s="73">
        <v>54</v>
      </c>
      <c r="AT21" s="70">
        <v>25</v>
      </c>
      <c r="AU21" s="71">
        <v>15</v>
      </c>
      <c r="AV21" s="72">
        <v>40</v>
      </c>
      <c r="AW21" s="244"/>
      <c r="AX21" s="71">
        <v>28</v>
      </c>
      <c r="AY21" s="71">
        <v>24</v>
      </c>
      <c r="AZ21" s="71">
        <v>15</v>
      </c>
      <c r="BA21" s="71">
        <v>10</v>
      </c>
      <c r="BB21" s="71">
        <v>12</v>
      </c>
      <c r="BC21" s="72">
        <v>89</v>
      </c>
      <c r="BD21" s="73">
        <v>129</v>
      </c>
      <c r="BE21" s="70">
        <v>22</v>
      </c>
      <c r="BF21" s="71">
        <v>28</v>
      </c>
      <c r="BG21" s="72">
        <v>50</v>
      </c>
      <c r="BH21" s="244"/>
      <c r="BI21" s="71">
        <v>55</v>
      </c>
      <c r="BJ21" s="71">
        <v>40</v>
      </c>
      <c r="BK21" s="71">
        <v>23</v>
      </c>
      <c r="BL21" s="71">
        <v>29</v>
      </c>
      <c r="BM21" s="71">
        <v>6</v>
      </c>
      <c r="BN21" s="72">
        <v>153</v>
      </c>
      <c r="BO21" s="73">
        <v>203</v>
      </c>
      <c r="BP21" s="70">
        <v>25</v>
      </c>
      <c r="BQ21" s="71">
        <v>26</v>
      </c>
      <c r="BR21" s="72">
        <v>51</v>
      </c>
      <c r="BS21" s="244"/>
      <c r="BT21" s="71">
        <v>47</v>
      </c>
      <c r="BU21" s="71">
        <v>40</v>
      </c>
      <c r="BV21" s="71">
        <v>25</v>
      </c>
      <c r="BW21" s="71">
        <v>19</v>
      </c>
      <c r="BX21" s="71">
        <v>9</v>
      </c>
      <c r="BY21" s="72">
        <v>140</v>
      </c>
      <c r="BZ21" s="73">
        <v>191</v>
      </c>
      <c r="CA21" s="70">
        <v>0</v>
      </c>
      <c r="CB21" s="71">
        <v>0</v>
      </c>
      <c r="CC21" s="72">
        <v>0</v>
      </c>
      <c r="CD21" s="244"/>
      <c r="CE21" s="71">
        <v>0</v>
      </c>
      <c r="CF21" s="71">
        <v>0</v>
      </c>
      <c r="CG21" s="71">
        <v>0</v>
      </c>
      <c r="CH21" s="71">
        <v>0</v>
      </c>
      <c r="CI21" s="71">
        <v>0</v>
      </c>
      <c r="CJ21" s="72">
        <v>0</v>
      </c>
      <c r="CK21" s="73">
        <v>0</v>
      </c>
      <c r="CL21" s="70">
        <v>79</v>
      </c>
      <c r="CM21" s="71">
        <v>84</v>
      </c>
      <c r="CN21" s="72">
        <v>163</v>
      </c>
      <c r="CO21" s="244"/>
      <c r="CP21" s="71">
        <v>157</v>
      </c>
      <c r="CQ21" s="71">
        <v>119</v>
      </c>
      <c r="CR21" s="71">
        <v>76</v>
      </c>
      <c r="CS21" s="71">
        <v>72</v>
      </c>
      <c r="CT21" s="71">
        <v>33</v>
      </c>
      <c r="CU21" s="72">
        <v>457</v>
      </c>
      <c r="CV21" s="73">
        <v>620</v>
      </c>
      <c r="CW21" s="123">
        <v>10</v>
      </c>
      <c r="CX21" s="82">
        <v>14</v>
      </c>
      <c r="CY21" s="83">
        <v>24</v>
      </c>
      <c r="CZ21" s="241"/>
      <c r="DA21" s="82">
        <v>13</v>
      </c>
      <c r="DB21" s="82">
        <v>17</v>
      </c>
      <c r="DC21" s="82">
        <v>13</v>
      </c>
      <c r="DD21" s="82">
        <v>5</v>
      </c>
      <c r="DE21" s="82">
        <v>7</v>
      </c>
      <c r="DF21" s="84">
        <v>55</v>
      </c>
      <c r="DG21" s="85">
        <v>79</v>
      </c>
      <c r="DH21" s="70">
        <v>0</v>
      </c>
      <c r="DI21" s="71">
        <v>0</v>
      </c>
      <c r="DJ21" s="72">
        <v>0</v>
      </c>
      <c r="DK21" s="244"/>
      <c r="DL21" s="71">
        <v>0</v>
      </c>
      <c r="DM21" s="71">
        <v>0</v>
      </c>
      <c r="DN21" s="71">
        <v>1</v>
      </c>
      <c r="DO21" s="71">
        <v>0</v>
      </c>
      <c r="DP21" s="71">
        <v>1</v>
      </c>
      <c r="DQ21" s="72">
        <v>2</v>
      </c>
      <c r="DR21" s="73">
        <v>2</v>
      </c>
      <c r="DS21" s="70">
        <v>0</v>
      </c>
      <c r="DT21" s="71">
        <v>3</v>
      </c>
      <c r="DU21" s="72">
        <v>3</v>
      </c>
      <c r="DV21" s="244"/>
      <c r="DW21" s="71">
        <v>2</v>
      </c>
      <c r="DX21" s="71">
        <v>1</v>
      </c>
      <c r="DY21" s="71">
        <v>1</v>
      </c>
      <c r="DZ21" s="71">
        <v>1</v>
      </c>
      <c r="EA21" s="71">
        <v>0</v>
      </c>
      <c r="EB21" s="72">
        <v>5</v>
      </c>
      <c r="EC21" s="73">
        <v>8</v>
      </c>
      <c r="ED21" s="70">
        <v>0</v>
      </c>
      <c r="EE21" s="71">
        <v>4</v>
      </c>
      <c r="EF21" s="72">
        <v>4</v>
      </c>
      <c r="EG21" s="244"/>
      <c r="EH21" s="71">
        <v>0</v>
      </c>
      <c r="EI21" s="71">
        <v>2</v>
      </c>
      <c r="EJ21" s="71">
        <v>2</v>
      </c>
      <c r="EK21" s="71">
        <v>1</v>
      </c>
      <c r="EL21" s="71">
        <v>0</v>
      </c>
      <c r="EM21" s="72">
        <v>5</v>
      </c>
      <c r="EN21" s="73">
        <v>9</v>
      </c>
      <c r="EO21" s="70">
        <v>5</v>
      </c>
      <c r="EP21" s="71">
        <v>5</v>
      </c>
      <c r="EQ21" s="72">
        <v>10</v>
      </c>
      <c r="ER21" s="244"/>
      <c r="ES21" s="71">
        <v>2</v>
      </c>
      <c r="ET21" s="71">
        <v>2</v>
      </c>
      <c r="EU21" s="71">
        <v>2</v>
      </c>
      <c r="EV21" s="71">
        <v>0</v>
      </c>
      <c r="EW21" s="71">
        <v>2</v>
      </c>
      <c r="EX21" s="72">
        <v>8</v>
      </c>
      <c r="EY21" s="73">
        <v>18</v>
      </c>
      <c r="EZ21" s="70">
        <v>4</v>
      </c>
      <c r="FA21" s="71">
        <v>2</v>
      </c>
      <c r="FB21" s="72">
        <v>6</v>
      </c>
      <c r="FC21" s="244"/>
      <c r="FD21" s="71">
        <v>5</v>
      </c>
      <c r="FE21" s="71">
        <v>8</v>
      </c>
      <c r="FF21" s="71">
        <v>2</v>
      </c>
      <c r="FG21" s="71">
        <v>2</v>
      </c>
      <c r="FH21" s="71">
        <v>3</v>
      </c>
      <c r="FI21" s="72">
        <v>20</v>
      </c>
      <c r="FJ21" s="73">
        <v>26</v>
      </c>
      <c r="FK21" s="70">
        <v>1</v>
      </c>
      <c r="FL21" s="71">
        <v>0</v>
      </c>
      <c r="FM21" s="72">
        <v>1</v>
      </c>
      <c r="FN21" s="244"/>
      <c r="FO21" s="71">
        <v>4</v>
      </c>
      <c r="FP21" s="71">
        <v>4</v>
      </c>
      <c r="FQ21" s="71">
        <v>5</v>
      </c>
      <c r="FR21" s="71">
        <v>1</v>
      </c>
      <c r="FS21" s="71">
        <v>1</v>
      </c>
      <c r="FT21" s="72">
        <v>15</v>
      </c>
      <c r="FU21" s="73">
        <v>16</v>
      </c>
      <c r="FV21" s="70">
        <v>0</v>
      </c>
      <c r="FW21" s="71">
        <v>0</v>
      </c>
      <c r="FX21" s="72">
        <v>0</v>
      </c>
      <c r="FY21" s="244"/>
      <c r="FZ21" s="71">
        <v>0</v>
      </c>
      <c r="GA21" s="71">
        <v>0</v>
      </c>
      <c r="GB21" s="71">
        <v>0</v>
      </c>
      <c r="GC21" s="71">
        <v>0</v>
      </c>
      <c r="GD21" s="71">
        <v>0</v>
      </c>
      <c r="GE21" s="72">
        <v>0</v>
      </c>
      <c r="GF21" s="73">
        <v>0</v>
      </c>
      <c r="GG21" s="70">
        <v>10</v>
      </c>
      <c r="GH21" s="71">
        <v>14</v>
      </c>
      <c r="GI21" s="72">
        <v>24</v>
      </c>
      <c r="GJ21" s="244"/>
      <c r="GK21" s="71">
        <v>13</v>
      </c>
      <c r="GL21" s="71">
        <v>17</v>
      </c>
      <c r="GM21" s="71">
        <v>13</v>
      </c>
      <c r="GN21" s="71">
        <v>5</v>
      </c>
      <c r="GO21" s="71">
        <v>7</v>
      </c>
      <c r="GP21" s="72">
        <v>55</v>
      </c>
      <c r="GQ21" s="73">
        <v>79</v>
      </c>
      <c r="GR21" s="123">
        <v>89</v>
      </c>
      <c r="GS21" s="82">
        <v>98</v>
      </c>
      <c r="GT21" s="83">
        <v>187</v>
      </c>
      <c r="GU21" s="241"/>
      <c r="GV21" s="82">
        <v>170</v>
      </c>
      <c r="GW21" s="82">
        <v>136</v>
      </c>
      <c r="GX21" s="82">
        <v>89</v>
      </c>
      <c r="GY21" s="82">
        <v>77</v>
      </c>
      <c r="GZ21" s="82">
        <v>40</v>
      </c>
      <c r="HA21" s="84">
        <v>512</v>
      </c>
      <c r="HB21" s="85">
        <v>699</v>
      </c>
      <c r="HC21" s="70">
        <v>0</v>
      </c>
      <c r="HD21" s="71">
        <v>3</v>
      </c>
      <c r="HE21" s="72">
        <v>3</v>
      </c>
      <c r="HF21" s="244"/>
      <c r="HG21" s="71">
        <v>3</v>
      </c>
      <c r="HH21" s="71">
        <v>4</v>
      </c>
      <c r="HI21" s="71">
        <v>2</v>
      </c>
      <c r="HJ21" s="71">
        <v>3</v>
      </c>
      <c r="HK21" s="71">
        <v>1</v>
      </c>
      <c r="HL21" s="72">
        <v>13</v>
      </c>
      <c r="HM21" s="73">
        <v>16</v>
      </c>
      <c r="HN21" s="70">
        <v>2</v>
      </c>
      <c r="HO21" s="71">
        <v>8</v>
      </c>
      <c r="HP21" s="72">
        <v>10</v>
      </c>
      <c r="HQ21" s="244"/>
      <c r="HR21" s="71">
        <v>9</v>
      </c>
      <c r="HS21" s="71">
        <v>4</v>
      </c>
      <c r="HT21" s="71">
        <v>7</v>
      </c>
      <c r="HU21" s="71">
        <v>6</v>
      </c>
      <c r="HV21" s="71">
        <v>1</v>
      </c>
      <c r="HW21" s="72">
        <v>27</v>
      </c>
      <c r="HX21" s="73">
        <v>37</v>
      </c>
      <c r="HY21" s="70">
        <v>5</v>
      </c>
      <c r="HZ21" s="71">
        <v>11</v>
      </c>
      <c r="IA21" s="72">
        <v>16</v>
      </c>
      <c r="IB21" s="244"/>
      <c r="IC21" s="71">
        <v>17</v>
      </c>
      <c r="ID21" s="71">
        <v>10</v>
      </c>
      <c r="IE21" s="71">
        <v>8</v>
      </c>
      <c r="IF21" s="71">
        <v>7</v>
      </c>
      <c r="IG21" s="71">
        <v>5</v>
      </c>
      <c r="IH21" s="72">
        <v>47</v>
      </c>
      <c r="II21" s="73">
        <v>63</v>
      </c>
      <c r="IJ21" s="70">
        <v>30</v>
      </c>
      <c r="IK21" s="71">
        <v>20</v>
      </c>
      <c r="IL21" s="72">
        <v>50</v>
      </c>
      <c r="IM21" s="244"/>
      <c r="IN21" s="71">
        <v>30</v>
      </c>
      <c r="IO21" s="71">
        <v>26</v>
      </c>
      <c r="IP21" s="71">
        <v>17</v>
      </c>
      <c r="IQ21" s="71">
        <v>10</v>
      </c>
      <c r="IR21" s="71">
        <v>14</v>
      </c>
      <c r="IS21" s="72">
        <v>97</v>
      </c>
      <c r="IT21" s="73">
        <v>147</v>
      </c>
      <c r="IU21" s="70">
        <v>26</v>
      </c>
      <c r="IV21" s="71">
        <v>30</v>
      </c>
      <c r="IW21" s="72">
        <v>56</v>
      </c>
      <c r="IX21" s="244"/>
      <c r="IY21" s="71">
        <v>60</v>
      </c>
      <c r="IZ21" s="71">
        <v>48</v>
      </c>
      <c r="JA21" s="71">
        <v>25</v>
      </c>
      <c r="JB21" s="71">
        <v>31</v>
      </c>
      <c r="JC21" s="71">
        <v>9</v>
      </c>
      <c r="JD21" s="72">
        <v>173</v>
      </c>
      <c r="JE21" s="73">
        <v>229</v>
      </c>
      <c r="JF21" s="70">
        <v>26</v>
      </c>
      <c r="JG21" s="71">
        <v>26</v>
      </c>
      <c r="JH21" s="72">
        <v>52</v>
      </c>
      <c r="JI21" s="244"/>
      <c r="JJ21" s="71">
        <v>51</v>
      </c>
      <c r="JK21" s="71">
        <v>44</v>
      </c>
      <c r="JL21" s="71">
        <v>30</v>
      </c>
      <c r="JM21" s="71">
        <v>20</v>
      </c>
      <c r="JN21" s="71">
        <v>10</v>
      </c>
      <c r="JO21" s="72">
        <v>155</v>
      </c>
      <c r="JP21" s="73">
        <v>207</v>
      </c>
      <c r="JQ21" s="70">
        <v>0</v>
      </c>
      <c r="JR21" s="71">
        <v>0</v>
      </c>
      <c r="JS21" s="72">
        <v>0</v>
      </c>
      <c r="JT21" s="244"/>
      <c r="JU21" s="71">
        <v>0</v>
      </c>
      <c r="JV21" s="71">
        <v>0</v>
      </c>
      <c r="JW21" s="71">
        <v>0</v>
      </c>
      <c r="JX21" s="71">
        <v>0</v>
      </c>
      <c r="JY21" s="71">
        <v>0</v>
      </c>
      <c r="JZ21" s="72">
        <v>0</v>
      </c>
      <c r="KA21" s="73">
        <v>0</v>
      </c>
      <c r="KB21" s="70">
        <v>89</v>
      </c>
      <c r="KC21" s="71">
        <v>98</v>
      </c>
      <c r="KD21" s="72">
        <v>187</v>
      </c>
      <c r="KE21" s="244"/>
      <c r="KF21" s="71">
        <v>170</v>
      </c>
      <c r="KG21" s="71">
        <v>136</v>
      </c>
      <c r="KH21" s="71">
        <v>89</v>
      </c>
      <c r="KI21" s="71">
        <v>77</v>
      </c>
      <c r="KJ21" s="71">
        <v>40</v>
      </c>
      <c r="KK21" s="72">
        <v>512</v>
      </c>
      <c r="KL21" s="73">
        <v>699</v>
      </c>
    </row>
    <row r="22" spans="1:298" ht="19.5" customHeight="1" x14ac:dyDescent="0.2">
      <c r="A22" s="126" t="s">
        <v>19</v>
      </c>
      <c r="B22" s="316">
        <v>27</v>
      </c>
      <c r="C22" s="82">
        <v>30</v>
      </c>
      <c r="D22" s="83">
        <v>57</v>
      </c>
      <c r="E22" s="241"/>
      <c r="F22" s="82">
        <v>74</v>
      </c>
      <c r="G22" s="82">
        <v>50</v>
      </c>
      <c r="H22" s="82">
        <v>22</v>
      </c>
      <c r="I22" s="82">
        <v>23</v>
      </c>
      <c r="J22" s="82">
        <v>9</v>
      </c>
      <c r="K22" s="84">
        <v>178</v>
      </c>
      <c r="L22" s="85">
        <v>235</v>
      </c>
      <c r="M22" s="86">
        <v>0</v>
      </c>
      <c r="N22" s="71">
        <v>0</v>
      </c>
      <c r="O22" s="72">
        <v>0</v>
      </c>
      <c r="P22" s="244"/>
      <c r="Q22" s="71">
        <v>2</v>
      </c>
      <c r="R22" s="71">
        <v>2</v>
      </c>
      <c r="S22" s="71">
        <v>2</v>
      </c>
      <c r="T22" s="71">
        <v>0</v>
      </c>
      <c r="U22" s="71">
        <v>0</v>
      </c>
      <c r="V22" s="72">
        <v>6</v>
      </c>
      <c r="W22" s="73">
        <v>6</v>
      </c>
      <c r="X22" s="70">
        <v>0</v>
      </c>
      <c r="Y22" s="71">
        <v>1</v>
      </c>
      <c r="Z22" s="72">
        <v>1</v>
      </c>
      <c r="AA22" s="244"/>
      <c r="AB22" s="71">
        <v>0</v>
      </c>
      <c r="AC22" s="71">
        <v>2</v>
      </c>
      <c r="AD22" s="71">
        <v>1</v>
      </c>
      <c r="AE22" s="71">
        <v>1</v>
      </c>
      <c r="AF22" s="71">
        <v>0</v>
      </c>
      <c r="AG22" s="72">
        <v>4</v>
      </c>
      <c r="AH22" s="73">
        <v>5</v>
      </c>
      <c r="AI22" s="86">
        <v>2</v>
      </c>
      <c r="AJ22" s="71">
        <v>2</v>
      </c>
      <c r="AK22" s="72">
        <v>4</v>
      </c>
      <c r="AL22" s="244"/>
      <c r="AM22" s="71">
        <v>2</v>
      </c>
      <c r="AN22" s="71">
        <v>4</v>
      </c>
      <c r="AO22" s="71">
        <v>0</v>
      </c>
      <c r="AP22" s="71">
        <v>3</v>
      </c>
      <c r="AQ22" s="71">
        <v>0</v>
      </c>
      <c r="AR22" s="72">
        <v>9</v>
      </c>
      <c r="AS22" s="73">
        <v>13</v>
      </c>
      <c r="AT22" s="70">
        <v>10</v>
      </c>
      <c r="AU22" s="71">
        <v>5</v>
      </c>
      <c r="AV22" s="72">
        <v>15</v>
      </c>
      <c r="AW22" s="244"/>
      <c r="AX22" s="71">
        <v>12</v>
      </c>
      <c r="AY22" s="71">
        <v>10</v>
      </c>
      <c r="AZ22" s="71">
        <v>5</v>
      </c>
      <c r="BA22" s="71">
        <v>7</v>
      </c>
      <c r="BB22" s="71">
        <v>1</v>
      </c>
      <c r="BC22" s="72">
        <v>35</v>
      </c>
      <c r="BD22" s="73">
        <v>50</v>
      </c>
      <c r="BE22" s="86">
        <v>6</v>
      </c>
      <c r="BF22" s="71">
        <v>13</v>
      </c>
      <c r="BG22" s="72">
        <v>19</v>
      </c>
      <c r="BH22" s="244"/>
      <c r="BI22" s="71">
        <v>33</v>
      </c>
      <c r="BJ22" s="71">
        <v>16</v>
      </c>
      <c r="BK22" s="71">
        <v>10</v>
      </c>
      <c r="BL22" s="71">
        <v>3</v>
      </c>
      <c r="BM22" s="71">
        <v>4</v>
      </c>
      <c r="BN22" s="72">
        <v>66</v>
      </c>
      <c r="BO22" s="73">
        <v>85</v>
      </c>
      <c r="BP22" s="70">
        <v>9</v>
      </c>
      <c r="BQ22" s="71">
        <v>9</v>
      </c>
      <c r="BR22" s="72">
        <v>18</v>
      </c>
      <c r="BS22" s="244"/>
      <c r="BT22" s="71">
        <v>25</v>
      </c>
      <c r="BU22" s="71">
        <v>16</v>
      </c>
      <c r="BV22" s="71">
        <v>4</v>
      </c>
      <c r="BW22" s="71">
        <v>9</v>
      </c>
      <c r="BX22" s="71">
        <v>4</v>
      </c>
      <c r="BY22" s="72">
        <v>58</v>
      </c>
      <c r="BZ22" s="73">
        <v>76</v>
      </c>
      <c r="CA22" s="70">
        <v>0</v>
      </c>
      <c r="CB22" s="71">
        <v>0</v>
      </c>
      <c r="CC22" s="72">
        <v>0</v>
      </c>
      <c r="CD22" s="244"/>
      <c r="CE22" s="71">
        <v>0</v>
      </c>
      <c r="CF22" s="71">
        <v>0</v>
      </c>
      <c r="CG22" s="71">
        <v>0</v>
      </c>
      <c r="CH22" s="71">
        <v>0</v>
      </c>
      <c r="CI22" s="71">
        <v>0</v>
      </c>
      <c r="CJ22" s="72">
        <v>0</v>
      </c>
      <c r="CK22" s="73">
        <v>0</v>
      </c>
      <c r="CL22" s="70">
        <v>27</v>
      </c>
      <c r="CM22" s="71">
        <v>30</v>
      </c>
      <c r="CN22" s="72">
        <v>57</v>
      </c>
      <c r="CO22" s="244"/>
      <c r="CP22" s="71">
        <v>74</v>
      </c>
      <c r="CQ22" s="71">
        <v>50</v>
      </c>
      <c r="CR22" s="71">
        <v>22</v>
      </c>
      <c r="CS22" s="71">
        <v>23</v>
      </c>
      <c r="CT22" s="71">
        <v>9</v>
      </c>
      <c r="CU22" s="72">
        <v>178</v>
      </c>
      <c r="CV22" s="73">
        <v>235</v>
      </c>
      <c r="CW22" s="123">
        <v>3</v>
      </c>
      <c r="CX22" s="82">
        <v>3</v>
      </c>
      <c r="CY22" s="83">
        <v>6</v>
      </c>
      <c r="CZ22" s="241"/>
      <c r="DA22" s="82">
        <v>8</v>
      </c>
      <c r="DB22" s="82">
        <v>8</v>
      </c>
      <c r="DC22" s="82">
        <v>8</v>
      </c>
      <c r="DD22" s="82">
        <v>5</v>
      </c>
      <c r="DE22" s="82">
        <v>4</v>
      </c>
      <c r="DF22" s="84">
        <v>33</v>
      </c>
      <c r="DG22" s="85">
        <v>39</v>
      </c>
      <c r="DH22" s="86">
        <v>0</v>
      </c>
      <c r="DI22" s="71">
        <v>0</v>
      </c>
      <c r="DJ22" s="72">
        <v>0</v>
      </c>
      <c r="DK22" s="244"/>
      <c r="DL22" s="71">
        <v>0</v>
      </c>
      <c r="DM22" s="71">
        <v>0</v>
      </c>
      <c r="DN22" s="71">
        <v>0</v>
      </c>
      <c r="DO22" s="71">
        <v>0</v>
      </c>
      <c r="DP22" s="71">
        <v>0</v>
      </c>
      <c r="DQ22" s="72">
        <v>0</v>
      </c>
      <c r="DR22" s="73">
        <v>0</v>
      </c>
      <c r="DS22" s="70">
        <v>0</v>
      </c>
      <c r="DT22" s="71">
        <v>0</v>
      </c>
      <c r="DU22" s="72">
        <v>0</v>
      </c>
      <c r="DV22" s="244"/>
      <c r="DW22" s="71">
        <v>0</v>
      </c>
      <c r="DX22" s="71">
        <v>1</v>
      </c>
      <c r="DY22" s="71">
        <v>1</v>
      </c>
      <c r="DZ22" s="71">
        <v>0</v>
      </c>
      <c r="EA22" s="71">
        <v>0</v>
      </c>
      <c r="EB22" s="72">
        <v>2</v>
      </c>
      <c r="EC22" s="73">
        <v>2</v>
      </c>
      <c r="ED22" s="86">
        <v>2</v>
      </c>
      <c r="EE22" s="71">
        <v>0</v>
      </c>
      <c r="EF22" s="72">
        <v>2</v>
      </c>
      <c r="EG22" s="244"/>
      <c r="EH22" s="71">
        <v>2</v>
      </c>
      <c r="EI22" s="71">
        <v>1</v>
      </c>
      <c r="EJ22" s="71">
        <v>1</v>
      </c>
      <c r="EK22" s="71">
        <v>0</v>
      </c>
      <c r="EL22" s="71">
        <v>0</v>
      </c>
      <c r="EM22" s="72">
        <v>4</v>
      </c>
      <c r="EN22" s="73">
        <v>6</v>
      </c>
      <c r="EO22" s="70">
        <v>1</v>
      </c>
      <c r="EP22" s="71">
        <v>2</v>
      </c>
      <c r="EQ22" s="72">
        <v>3</v>
      </c>
      <c r="ER22" s="244"/>
      <c r="ES22" s="71">
        <v>1</v>
      </c>
      <c r="ET22" s="71">
        <v>1</v>
      </c>
      <c r="EU22" s="71">
        <v>2</v>
      </c>
      <c r="EV22" s="71">
        <v>1</v>
      </c>
      <c r="EW22" s="71">
        <v>1</v>
      </c>
      <c r="EX22" s="72">
        <v>6</v>
      </c>
      <c r="EY22" s="73">
        <v>9</v>
      </c>
      <c r="EZ22" s="86">
        <v>0</v>
      </c>
      <c r="FA22" s="71">
        <v>0</v>
      </c>
      <c r="FB22" s="72">
        <v>0</v>
      </c>
      <c r="FC22" s="244"/>
      <c r="FD22" s="71">
        <v>2</v>
      </c>
      <c r="FE22" s="71">
        <v>2</v>
      </c>
      <c r="FF22" s="71">
        <v>1</v>
      </c>
      <c r="FG22" s="71">
        <v>0</v>
      </c>
      <c r="FH22" s="71">
        <v>1</v>
      </c>
      <c r="FI22" s="72">
        <v>6</v>
      </c>
      <c r="FJ22" s="73">
        <v>6</v>
      </c>
      <c r="FK22" s="70">
        <v>0</v>
      </c>
      <c r="FL22" s="71">
        <v>1</v>
      </c>
      <c r="FM22" s="72">
        <v>1</v>
      </c>
      <c r="FN22" s="244"/>
      <c r="FO22" s="71">
        <v>3</v>
      </c>
      <c r="FP22" s="71">
        <v>3</v>
      </c>
      <c r="FQ22" s="71">
        <v>3</v>
      </c>
      <c r="FR22" s="71">
        <v>4</v>
      </c>
      <c r="FS22" s="71">
        <v>2</v>
      </c>
      <c r="FT22" s="72">
        <v>15</v>
      </c>
      <c r="FU22" s="73">
        <v>16</v>
      </c>
      <c r="FV22" s="70">
        <v>0</v>
      </c>
      <c r="FW22" s="71">
        <v>0</v>
      </c>
      <c r="FX22" s="72">
        <v>0</v>
      </c>
      <c r="FY22" s="244"/>
      <c r="FZ22" s="71">
        <v>0</v>
      </c>
      <c r="GA22" s="71">
        <v>0</v>
      </c>
      <c r="GB22" s="71">
        <v>0</v>
      </c>
      <c r="GC22" s="71">
        <v>0</v>
      </c>
      <c r="GD22" s="71">
        <v>0</v>
      </c>
      <c r="GE22" s="72">
        <v>0</v>
      </c>
      <c r="GF22" s="73">
        <v>0</v>
      </c>
      <c r="GG22" s="70">
        <v>3</v>
      </c>
      <c r="GH22" s="71">
        <v>3</v>
      </c>
      <c r="GI22" s="72">
        <v>6</v>
      </c>
      <c r="GJ22" s="244"/>
      <c r="GK22" s="71">
        <v>8</v>
      </c>
      <c r="GL22" s="71">
        <v>8</v>
      </c>
      <c r="GM22" s="71">
        <v>8</v>
      </c>
      <c r="GN22" s="71">
        <v>5</v>
      </c>
      <c r="GO22" s="71">
        <v>4</v>
      </c>
      <c r="GP22" s="72">
        <v>33</v>
      </c>
      <c r="GQ22" s="73">
        <v>39</v>
      </c>
      <c r="GR22" s="123">
        <v>30</v>
      </c>
      <c r="GS22" s="82">
        <v>33</v>
      </c>
      <c r="GT22" s="83">
        <v>63</v>
      </c>
      <c r="GU22" s="241"/>
      <c r="GV22" s="82">
        <v>82</v>
      </c>
      <c r="GW22" s="82">
        <v>58</v>
      </c>
      <c r="GX22" s="82">
        <v>30</v>
      </c>
      <c r="GY22" s="82">
        <v>28</v>
      </c>
      <c r="GZ22" s="82">
        <v>13</v>
      </c>
      <c r="HA22" s="84">
        <v>211</v>
      </c>
      <c r="HB22" s="85">
        <v>274</v>
      </c>
      <c r="HC22" s="86">
        <v>0</v>
      </c>
      <c r="HD22" s="71">
        <v>0</v>
      </c>
      <c r="HE22" s="72">
        <v>0</v>
      </c>
      <c r="HF22" s="244"/>
      <c r="HG22" s="71">
        <v>2</v>
      </c>
      <c r="HH22" s="71">
        <v>2</v>
      </c>
      <c r="HI22" s="71">
        <v>2</v>
      </c>
      <c r="HJ22" s="71">
        <v>0</v>
      </c>
      <c r="HK22" s="71">
        <v>0</v>
      </c>
      <c r="HL22" s="72">
        <v>6</v>
      </c>
      <c r="HM22" s="73">
        <v>6</v>
      </c>
      <c r="HN22" s="70">
        <v>0</v>
      </c>
      <c r="HO22" s="71">
        <v>1</v>
      </c>
      <c r="HP22" s="72">
        <v>1</v>
      </c>
      <c r="HQ22" s="244"/>
      <c r="HR22" s="71">
        <v>0</v>
      </c>
      <c r="HS22" s="71">
        <v>3</v>
      </c>
      <c r="HT22" s="71">
        <v>2</v>
      </c>
      <c r="HU22" s="71">
        <v>1</v>
      </c>
      <c r="HV22" s="71">
        <v>0</v>
      </c>
      <c r="HW22" s="72">
        <v>6</v>
      </c>
      <c r="HX22" s="73">
        <v>7</v>
      </c>
      <c r="HY22" s="86">
        <v>4</v>
      </c>
      <c r="HZ22" s="71">
        <v>2</v>
      </c>
      <c r="IA22" s="72">
        <v>6</v>
      </c>
      <c r="IB22" s="244"/>
      <c r="IC22" s="71">
        <v>4</v>
      </c>
      <c r="ID22" s="71">
        <v>5</v>
      </c>
      <c r="IE22" s="71">
        <v>1</v>
      </c>
      <c r="IF22" s="71">
        <v>3</v>
      </c>
      <c r="IG22" s="71">
        <v>0</v>
      </c>
      <c r="IH22" s="72">
        <v>13</v>
      </c>
      <c r="II22" s="73">
        <v>19</v>
      </c>
      <c r="IJ22" s="70">
        <v>11</v>
      </c>
      <c r="IK22" s="71">
        <v>7</v>
      </c>
      <c r="IL22" s="72">
        <v>18</v>
      </c>
      <c r="IM22" s="244"/>
      <c r="IN22" s="71">
        <v>13</v>
      </c>
      <c r="IO22" s="71">
        <v>11</v>
      </c>
      <c r="IP22" s="71">
        <v>7</v>
      </c>
      <c r="IQ22" s="71">
        <v>8</v>
      </c>
      <c r="IR22" s="71">
        <v>2</v>
      </c>
      <c r="IS22" s="72">
        <v>41</v>
      </c>
      <c r="IT22" s="73">
        <v>59</v>
      </c>
      <c r="IU22" s="86">
        <v>6</v>
      </c>
      <c r="IV22" s="71">
        <v>13</v>
      </c>
      <c r="IW22" s="72">
        <v>19</v>
      </c>
      <c r="IX22" s="244"/>
      <c r="IY22" s="71">
        <v>35</v>
      </c>
      <c r="IZ22" s="71">
        <v>18</v>
      </c>
      <c r="JA22" s="71">
        <v>11</v>
      </c>
      <c r="JB22" s="71">
        <v>3</v>
      </c>
      <c r="JC22" s="71">
        <v>5</v>
      </c>
      <c r="JD22" s="72">
        <v>72</v>
      </c>
      <c r="JE22" s="73">
        <v>91</v>
      </c>
      <c r="JF22" s="70">
        <v>9</v>
      </c>
      <c r="JG22" s="71">
        <v>10</v>
      </c>
      <c r="JH22" s="72">
        <v>19</v>
      </c>
      <c r="JI22" s="244"/>
      <c r="JJ22" s="71">
        <v>28</v>
      </c>
      <c r="JK22" s="71">
        <v>19</v>
      </c>
      <c r="JL22" s="71">
        <v>7</v>
      </c>
      <c r="JM22" s="71">
        <v>13</v>
      </c>
      <c r="JN22" s="71">
        <v>6</v>
      </c>
      <c r="JO22" s="72">
        <v>73</v>
      </c>
      <c r="JP22" s="73">
        <v>92</v>
      </c>
      <c r="JQ22" s="70">
        <v>0</v>
      </c>
      <c r="JR22" s="71">
        <v>0</v>
      </c>
      <c r="JS22" s="72">
        <v>0</v>
      </c>
      <c r="JT22" s="244"/>
      <c r="JU22" s="71">
        <v>0</v>
      </c>
      <c r="JV22" s="71">
        <v>0</v>
      </c>
      <c r="JW22" s="71">
        <v>0</v>
      </c>
      <c r="JX22" s="71">
        <v>0</v>
      </c>
      <c r="JY22" s="71">
        <v>0</v>
      </c>
      <c r="JZ22" s="72">
        <v>0</v>
      </c>
      <c r="KA22" s="73">
        <v>0</v>
      </c>
      <c r="KB22" s="70">
        <v>30</v>
      </c>
      <c r="KC22" s="71">
        <v>33</v>
      </c>
      <c r="KD22" s="72">
        <v>63</v>
      </c>
      <c r="KE22" s="244"/>
      <c r="KF22" s="71">
        <v>82</v>
      </c>
      <c r="KG22" s="71">
        <v>58</v>
      </c>
      <c r="KH22" s="71">
        <v>30</v>
      </c>
      <c r="KI22" s="71">
        <v>28</v>
      </c>
      <c r="KJ22" s="71">
        <v>13</v>
      </c>
      <c r="KK22" s="72">
        <v>211</v>
      </c>
      <c r="KL22" s="73">
        <v>274</v>
      </c>
    </row>
    <row r="23" spans="1:298" ht="19.5" customHeight="1" x14ac:dyDescent="0.2">
      <c r="A23" s="126" t="s">
        <v>20</v>
      </c>
      <c r="B23" s="316">
        <v>55</v>
      </c>
      <c r="C23" s="82">
        <v>69</v>
      </c>
      <c r="D23" s="83">
        <v>124</v>
      </c>
      <c r="E23" s="241"/>
      <c r="F23" s="82">
        <v>105</v>
      </c>
      <c r="G23" s="82">
        <v>69</v>
      </c>
      <c r="H23" s="82">
        <v>48</v>
      </c>
      <c r="I23" s="82">
        <v>41</v>
      </c>
      <c r="J23" s="82">
        <v>14</v>
      </c>
      <c r="K23" s="84">
        <v>277</v>
      </c>
      <c r="L23" s="85">
        <v>401</v>
      </c>
      <c r="M23" s="70">
        <v>1</v>
      </c>
      <c r="N23" s="71">
        <v>1</v>
      </c>
      <c r="O23" s="72">
        <v>2</v>
      </c>
      <c r="P23" s="244"/>
      <c r="Q23" s="71">
        <v>3</v>
      </c>
      <c r="R23" s="71">
        <v>0</v>
      </c>
      <c r="S23" s="71">
        <v>1</v>
      </c>
      <c r="T23" s="71">
        <v>0</v>
      </c>
      <c r="U23" s="71">
        <v>0</v>
      </c>
      <c r="V23" s="72">
        <v>4</v>
      </c>
      <c r="W23" s="73">
        <v>6</v>
      </c>
      <c r="X23" s="70">
        <v>2</v>
      </c>
      <c r="Y23" s="71">
        <v>4</v>
      </c>
      <c r="Z23" s="72">
        <v>6</v>
      </c>
      <c r="AA23" s="244"/>
      <c r="AB23" s="71">
        <v>5</v>
      </c>
      <c r="AC23" s="71">
        <v>3</v>
      </c>
      <c r="AD23" s="71">
        <v>2</v>
      </c>
      <c r="AE23" s="71">
        <v>4</v>
      </c>
      <c r="AF23" s="71">
        <v>1</v>
      </c>
      <c r="AG23" s="72">
        <v>15</v>
      </c>
      <c r="AH23" s="73">
        <v>21</v>
      </c>
      <c r="AI23" s="70">
        <v>9</v>
      </c>
      <c r="AJ23" s="71">
        <v>7</v>
      </c>
      <c r="AK23" s="72">
        <v>16</v>
      </c>
      <c r="AL23" s="244"/>
      <c r="AM23" s="71">
        <v>10</v>
      </c>
      <c r="AN23" s="71">
        <v>4</v>
      </c>
      <c r="AO23" s="71">
        <v>8</v>
      </c>
      <c r="AP23" s="71">
        <v>8</v>
      </c>
      <c r="AQ23" s="71">
        <v>4</v>
      </c>
      <c r="AR23" s="72">
        <v>34</v>
      </c>
      <c r="AS23" s="73">
        <v>50</v>
      </c>
      <c r="AT23" s="70">
        <v>9</v>
      </c>
      <c r="AU23" s="71">
        <v>17</v>
      </c>
      <c r="AV23" s="72">
        <v>26</v>
      </c>
      <c r="AW23" s="244"/>
      <c r="AX23" s="71">
        <v>25</v>
      </c>
      <c r="AY23" s="71">
        <v>22</v>
      </c>
      <c r="AZ23" s="71">
        <v>11</v>
      </c>
      <c r="BA23" s="71">
        <v>6</v>
      </c>
      <c r="BB23" s="71">
        <v>4</v>
      </c>
      <c r="BC23" s="72">
        <v>68</v>
      </c>
      <c r="BD23" s="73">
        <v>94</v>
      </c>
      <c r="BE23" s="70">
        <v>19</v>
      </c>
      <c r="BF23" s="71">
        <v>23</v>
      </c>
      <c r="BG23" s="72">
        <v>42</v>
      </c>
      <c r="BH23" s="244"/>
      <c r="BI23" s="71">
        <v>40</v>
      </c>
      <c r="BJ23" s="71">
        <v>22</v>
      </c>
      <c r="BK23" s="71">
        <v>11</v>
      </c>
      <c r="BL23" s="71">
        <v>6</v>
      </c>
      <c r="BM23" s="71">
        <v>2</v>
      </c>
      <c r="BN23" s="72">
        <v>81</v>
      </c>
      <c r="BO23" s="73">
        <v>123</v>
      </c>
      <c r="BP23" s="70">
        <v>15</v>
      </c>
      <c r="BQ23" s="71">
        <v>17</v>
      </c>
      <c r="BR23" s="72">
        <v>32</v>
      </c>
      <c r="BS23" s="244"/>
      <c r="BT23" s="71">
        <v>22</v>
      </c>
      <c r="BU23" s="71">
        <v>18</v>
      </c>
      <c r="BV23" s="71">
        <v>15</v>
      </c>
      <c r="BW23" s="71">
        <v>17</v>
      </c>
      <c r="BX23" s="71">
        <v>3</v>
      </c>
      <c r="BY23" s="72">
        <v>75</v>
      </c>
      <c r="BZ23" s="73">
        <v>107</v>
      </c>
      <c r="CA23" s="70">
        <v>0</v>
      </c>
      <c r="CB23" s="71">
        <v>0</v>
      </c>
      <c r="CC23" s="72">
        <v>0</v>
      </c>
      <c r="CD23" s="244"/>
      <c r="CE23" s="71">
        <v>0</v>
      </c>
      <c r="CF23" s="71">
        <v>0</v>
      </c>
      <c r="CG23" s="71">
        <v>0</v>
      </c>
      <c r="CH23" s="71">
        <v>0</v>
      </c>
      <c r="CI23" s="71">
        <v>0</v>
      </c>
      <c r="CJ23" s="72">
        <v>0</v>
      </c>
      <c r="CK23" s="73">
        <v>0</v>
      </c>
      <c r="CL23" s="70">
        <v>55</v>
      </c>
      <c r="CM23" s="71">
        <v>69</v>
      </c>
      <c r="CN23" s="72">
        <v>124</v>
      </c>
      <c r="CO23" s="244"/>
      <c r="CP23" s="71">
        <v>105</v>
      </c>
      <c r="CQ23" s="71">
        <v>69</v>
      </c>
      <c r="CR23" s="71">
        <v>48</v>
      </c>
      <c r="CS23" s="71">
        <v>41</v>
      </c>
      <c r="CT23" s="71">
        <v>14</v>
      </c>
      <c r="CU23" s="72">
        <v>277</v>
      </c>
      <c r="CV23" s="73">
        <v>401</v>
      </c>
      <c r="CW23" s="123">
        <v>8</v>
      </c>
      <c r="CX23" s="82">
        <v>6</v>
      </c>
      <c r="CY23" s="83">
        <v>14</v>
      </c>
      <c r="CZ23" s="241"/>
      <c r="DA23" s="82">
        <v>9</v>
      </c>
      <c r="DB23" s="82">
        <v>7</v>
      </c>
      <c r="DC23" s="82">
        <v>6</v>
      </c>
      <c r="DD23" s="82">
        <v>7</v>
      </c>
      <c r="DE23" s="82">
        <v>0</v>
      </c>
      <c r="DF23" s="84">
        <v>29</v>
      </c>
      <c r="DG23" s="85">
        <v>43</v>
      </c>
      <c r="DH23" s="70">
        <v>0</v>
      </c>
      <c r="DI23" s="71">
        <v>0</v>
      </c>
      <c r="DJ23" s="72">
        <v>0</v>
      </c>
      <c r="DK23" s="244"/>
      <c r="DL23" s="71">
        <v>0</v>
      </c>
      <c r="DM23" s="71">
        <v>0</v>
      </c>
      <c r="DN23" s="71">
        <v>0</v>
      </c>
      <c r="DO23" s="71">
        <v>0</v>
      </c>
      <c r="DP23" s="71">
        <v>0</v>
      </c>
      <c r="DQ23" s="72">
        <v>0</v>
      </c>
      <c r="DR23" s="73">
        <v>0</v>
      </c>
      <c r="DS23" s="70">
        <v>0</v>
      </c>
      <c r="DT23" s="71">
        <v>0</v>
      </c>
      <c r="DU23" s="72">
        <v>0</v>
      </c>
      <c r="DV23" s="244"/>
      <c r="DW23" s="71">
        <v>0</v>
      </c>
      <c r="DX23" s="71">
        <v>0</v>
      </c>
      <c r="DY23" s="71">
        <v>0</v>
      </c>
      <c r="DZ23" s="71">
        <v>1</v>
      </c>
      <c r="EA23" s="71">
        <v>0</v>
      </c>
      <c r="EB23" s="72">
        <v>1</v>
      </c>
      <c r="EC23" s="73">
        <v>1</v>
      </c>
      <c r="ED23" s="70">
        <v>1</v>
      </c>
      <c r="EE23" s="71">
        <v>0</v>
      </c>
      <c r="EF23" s="72">
        <v>1</v>
      </c>
      <c r="EG23" s="244"/>
      <c r="EH23" s="71">
        <v>0</v>
      </c>
      <c r="EI23" s="71">
        <v>2</v>
      </c>
      <c r="EJ23" s="71">
        <v>0</v>
      </c>
      <c r="EK23" s="71">
        <v>0</v>
      </c>
      <c r="EL23" s="71">
        <v>0</v>
      </c>
      <c r="EM23" s="72">
        <v>2</v>
      </c>
      <c r="EN23" s="73">
        <v>3</v>
      </c>
      <c r="EO23" s="70">
        <v>5</v>
      </c>
      <c r="EP23" s="71">
        <v>3</v>
      </c>
      <c r="EQ23" s="72">
        <v>8</v>
      </c>
      <c r="ER23" s="244"/>
      <c r="ES23" s="71">
        <v>1</v>
      </c>
      <c r="ET23" s="71">
        <v>0</v>
      </c>
      <c r="EU23" s="71">
        <v>0</v>
      </c>
      <c r="EV23" s="71">
        <v>2</v>
      </c>
      <c r="EW23" s="71">
        <v>0</v>
      </c>
      <c r="EX23" s="72">
        <v>3</v>
      </c>
      <c r="EY23" s="73">
        <v>11</v>
      </c>
      <c r="EZ23" s="70">
        <v>2</v>
      </c>
      <c r="FA23" s="71">
        <v>1</v>
      </c>
      <c r="FB23" s="72">
        <v>3</v>
      </c>
      <c r="FC23" s="244"/>
      <c r="FD23" s="71">
        <v>5</v>
      </c>
      <c r="FE23" s="71">
        <v>1</v>
      </c>
      <c r="FF23" s="71">
        <v>4</v>
      </c>
      <c r="FG23" s="71">
        <v>0</v>
      </c>
      <c r="FH23" s="71">
        <v>0</v>
      </c>
      <c r="FI23" s="72">
        <v>10</v>
      </c>
      <c r="FJ23" s="73">
        <v>13</v>
      </c>
      <c r="FK23" s="70">
        <v>0</v>
      </c>
      <c r="FL23" s="71">
        <v>2</v>
      </c>
      <c r="FM23" s="72">
        <v>2</v>
      </c>
      <c r="FN23" s="244"/>
      <c r="FO23" s="71">
        <v>3</v>
      </c>
      <c r="FP23" s="71">
        <v>4</v>
      </c>
      <c r="FQ23" s="71">
        <v>2</v>
      </c>
      <c r="FR23" s="71">
        <v>4</v>
      </c>
      <c r="FS23" s="71">
        <v>0</v>
      </c>
      <c r="FT23" s="72">
        <v>13</v>
      </c>
      <c r="FU23" s="73">
        <v>15</v>
      </c>
      <c r="FV23" s="70">
        <v>0</v>
      </c>
      <c r="FW23" s="71">
        <v>0</v>
      </c>
      <c r="FX23" s="72">
        <v>0</v>
      </c>
      <c r="FY23" s="244"/>
      <c r="FZ23" s="71">
        <v>0</v>
      </c>
      <c r="GA23" s="71">
        <v>0</v>
      </c>
      <c r="GB23" s="71">
        <v>0</v>
      </c>
      <c r="GC23" s="71">
        <v>0</v>
      </c>
      <c r="GD23" s="71">
        <v>0</v>
      </c>
      <c r="GE23" s="72">
        <v>0</v>
      </c>
      <c r="GF23" s="73">
        <v>0</v>
      </c>
      <c r="GG23" s="70">
        <v>8</v>
      </c>
      <c r="GH23" s="71">
        <v>6</v>
      </c>
      <c r="GI23" s="72">
        <v>14</v>
      </c>
      <c r="GJ23" s="244"/>
      <c r="GK23" s="71">
        <v>9</v>
      </c>
      <c r="GL23" s="71">
        <v>7</v>
      </c>
      <c r="GM23" s="71">
        <v>6</v>
      </c>
      <c r="GN23" s="71">
        <v>7</v>
      </c>
      <c r="GO23" s="71">
        <v>0</v>
      </c>
      <c r="GP23" s="72">
        <v>29</v>
      </c>
      <c r="GQ23" s="73">
        <v>43</v>
      </c>
      <c r="GR23" s="123">
        <v>63</v>
      </c>
      <c r="GS23" s="82">
        <v>75</v>
      </c>
      <c r="GT23" s="83">
        <v>138</v>
      </c>
      <c r="GU23" s="241"/>
      <c r="GV23" s="82">
        <v>114</v>
      </c>
      <c r="GW23" s="82">
        <v>76</v>
      </c>
      <c r="GX23" s="82">
        <v>54</v>
      </c>
      <c r="GY23" s="82">
        <v>48</v>
      </c>
      <c r="GZ23" s="82">
        <v>14</v>
      </c>
      <c r="HA23" s="84">
        <v>306</v>
      </c>
      <c r="HB23" s="85">
        <v>444</v>
      </c>
      <c r="HC23" s="70">
        <v>1</v>
      </c>
      <c r="HD23" s="71">
        <v>1</v>
      </c>
      <c r="HE23" s="72">
        <v>2</v>
      </c>
      <c r="HF23" s="244"/>
      <c r="HG23" s="71">
        <v>3</v>
      </c>
      <c r="HH23" s="71">
        <v>0</v>
      </c>
      <c r="HI23" s="71">
        <v>1</v>
      </c>
      <c r="HJ23" s="71">
        <v>0</v>
      </c>
      <c r="HK23" s="71">
        <v>0</v>
      </c>
      <c r="HL23" s="72">
        <v>4</v>
      </c>
      <c r="HM23" s="73">
        <v>6</v>
      </c>
      <c r="HN23" s="70">
        <v>2</v>
      </c>
      <c r="HO23" s="71">
        <v>4</v>
      </c>
      <c r="HP23" s="72">
        <v>6</v>
      </c>
      <c r="HQ23" s="244"/>
      <c r="HR23" s="71">
        <v>5</v>
      </c>
      <c r="HS23" s="71">
        <v>3</v>
      </c>
      <c r="HT23" s="71">
        <v>2</v>
      </c>
      <c r="HU23" s="71">
        <v>5</v>
      </c>
      <c r="HV23" s="71">
        <v>1</v>
      </c>
      <c r="HW23" s="72">
        <v>16</v>
      </c>
      <c r="HX23" s="73">
        <v>22</v>
      </c>
      <c r="HY23" s="70">
        <v>10</v>
      </c>
      <c r="HZ23" s="71">
        <v>7</v>
      </c>
      <c r="IA23" s="72">
        <v>17</v>
      </c>
      <c r="IB23" s="244"/>
      <c r="IC23" s="71">
        <v>10</v>
      </c>
      <c r="ID23" s="71">
        <v>6</v>
      </c>
      <c r="IE23" s="71">
        <v>8</v>
      </c>
      <c r="IF23" s="71">
        <v>8</v>
      </c>
      <c r="IG23" s="71">
        <v>4</v>
      </c>
      <c r="IH23" s="72">
        <v>36</v>
      </c>
      <c r="II23" s="73">
        <v>53</v>
      </c>
      <c r="IJ23" s="70">
        <v>14</v>
      </c>
      <c r="IK23" s="71">
        <v>20</v>
      </c>
      <c r="IL23" s="72">
        <v>34</v>
      </c>
      <c r="IM23" s="244"/>
      <c r="IN23" s="71">
        <v>26</v>
      </c>
      <c r="IO23" s="71">
        <v>22</v>
      </c>
      <c r="IP23" s="71">
        <v>11</v>
      </c>
      <c r="IQ23" s="71">
        <v>8</v>
      </c>
      <c r="IR23" s="71">
        <v>4</v>
      </c>
      <c r="IS23" s="72">
        <v>71</v>
      </c>
      <c r="IT23" s="73">
        <v>105</v>
      </c>
      <c r="IU23" s="70">
        <v>21</v>
      </c>
      <c r="IV23" s="71">
        <v>24</v>
      </c>
      <c r="IW23" s="72">
        <v>45</v>
      </c>
      <c r="IX23" s="244"/>
      <c r="IY23" s="71">
        <v>45</v>
      </c>
      <c r="IZ23" s="71">
        <v>23</v>
      </c>
      <c r="JA23" s="71">
        <v>15</v>
      </c>
      <c r="JB23" s="71">
        <v>6</v>
      </c>
      <c r="JC23" s="71">
        <v>2</v>
      </c>
      <c r="JD23" s="72">
        <v>91</v>
      </c>
      <c r="JE23" s="73">
        <v>136</v>
      </c>
      <c r="JF23" s="70">
        <v>15</v>
      </c>
      <c r="JG23" s="71">
        <v>19</v>
      </c>
      <c r="JH23" s="72">
        <v>34</v>
      </c>
      <c r="JI23" s="244"/>
      <c r="JJ23" s="71">
        <v>25</v>
      </c>
      <c r="JK23" s="71">
        <v>22</v>
      </c>
      <c r="JL23" s="71">
        <v>17</v>
      </c>
      <c r="JM23" s="71">
        <v>21</v>
      </c>
      <c r="JN23" s="71">
        <v>3</v>
      </c>
      <c r="JO23" s="72">
        <v>88</v>
      </c>
      <c r="JP23" s="73">
        <v>122</v>
      </c>
      <c r="JQ23" s="70">
        <v>0</v>
      </c>
      <c r="JR23" s="71">
        <v>0</v>
      </c>
      <c r="JS23" s="72">
        <v>0</v>
      </c>
      <c r="JT23" s="244"/>
      <c r="JU23" s="71">
        <v>0</v>
      </c>
      <c r="JV23" s="71">
        <v>0</v>
      </c>
      <c r="JW23" s="71">
        <v>0</v>
      </c>
      <c r="JX23" s="71">
        <v>0</v>
      </c>
      <c r="JY23" s="71">
        <v>0</v>
      </c>
      <c r="JZ23" s="72">
        <v>0</v>
      </c>
      <c r="KA23" s="73">
        <v>0</v>
      </c>
      <c r="KB23" s="70">
        <v>63</v>
      </c>
      <c r="KC23" s="71">
        <v>75</v>
      </c>
      <c r="KD23" s="72">
        <v>138</v>
      </c>
      <c r="KE23" s="244"/>
      <c r="KF23" s="71">
        <v>114</v>
      </c>
      <c r="KG23" s="71">
        <v>76</v>
      </c>
      <c r="KH23" s="71">
        <v>54</v>
      </c>
      <c r="KI23" s="71">
        <v>48</v>
      </c>
      <c r="KJ23" s="71">
        <v>14</v>
      </c>
      <c r="KK23" s="72">
        <v>306</v>
      </c>
      <c r="KL23" s="73">
        <v>444</v>
      </c>
    </row>
    <row r="24" spans="1:298" ht="19.5" customHeight="1" x14ac:dyDescent="0.2">
      <c r="A24" s="126" t="s">
        <v>21</v>
      </c>
      <c r="B24" s="316">
        <v>53</v>
      </c>
      <c r="C24" s="82">
        <v>46</v>
      </c>
      <c r="D24" s="83">
        <v>99</v>
      </c>
      <c r="E24" s="241"/>
      <c r="F24" s="82">
        <v>73</v>
      </c>
      <c r="G24" s="82">
        <v>61</v>
      </c>
      <c r="H24" s="82">
        <v>39</v>
      </c>
      <c r="I24" s="82">
        <v>36</v>
      </c>
      <c r="J24" s="82">
        <v>18</v>
      </c>
      <c r="K24" s="84">
        <v>227</v>
      </c>
      <c r="L24" s="85">
        <v>326</v>
      </c>
      <c r="M24" s="70">
        <v>0</v>
      </c>
      <c r="N24" s="71">
        <v>1</v>
      </c>
      <c r="O24" s="72">
        <v>1</v>
      </c>
      <c r="P24" s="244"/>
      <c r="Q24" s="71">
        <v>1</v>
      </c>
      <c r="R24" s="71">
        <v>0</v>
      </c>
      <c r="S24" s="71">
        <v>0</v>
      </c>
      <c r="T24" s="71">
        <v>1</v>
      </c>
      <c r="U24" s="71">
        <v>0</v>
      </c>
      <c r="V24" s="72">
        <v>2</v>
      </c>
      <c r="W24" s="73">
        <v>3</v>
      </c>
      <c r="X24" s="70">
        <v>5</v>
      </c>
      <c r="Y24" s="71">
        <v>3</v>
      </c>
      <c r="Z24" s="72">
        <v>8</v>
      </c>
      <c r="AA24" s="244"/>
      <c r="AB24" s="71">
        <v>6</v>
      </c>
      <c r="AC24" s="71">
        <v>3</v>
      </c>
      <c r="AD24" s="71">
        <v>3</v>
      </c>
      <c r="AE24" s="71">
        <v>4</v>
      </c>
      <c r="AF24" s="71">
        <v>0</v>
      </c>
      <c r="AG24" s="72">
        <v>16</v>
      </c>
      <c r="AH24" s="73">
        <v>24</v>
      </c>
      <c r="AI24" s="70">
        <v>11</v>
      </c>
      <c r="AJ24" s="71">
        <v>4</v>
      </c>
      <c r="AK24" s="72">
        <v>15</v>
      </c>
      <c r="AL24" s="244"/>
      <c r="AM24" s="71">
        <v>5</v>
      </c>
      <c r="AN24" s="71">
        <v>5</v>
      </c>
      <c r="AO24" s="71">
        <v>3</v>
      </c>
      <c r="AP24" s="71">
        <v>5</v>
      </c>
      <c r="AQ24" s="71">
        <v>0</v>
      </c>
      <c r="AR24" s="72">
        <v>18</v>
      </c>
      <c r="AS24" s="73">
        <v>33</v>
      </c>
      <c r="AT24" s="70">
        <v>6</v>
      </c>
      <c r="AU24" s="71">
        <v>12</v>
      </c>
      <c r="AV24" s="72">
        <v>18</v>
      </c>
      <c r="AW24" s="244"/>
      <c r="AX24" s="71">
        <v>13</v>
      </c>
      <c r="AY24" s="71">
        <v>14</v>
      </c>
      <c r="AZ24" s="71">
        <v>6</v>
      </c>
      <c r="BA24" s="71">
        <v>5</v>
      </c>
      <c r="BB24" s="71">
        <v>4</v>
      </c>
      <c r="BC24" s="72">
        <v>42</v>
      </c>
      <c r="BD24" s="73">
        <v>60</v>
      </c>
      <c r="BE24" s="70">
        <v>20</v>
      </c>
      <c r="BF24" s="71">
        <v>15</v>
      </c>
      <c r="BG24" s="72">
        <v>35</v>
      </c>
      <c r="BH24" s="244"/>
      <c r="BI24" s="71">
        <v>30</v>
      </c>
      <c r="BJ24" s="71">
        <v>20</v>
      </c>
      <c r="BK24" s="71">
        <v>13</v>
      </c>
      <c r="BL24" s="71">
        <v>13</v>
      </c>
      <c r="BM24" s="71">
        <v>7</v>
      </c>
      <c r="BN24" s="72">
        <v>83</v>
      </c>
      <c r="BO24" s="73">
        <v>118</v>
      </c>
      <c r="BP24" s="70">
        <v>11</v>
      </c>
      <c r="BQ24" s="71">
        <v>11</v>
      </c>
      <c r="BR24" s="72">
        <v>22</v>
      </c>
      <c r="BS24" s="244"/>
      <c r="BT24" s="71">
        <v>18</v>
      </c>
      <c r="BU24" s="71">
        <v>19</v>
      </c>
      <c r="BV24" s="71">
        <v>14</v>
      </c>
      <c r="BW24" s="71">
        <v>8</v>
      </c>
      <c r="BX24" s="71">
        <v>7</v>
      </c>
      <c r="BY24" s="72">
        <v>66</v>
      </c>
      <c r="BZ24" s="73">
        <v>88</v>
      </c>
      <c r="CA24" s="70">
        <v>0</v>
      </c>
      <c r="CB24" s="71">
        <v>0</v>
      </c>
      <c r="CC24" s="72">
        <v>0</v>
      </c>
      <c r="CD24" s="244"/>
      <c r="CE24" s="71">
        <v>0</v>
      </c>
      <c r="CF24" s="71">
        <v>0</v>
      </c>
      <c r="CG24" s="71">
        <v>0</v>
      </c>
      <c r="CH24" s="71">
        <v>0</v>
      </c>
      <c r="CI24" s="71">
        <v>0</v>
      </c>
      <c r="CJ24" s="72">
        <v>0</v>
      </c>
      <c r="CK24" s="73">
        <v>0</v>
      </c>
      <c r="CL24" s="70">
        <v>53</v>
      </c>
      <c r="CM24" s="71">
        <v>46</v>
      </c>
      <c r="CN24" s="72">
        <v>99</v>
      </c>
      <c r="CO24" s="244"/>
      <c r="CP24" s="71">
        <v>73</v>
      </c>
      <c r="CQ24" s="71">
        <v>61</v>
      </c>
      <c r="CR24" s="71">
        <v>39</v>
      </c>
      <c r="CS24" s="71">
        <v>36</v>
      </c>
      <c r="CT24" s="71">
        <v>18</v>
      </c>
      <c r="CU24" s="72">
        <v>227</v>
      </c>
      <c r="CV24" s="73">
        <v>326</v>
      </c>
      <c r="CW24" s="123">
        <v>7</v>
      </c>
      <c r="CX24" s="82">
        <v>4</v>
      </c>
      <c r="CY24" s="83">
        <v>11</v>
      </c>
      <c r="CZ24" s="241"/>
      <c r="DA24" s="82">
        <v>13</v>
      </c>
      <c r="DB24" s="82">
        <v>6</v>
      </c>
      <c r="DC24" s="82">
        <v>10</v>
      </c>
      <c r="DD24" s="82">
        <v>5</v>
      </c>
      <c r="DE24" s="82">
        <v>7</v>
      </c>
      <c r="DF24" s="84">
        <v>41</v>
      </c>
      <c r="DG24" s="85">
        <v>52</v>
      </c>
      <c r="DH24" s="70">
        <v>0</v>
      </c>
      <c r="DI24" s="71">
        <v>0</v>
      </c>
      <c r="DJ24" s="72">
        <v>0</v>
      </c>
      <c r="DK24" s="244"/>
      <c r="DL24" s="71">
        <v>0</v>
      </c>
      <c r="DM24" s="71">
        <v>1</v>
      </c>
      <c r="DN24" s="71">
        <v>1</v>
      </c>
      <c r="DO24" s="71">
        <v>0</v>
      </c>
      <c r="DP24" s="71">
        <v>1</v>
      </c>
      <c r="DQ24" s="72">
        <v>3</v>
      </c>
      <c r="DR24" s="73">
        <v>3</v>
      </c>
      <c r="DS24" s="70">
        <v>1</v>
      </c>
      <c r="DT24" s="71">
        <v>0</v>
      </c>
      <c r="DU24" s="72">
        <v>1</v>
      </c>
      <c r="DV24" s="244"/>
      <c r="DW24" s="71">
        <v>1</v>
      </c>
      <c r="DX24" s="71">
        <v>0</v>
      </c>
      <c r="DY24" s="71">
        <v>0</v>
      </c>
      <c r="DZ24" s="71">
        <v>0</v>
      </c>
      <c r="EA24" s="71">
        <v>0</v>
      </c>
      <c r="EB24" s="72">
        <v>1</v>
      </c>
      <c r="EC24" s="73">
        <v>2</v>
      </c>
      <c r="ED24" s="70">
        <v>0</v>
      </c>
      <c r="EE24" s="71">
        <v>0</v>
      </c>
      <c r="EF24" s="72">
        <v>0</v>
      </c>
      <c r="EG24" s="244"/>
      <c r="EH24" s="71">
        <v>0</v>
      </c>
      <c r="EI24" s="71">
        <v>0</v>
      </c>
      <c r="EJ24" s="71">
        <v>0</v>
      </c>
      <c r="EK24" s="71">
        <v>0</v>
      </c>
      <c r="EL24" s="71">
        <v>0</v>
      </c>
      <c r="EM24" s="72">
        <v>0</v>
      </c>
      <c r="EN24" s="73">
        <v>0</v>
      </c>
      <c r="EO24" s="70">
        <v>0</v>
      </c>
      <c r="EP24" s="71">
        <v>2</v>
      </c>
      <c r="EQ24" s="72">
        <v>2</v>
      </c>
      <c r="ER24" s="244"/>
      <c r="ES24" s="71">
        <v>1</v>
      </c>
      <c r="ET24" s="71">
        <v>1</v>
      </c>
      <c r="EU24" s="71">
        <v>1</v>
      </c>
      <c r="EV24" s="71">
        <v>2</v>
      </c>
      <c r="EW24" s="71">
        <v>2</v>
      </c>
      <c r="EX24" s="72">
        <v>7</v>
      </c>
      <c r="EY24" s="73">
        <v>9</v>
      </c>
      <c r="EZ24" s="70">
        <v>3</v>
      </c>
      <c r="FA24" s="71">
        <v>1</v>
      </c>
      <c r="FB24" s="72">
        <v>4</v>
      </c>
      <c r="FC24" s="244"/>
      <c r="FD24" s="71">
        <v>4</v>
      </c>
      <c r="FE24" s="71">
        <v>1</v>
      </c>
      <c r="FF24" s="71">
        <v>3</v>
      </c>
      <c r="FG24" s="71">
        <v>2</v>
      </c>
      <c r="FH24" s="71">
        <v>1</v>
      </c>
      <c r="FI24" s="72">
        <v>11</v>
      </c>
      <c r="FJ24" s="73">
        <v>15</v>
      </c>
      <c r="FK24" s="70">
        <v>3</v>
      </c>
      <c r="FL24" s="71">
        <v>1</v>
      </c>
      <c r="FM24" s="72">
        <v>4</v>
      </c>
      <c r="FN24" s="244"/>
      <c r="FO24" s="71">
        <v>7</v>
      </c>
      <c r="FP24" s="71">
        <v>3</v>
      </c>
      <c r="FQ24" s="71">
        <v>5</v>
      </c>
      <c r="FR24" s="71">
        <v>1</v>
      </c>
      <c r="FS24" s="71">
        <v>3</v>
      </c>
      <c r="FT24" s="72">
        <v>19</v>
      </c>
      <c r="FU24" s="73">
        <v>23</v>
      </c>
      <c r="FV24" s="70">
        <v>0</v>
      </c>
      <c r="FW24" s="71">
        <v>0</v>
      </c>
      <c r="FX24" s="72">
        <v>0</v>
      </c>
      <c r="FY24" s="244"/>
      <c r="FZ24" s="71">
        <v>0</v>
      </c>
      <c r="GA24" s="71">
        <v>0</v>
      </c>
      <c r="GB24" s="71">
        <v>0</v>
      </c>
      <c r="GC24" s="71">
        <v>0</v>
      </c>
      <c r="GD24" s="71">
        <v>0</v>
      </c>
      <c r="GE24" s="72">
        <v>0</v>
      </c>
      <c r="GF24" s="73">
        <v>0</v>
      </c>
      <c r="GG24" s="70">
        <v>7</v>
      </c>
      <c r="GH24" s="71">
        <v>4</v>
      </c>
      <c r="GI24" s="72">
        <v>11</v>
      </c>
      <c r="GJ24" s="244"/>
      <c r="GK24" s="71">
        <v>13</v>
      </c>
      <c r="GL24" s="71">
        <v>6</v>
      </c>
      <c r="GM24" s="71">
        <v>10</v>
      </c>
      <c r="GN24" s="71">
        <v>5</v>
      </c>
      <c r="GO24" s="71">
        <v>7</v>
      </c>
      <c r="GP24" s="72">
        <v>41</v>
      </c>
      <c r="GQ24" s="73">
        <v>52</v>
      </c>
      <c r="GR24" s="123">
        <v>60</v>
      </c>
      <c r="GS24" s="82">
        <v>50</v>
      </c>
      <c r="GT24" s="83">
        <v>110</v>
      </c>
      <c r="GU24" s="241"/>
      <c r="GV24" s="82">
        <v>86</v>
      </c>
      <c r="GW24" s="82">
        <v>67</v>
      </c>
      <c r="GX24" s="82">
        <v>49</v>
      </c>
      <c r="GY24" s="82">
        <v>41</v>
      </c>
      <c r="GZ24" s="82">
        <v>25</v>
      </c>
      <c r="HA24" s="84">
        <v>268</v>
      </c>
      <c r="HB24" s="85">
        <v>378</v>
      </c>
      <c r="HC24" s="70">
        <v>0</v>
      </c>
      <c r="HD24" s="71">
        <v>1</v>
      </c>
      <c r="HE24" s="72">
        <v>1</v>
      </c>
      <c r="HF24" s="244"/>
      <c r="HG24" s="71">
        <v>1</v>
      </c>
      <c r="HH24" s="71">
        <v>1</v>
      </c>
      <c r="HI24" s="71">
        <v>1</v>
      </c>
      <c r="HJ24" s="71">
        <v>1</v>
      </c>
      <c r="HK24" s="71">
        <v>1</v>
      </c>
      <c r="HL24" s="72">
        <v>5</v>
      </c>
      <c r="HM24" s="73">
        <v>6</v>
      </c>
      <c r="HN24" s="70">
        <v>6</v>
      </c>
      <c r="HO24" s="71">
        <v>3</v>
      </c>
      <c r="HP24" s="72">
        <v>9</v>
      </c>
      <c r="HQ24" s="244"/>
      <c r="HR24" s="71">
        <v>7</v>
      </c>
      <c r="HS24" s="71">
        <v>3</v>
      </c>
      <c r="HT24" s="71">
        <v>3</v>
      </c>
      <c r="HU24" s="71">
        <v>4</v>
      </c>
      <c r="HV24" s="71">
        <v>0</v>
      </c>
      <c r="HW24" s="72">
        <v>17</v>
      </c>
      <c r="HX24" s="73">
        <v>26</v>
      </c>
      <c r="HY24" s="70">
        <v>11</v>
      </c>
      <c r="HZ24" s="71">
        <v>4</v>
      </c>
      <c r="IA24" s="72">
        <v>15</v>
      </c>
      <c r="IB24" s="244"/>
      <c r="IC24" s="71">
        <v>5</v>
      </c>
      <c r="ID24" s="71">
        <v>5</v>
      </c>
      <c r="IE24" s="71">
        <v>3</v>
      </c>
      <c r="IF24" s="71">
        <v>5</v>
      </c>
      <c r="IG24" s="71">
        <v>0</v>
      </c>
      <c r="IH24" s="72">
        <v>18</v>
      </c>
      <c r="II24" s="73">
        <v>33</v>
      </c>
      <c r="IJ24" s="70">
        <v>6</v>
      </c>
      <c r="IK24" s="71">
        <v>14</v>
      </c>
      <c r="IL24" s="72">
        <v>20</v>
      </c>
      <c r="IM24" s="244"/>
      <c r="IN24" s="71">
        <v>14</v>
      </c>
      <c r="IO24" s="71">
        <v>15</v>
      </c>
      <c r="IP24" s="71">
        <v>7</v>
      </c>
      <c r="IQ24" s="71">
        <v>7</v>
      </c>
      <c r="IR24" s="71">
        <v>6</v>
      </c>
      <c r="IS24" s="72">
        <v>49</v>
      </c>
      <c r="IT24" s="73">
        <v>69</v>
      </c>
      <c r="IU24" s="70">
        <v>23</v>
      </c>
      <c r="IV24" s="71">
        <v>16</v>
      </c>
      <c r="IW24" s="72">
        <v>39</v>
      </c>
      <c r="IX24" s="244"/>
      <c r="IY24" s="71">
        <v>34</v>
      </c>
      <c r="IZ24" s="71">
        <v>21</v>
      </c>
      <c r="JA24" s="71">
        <v>16</v>
      </c>
      <c r="JB24" s="71">
        <v>15</v>
      </c>
      <c r="JC24" s="71">
        <v>8</v>
      </c>
      <c r="JD24" s="72">
        <v>94</v>
      </c>
      <c r="JE24" s="73">
        <v>133</v>
      </c>
      <c r="JF24" s="70">
        <v>14</v>
      </c>
      <c r="JG24" s="71">
        <v>12</v>
      </c>
      <c r="JH24" s="72">
        <v>26</v>
      </c>
      <c r="JI24" s="244"/>
      <c r="JJ24" s="71">
        <v>25</v>
      </c>
      <c r="JK24" s="71">
        <v>22</v>
      </c>
      <c r="JL24" s="71">
        <v>19</v>
      </c>
      <c r="JM24" s="71">
        <v>9</v>
      </c>
      <c r="JN24" s="71">
        <v>10</v>
      </c>
      <c r="JO24" s="72">
        <v>85</v>
      </c>
      <c r="JP24" s="73">
        <v>111</v>
      </c>
      <c r="JQ24" s="70">
        <v>0</v>
      </c>
      <c r="JR24" s="71">
        <v>0</v>
      </c>
      <c r="JS24" s="72">
        <v>0</v>
      </c>
      <c r="JT24" s="244"/>
      <c r="JU24" s="71">
        <v>0</v>
      </c>
      <c r="JV24" s="71">
        <v>0</v>
      </c>
      <c r="JW24" s="71">
        <v>0</v>
      </c>
      <c r="JX24" s="71">
        <v>0</v>
      </c>
      <c r="JY24" s="71">
        <v>0</v>
      </c>
      <c r="JZ24" s="72">
        <v>0</v>
      </c>
      <c r="KA24" s="73">
        <v>0</v>
      </c>
      <c r="KB24" s="70">
        <v>60</v>
      </c>
      <c r="KC24" s="71">
        <v>50</v>
      </c>
      <c r="KD24" s="72">
        <v>110</v>
      </c>
      <c r="KE24" s="244"/>
      <c r="KF24" s="71">
        <v>86</v>
      </c>
      <c r="KG24" s="71">
        <v>67</v>
      </c>
      <c r="KH24" s="71">
        <v>49</v>
      </c>
      <c r="KI24" s="71">
        <v>41</v>
      </c>
      <c r="KJ24" s="71">
        <v>25</v>
      </c>
      <c r="KK24" s="72">
        <v>268</v>
      </c>
      <c r="KL24" s="73">
        <v>378</v>
      </c>
    </row>
    <row r="25" spans="1:298" ht="19.5" customHeight="1" x14ac:dyDescent="0.2">
      <c r="A25" s="126" t="s">
        <v>22</v>
      </c>
      <c r="B25" s="316">
        <v>20</v>
      </c>
      <c r="C25" s="82">
        <v>11</v>
      </c>
      <c r="D25" s="83">
        <v>31</v>
      </c>
      <c r="E25" s="241"/>
      <c r="F25" s="82">
        <v>35</v>
      </c>
      <c r="G25" s="82">
        <v>34</v>
      </c>
      <c r="H25" s="82">
        <v>19</v>
      </c>
      <c r="I25" s="82">
        <v>17</v>
      </c>
      <c r="J25" s="82">
        <v>6</v>
      </c>
      <c r="K25" s="84">
        <v>111</v>
      </c>
      <c r="L25" s="85">
        <v>142</v>
      </c>
      <c r="M25" s="70">
        <v>0</v>
      </c>
      <c r="N25" s="71">
        <v>0</v>
      </c>
      <c r="O25" s="72">
        <v>0</v>
      </c>
      <c r="P25" s="244"/>
      <c r="Q25" s="71">
        <v>0</v>
      </c>
      <c r="R25" s="71">
        <v>0</v>
      </c>
      <c r="S25" s="71">
        <v>0</v>
      </c>
      <c r="T25" s="71">
        <v>0</v>
      </c>
      <c r="U25" s="71">
        <v>1</v>
      </c>
      <c r="V25" s="72">
        <v>1</v>
      </c>
      <c r="W25" s="73">
        <v>1</v>
      </c>
      <c r="X25" s="70">
        <v>1</v>
      </c>
      <c r="Y25" s="71">
        <v>0</v>
      </c>
      <c r="Z25" s="72">
        <v>1</v>
      </c>
      <c r="AA25" s="244"/>
      <c r="AB25" s="71">
        <v>2</v>
      </c>
      <c r="AC25" s="71">
        <v>1</v>
      </c>
      <c r="AD25" s="71">
        <v>1</v>
      </c>
      <c r="AE25" s="71">
        <v>2</v>
      </c>
      <c r="AF25" s="71">
        <v>0</v>
      </c>
      <c r="AG25" s="72">
        <v>6</v>
      </c>
      <c r="AH25" s="73">
        <v>7</v>
      </c>
      <c r="AI25" s="70">
        <v>2</v>
      </c>
      <c r="AJ25" s="71">
        <v>0</v>
      </c>
      <c r="AK25" s="72">
        <v>2</v>
      </c>
      <c r="AL25" s="244"/>
      <c r="AM25" s="71">
        <v>4</v>
      </c>
      <c r="AN25" s="71">
        <v>2</v>
      </c>
      <c r="AO25" s="71">
        <v>7</v>
      </c>
      <c r="AP25" s="71">
        <v>1</v>
      </c>
      <c r="AQ25" s="71">
        <v>2</v>
      </c>
      <c r="AR25" s="72">
        <v>16</v>
      </c>
      <c r="AS25" s="73">
        <v>18</v>
      </c>
      <c r="AT25" s="70">
        <v>5</v>
      </c>
      <c r="AU25" s="71">
        <v>0</v>
      </c>
      <c r="AV25" s="72">
        <v>5</v>
      </c>
      <c r="AW25" s="244"/>
      <c r="AX25" s="71">
        <v>4</v>
      </c>
      <c r="AY25" s="71">
        <v>12</v>
      </c>
      <c r="AZ25" s="71">
        <v>3</v>
      </c>
      <c r="BA25" s="71">
        <v>7</v>
      </c>
      <c r="BB25" s="71">
        <v>1</v>
      </c>
      <c r="BC25" s="72">
        <v>27</v>
      </c>
      <c r="BD25" s="73">
        <v>32</v>
      </c>
      <c r="BE25" s="70">
        <v>4</v>
      </c>
      <c r="BF25" s="71">
        <v>7</v>
      </c>
      <c r="BG25" s="72">
        <v>11</v>
      </c>
      <c r="BH25" s="244"/>
      <c r="BI25" s="71">
        <v>14</v>
      </c>
      <c r="BJ25" s="71">
        <v>8</v>
      </c>
      <c r="BK25" s="71">
        <v>3</v>
      </c>
      <c r="BL25" s="71">
        <v>3</v>
      </c>
      <c r="BM25" s="71">
        <v>0</v>
      </c>
      <c r="BN25" s="72">
        <v>28</v>
      </c>
      <c r="BO25" s="73">
        <v>39</v>
      </c>
      <c r="BP25" s="70">
        <v>8</v>
      </c>
      <c r="BQ25" s="71">
        <v>4</v>
      </c>
      <c r="BR25" s="72">
        <v>12</v>
      </c>
      <c r="BS25" s="244"/>
      <c r="BT25" s="71">
        <v>11</v>
      </c>
      <c r="BU25" s="71">
        <v>11</v>
      </c>
      <c r="BV25" s="71">
        <v>5</v>
      </c>
      <c r="BW25" s="71">
        <v>4</v>
      </c>
      <c r="BX25" s="71">
        <v>2</v>
      </c>
      <c r="BY25" s="72">
        <v>33</v>
      </c>
      <c r="BZ25" s="73">
        <v>45</v>
      </c>
      <c r="CA25" s="70">
        <v>0</v>
      </c>
      <c r="CB25" s="71">
        <v>0</v>
      </c>
      <c r="CC25" s="72">
        <v>0</v>
      </c>
      <c r="CD25" s="244"/>
      <c r="CE25" s="71">
        <v>0</v>
      </c>
      <c r="CF25" s="71">
        <v>0</v>
      </c>
      <c r="CG25" s="71">
        <v>0</v>
      </c>
      <c r="CH25" s="71">
        <v>0</v>
      </c>
      <c r="CI25" s="71">
        <v>0</v>
      </c>
      <c r="CJ25" s="72">
        <v>0</v>
      </c>
      <c r="CK25" s="73">
        <v>0</v>
      </c>
      <c r="CL25" s="70">
        <v>20</v>
      </c>
      <c r="CM25" s="71">
        <v>11</v>
      </c>
      <c r="CN25" s="72">
        <v>31</v>
      </c>
      <c r="CO25" s="244"/>
      <c r="CP25" s="71">
        <v>35</v>
      </c>
      <c r="CQ25" s="71">
        <v>34</v>
      </c>
      <c r="CR25" s="71">
        <v>19</v>
      </c>
      <c r="CS25" s="71">
        <v>17</v>
      </c>
      <c r="CT25" s="71">
        <v>6</v>
      </c>
      <c r="CU25" s="72">
        <v>111</v>
      </c>
      <c r="CV25" s="73">
        <v>142</v>
      </c>
      <c r="CW25" s="123">
        <v>0</v>
      </c>
      <c r="CX25" s="82">
        <v>3</v>
      </c>
      <c r="CY25" s="83">
        <v>3</v>
      </c>
      <c r="CZ25" s="241"/>
      <c r="DA25" s="82">
        <v>8</v>
      </c>
      <c r="DB25" s="82">
        <v>5</v>
      </c>
      <c r="DC25" s="82">
        <v>2</v>
      </c>
      <c r="DD25" s="82">
        <v>3</v>
      </c>
      <c r="DE25" s="82">
        <v>3</v>
      </c>
      <c r="DF25" s="84">
        <v>21</v>
      </c>
      <c r="DG25" s="85">
        <v>24</v>
      </c>
      <c r="DH25" s="70">
        <v>0</v>
      </c>
      <c r="DI25" s="71">
        <v>0</v>
      </c>
      <c r="DJ25" s="72">
        <v>0</v>
      </c>
      <c r="DK25" s="244"/>
      <c r="DL25" s="71">
        <v>0</v>
      </c>
      <c r="DM25" s="71">
        <v>0</v>
      </c>
      <c r="DN25" s="71">
        <v>0</v>
      </c>
      <c r="DO25" s="71">
        <v>0</v>
      </c>
      <c r="DP25" s="71">
        <v>0</v>
      </c>
      <c r="DQ25" s="72">
        <v>0</v>
      </c>
      <c r="DR25" s="73">
        <v>0</v>
      </c>
      <c r="DS25" s="70">
        <v>0</v>
      </c>
      <c r="DT25" s="71">
        <v>1</v>
      </c>
      <c r="DU25" s="72">
        <v>1</v>
      </c>
      <c r="DV25" s="244"/>
      <c r="DW25" s="71">
        <v>0</v>
      </c>
      <c r="DX25" s="71">
        <v>0</v>
      </c>
      <c r="DY25" s="71">
        <v>0</v>
      </c>
      <c r="DZ25" s="71">
        <v>0</v>
      </c>
      <c r="EA25" s="71">
        <v>0</v>
      </c>
      <c r="EB25" s="72">
        <v>0</v>
      </c>
      <c r="EC25" s="73">
        <v>1</v>
      </c>
      <c r="ED25" s="70">
        <v>0</v>
      </c>
      <c r="EE25" s="71">
        <v>0</v>
      </c>
      <c r="EF25" s="72">
        <v>0</v>
      </c>
      <c r="EG25" s="244"/>
      <c r="EH25" s="71">
        <v>2</v>
      </c>
      <c r="EI25" s="71">
        <v>0</v>
      </c>
      <c r="EJ25" s="71">
        <v>1</v>
      </c>
      <c r="EK25" s="71">
        <v>0</v>
      </c>
      <c r="EL25" s="71">
        <v>0</v>
      </c>
      <c r="EM25" s="72">
        <v>3</v>
      </c>
      <c r="EN25" s="73">
        <v>3</v>
      </c>
      <c r="EO25" s="70">
        <v>0</v>
      </c>
      <c r="EP25" s="71">
        <v>0</v>
      </c>
      <c r="EQ25" s="72">
        <v>0</v>
      </c>
      <c r="ER25" s="244"/>
      <c r="ES25" s="71">
        <v>3</v>
      </c>
      <c r="ET25" s="71">
        <v>0</v>
      </c>
      <c r="EU25" s="71">
        <v>0</v>
      </c>
      <c r="EV25" s="71">
        <v>0</v>
      </c>
      <c r="EW25" s="71">
        <v>1</v>
      </c>
      <c r="EX25" s="72">
        <v>4</v>
      </c>
      <c r="EY25" s="73">
        <v>4</v>
      </c>
      <c r="EZ25" s="70">
        <v>0</v>
      </c>
      <c r="FA25" s="71">
        <v>2</v>
      </c>
      <c r="FB25" s="72">
        <v>2</v>
      </c>
      <c r="FC25" s="244"/>
      <c r="FD25" s="71">
        <v>2</v>
      </c>
      <c r="FE25" s="71">
        <v>1</v>
      </c>
      <c r="FF25" s="71">
        <v>1</v>
      </c>
      <c r="FG25" s="71">
        <v>0</v>
      </c>
      <c r="FH25" s="71">
        <v>1</v>
      </c>
      <c r="FI25" s="72">
        <v>5</v>
      </c>
      <c r="FJ25" s="73">
        <v>7</v>
      </c>
      <c r="FK25" s="70">
        <v>0</v>
      </c>
      <c r="FL25" s="71">
        <v>0</v>
      </c>
      <c r="FM25" s="72">
        <v>0</v>
      </c>
      <c r="FN25" s="244"/>
      <c r="FO25" s="71">
        <v>1</v>
      </c>
      <c r="FP25" s="71">
        <v>4</v>
      </c>
      <c r="FQ25" s="71">
        <v>0</v>
      </c>
      <c r="FR25" s="71">
        <v>3</v>
      </c>
      <c r="FS25" s="71">
        <v>1</v>
      </c>
      <c r="FT25" s="72">
        <v>9</v>
      </c>
      <c r="FU25" s="73">
        <v>9</v>
      </c>
      <c r="FV25" s="70">
        <v>0</v>
      </c>
      <c r="FW25" s="71">
        <v>0</v>
      </c>
      <c r="FX25" s="72">
        <v>0</v>
      </c>
      <c r="FY25" s="244"/>
      <c r="FZ25" s="71">
        <v>0</v>
      </c>
      <c r="GA25" s="71">
        <v>0</v>
      </c>
      <c r="GB25" s="71">
        <v>0</v>
      </c>
      <c r="GC25" s="71">
        <v>0</v>
      </c>
      <c r="GD25" s="71">
        <v>0</v>
      </c>
      <c r="GE25" s="72">
        <v>0</v>
      </c>
      <c r="GF25" s="73">
        <v>0</v>
      </c>
      <c r="GG25" s="70">
        <v>0</v>
      </c>
      <c r="GH25" s="71">
        <v>3</v>
      </c>
      <c r="GI25" s="72">
        <v>3</v>
      </c>
      <c r="GJ25" s="244"/>
      <c r="GK25" s="71">
        <v>8</v>
      </c>
      <c r="GL25" s="71">
        <v>5</v>
      </c>
      <c r="GM25" s="71">
        <v>2</v>
      </c>
      <c r="GN25" s="71">
        <v>3</v>
      </c>
      <c r="GO25" s="71">
        <v>3</v>
      </c>
      <c r="GP25" s="72">
        <v>21</v>
      </c>
      <c r="GQ25" s="73">
        <v>24</v>
      </c>
      <c r="GR25" s="123">
        <v>20</v>
      </c>
      <c r="GS25" s="82">
        <v>14</v>
      </c>
      <c r="GT25" s="83">
        <v>34</v>
      </c>
      <c r="GU25" s="241"/>
      <c r="GV25" s="82">
        <v>43</v>
      </c>
      <c r="GW25" s="82">
        <v>39</v>
      </c>
      <c r="GX25" s="82">
        <v>21</v>
      </c>
      <c r="GY25" s="82">
        <v>20</v>
      </c>
      <c r="GZ25" s="82">
        <v>9</v>
      </c>
      <c r="HA25" s="84">
        <v>132</v>
      </c>
      <c r="HB25" s="85">
        <v>166</v>
      </c>
      <c r="HC25" s="70">
        <v>0</v>
      </c>
      <c r="HD25" s="71">
        <v>0</v>
      </c>
      <c r="HE25" s="72">
        <v>0</v>
      </c>
      <c r="HF25" s="244"/>
      <c r="HG25" s="71">
        <v>0</v>
      </c>
      <c r="HH25" s="71">
        <v>0</v>
      </c>
      <c r="HI25" s="71">
        <v>0</v>
      </c>
      <c r="HJ25" s="71">
        <v>0</v>
      </c>
      <c r="HK25" s="71">
        <v>1</v>
      </c>
      <c r="HL25" s="72">
        <v>1</v>
      </c>
      <c r="HM25" s="73">
        <v>1</v>
      </c>
      <c r="HN25" s="70">
        <v>1</v>
      </c>
      <c r="HO25" s="71">
        <v>1</v>
      </c>
      <c r="HP25" s="72">
        <v>2</v>
      </c>
      <c r="HQ25" s="244"/>
      <c r="HR25" s="71">
        <v>2</v>
      </c>
      <c r="HS25" s="71">
        <v>1</v>
      </c>
      <c r="HT25" s="71">
        <v>1</v>
      </c>
      <c r="HU25" s="71">
        <v>2</v>
      </c>
      <c r="HV25" s="71">
        <v>0</v>
      </c>
      <c r="HW25" s="72">
        <v>6</v>
      </c>
      <c r="HX25" s="73">
        <v>8</v>
      </c>
      <c r="HY25" s="70">
        <v>2</v>
      </c>
      <c r="HZ25" s="71">
        <v>0</v>
      </c>
      <c r="IA25" s="72">
        <v>2</v>
      </c>
      <c r="IB25" s="244"/>
      <c r="IC25" s="71">
        <v>6</v>
      </c>
      <c r="ID25" s="71">
        <v>2</v>
      </c>
      <c r="IE25" s="71">
        <v>8</v>
      </c>
      <c r="IF25" s="71">
        <v>1</v>
      </c>
      <c r="IG25" s="71">
        <v>2</v>
      </c>
      <c r="IH25" s="72">
        <v>19</v>
      </c>
      <c r="II25" s="73">
        <v>21</v>
      </c>
      <c r="IJ25" s="70">
        <v>5</v>
      </c>
      <c r="IK25" s="71">
        <v>0</v>
      </c>
      <c r="IL25" s="72">
        <v>5</v>
      </c>
      <c r="IM25" s="244"/>
      <c r="IN25" s="71">
        <v>7</v>
      </c>
      <c r="IO25" s="71">
        <v>12</v>
      </c>
      <c r="IP25" s="71">
        <v>3</v>
      </c>
      <c r="IQ25" s="71">
        <v>7</v>
      </c>
      <c r="IR25" s="71">
        <v>2</v>
      </c>
      <c r="IS25" s="72">
        <v>31</v>
      </c>
      <c r="IT25" s="73">
        <v>36</v>
      </c>
      <c r="IU25" s="70">
        <v>4</v>
      </c>
      <c r="IV25" s="71">
        <v>9</v>
      </c>
      <c r="IW25" s="72">
        <v>13</v>
      </c>
      <c r="IX25" s="244"/>
      <c r="IY25" s="71">
        <v>16</v>
      </c>
      <c r="IZ25" s="71">
        <v>9</v>
      </c>
      <c r="JA25" s="71">
        <v>4</v>
      </c>
      <c r="JB25" s="71">
        <v>3</v>
      </c>
      <c r="JC25" s="71">
        <v>1</v>
      </c>
      <c r="JD25" s="72">
        <v>33</v>
      </c>
      <c r="JE25" s="73">
        <v>46</v>
      </c>
      <c r="JF25" s="70">
        <v>8</v>
      </c>
      <c r="JG25" s="71">
        <v>4</v>
      </c>
      <c r="JH25" s="72">
        <v>12</v>
      </c>
      <c r="JI25" s="244"/>
      <c r="JJ25" s="71">
        <v>12</v>
      </c>
      <c r="JK25" s="71">
        <v>15</v>
      </c>
      <c r="JL25" s="71">
        <v>5</v>
      </c>
      <c r="JM25" s="71">
        <v>7</v>
      </c>
      <c r="JN25" s="71">
        <v>3</v>
      </c>
      <c r="JO25" s="72">
        <v>42</v>
      </c>
      <c r="JP25" s="73">
        <v>54</v>
      </c>
      <c r="JQ25" s="70">
        <v>0</v>
      </c>
      <c r="JR25" s="71">
        <v>0</v>
      </c>
      <c r="JS25" s="72">
        <v>0</v>
      </c>
      <c r="JT25" s="244"/>
      <c r="JU25" s="71">
        <v>0</v>
      </c>
      <c r="JV25" s="71">
        <v>0</v>
      </c>
      <c r="JW25" s="71">
        <v>0</v>
      </c>
      <c r="JX25" s="71">
        <v>0</v>
      </c>
      <c r="JY25" s="71">
        <v>0</v>
      </c>
      <c r="JZ25" s="72">
        <v>0</v>
      </c>
      <c r="KA25" s="73">
        <v>0</v>
      </c>
      <c r="KB25" s="70">
        <v>20</v>
      </c>
      <c r="KC25" s="71">
        <v>14</v>
      </c>
      <c r="KD25" s="72">
        <v>34</v>
      </c>
      <c r="KE25" s="244"/>
      <c r="KF25" s="71">
        <v>43</v>
      </c>
      <c r="KG25" s="71">
        <v>39</v>
      </c>
      <c r="KH25" s="71">
        <v>21</v>
      </c>
      <c r="KI25" s="71">
        <v>20</v>
      </c>
      <c r="KJ25" s="71">
        <v>9</v>
      </c>
      <c r="KK25" s="72">
        <v>132</v>
      </c>
      <c r="KL25" s="73">
        <v>166</v>
      </c>
    </row>
    <row r="26" spans="1:298" ht="19.5" customHeight="1" x14ac:dyDescent="0.2">
      <c r="A26" s="126" t="s">
        <v>23</v>
      </c>
      <c r="B26" s="316">
        <v>30</v>
      </c>
      <c r="C26" s="82">
        <v>28</v>
      </c>
      <c r="D26" s="83">
        <v>58</v>
      </c>
      <c r="E26" s="241"/>
      <c r="F26" s="82">
        <v>46</v>
      </c>
      <c r="G26" s="82">
        <v>36</v>
      </c>
      <c r="H26" s="82">
        <v>24</v>
      </c>
      <c r="I26" s="82">
        <v>20</v>
      </c>
      <c r="J26" s="82">
        <v>10</v>
      </c>
      <c r="K26" s="84">
        <v>136</v>
      </c>
      <c r="L26" s="85">
        <v>194</v>
      </c>
      <c r="M26" s="70">
        <v>1</v>
      </c>
      <c r="N26" s="71">
        <v>1</v>
      </c>
      <c r="O26" s="72">
        <v>2</v>
      </c>
      <c r="P26" s="244"/>
      <c r="Q26" s="71">
        <v>0</v>
      </c>
      <c r="R26" s="71">
        <v>0</v>
      </c>
      <c r="S26" s="71">
        <v>1</v>
      </c>
      <c r="T26" s="71">
        <v>1</v>
      </c>
      <c r="U26" s="71">
        <v>0</v>
      </c>
      <c r="V26" s="72">
        <v>2</v>
      </c>
      <c r="W26" s="73">
        <v>4</v>
      </c>
      <c r="X26" s="70">
        <v>2</v>
      </c>
      <c r="Y26" s="71">
        <v>0</v>
      </c>
      <c r="Z26" s="72">
        <v>2</v>
      </c>
      <c r="AA26" s="244"/>
      <c r="AB26" s="71">
        <v>3</v>
      </c>
      <c r="AC26" s="71">
        <v>2</v>
      </c>
      <c r="AD26" s="71">
        <v>0</v>
      </c>
      <c r="AE26" s="71">
        <v>3</v>
      </c>
      <c r="AF26" s="71">
        <v>2</v>
      </c>
      <c r="AG26" s="72">
        <v>10</v>
      </c>
      <c r="AH26" s="73">
        <v>12</v>
      </c>
      <c r="AI26" s="70">
        <v>3</v>
      </c>
      <c r="AJ26" s="71">
        <v>4</v>
      </c>
      <c r="AK26" s="72">
        <v>7</v>
      </c>
      <c r="AL26" s="244"/>
      <c r="AM26" s="71">
        <v>4</v>
      </c>
      <c r="AN26" s="71">
        <v>3</v>
      </c>
      <c r="AO26" s="71">
        <v>2</v>
      </c>
      <c r="AP26" s="71">
        <v>2</v>
      </c>
      <c r="AQ26" s="71">
        <v>1</v>
      </c>
      <c r="AR26" s="72">
        <v>12</v>
      </c>
      <c r="AS26" s="73">
        <v>19</v>
      </c>
      <c r="AT26" s="70">
        <v>10</v>
      </c>
      <c r="AU26" s="71">
        <v>9</v>
      </c>
      <c r="AV26" s="72">
        <v>19</v>
      </c>
      <c r="AW26" s="244"/>
      <c r="AX26" s="71">
        <v>15</v>
      </c>
      <c r="AY26" s="71">
        <v>12</v>
      </c>
      <c r="AZ26" s="71">
        <v>6</v>
      </c>
      <c r="BA26" s="71">
        <v>4</v>
      </c>
      <c r="BB26" s="71">
        <v>3</v>
      </c>
      <c r="BC26" s="72">
        <v>40</v>
      </c>
      <c r="BD26" s="73">
        <v>59</v>
      </c>
      <c r="BE26" s="70">
        <v>11</v>
      </c>
      <c r="BF26" s="71">
        <v>7</v>
      </c>
      <c r="BG26" s="72">
        <v>18</v>
      </c>
      <c r="BH26" s="244"/>
      <c r="BI26" s="71">
        <v>17</v>
      </c>
      <c r="BJ26" s="71">
        <v>11</v>
      </c>
      <c r="BK26" s="71">
        <v>7</v>
      </c>
      <c r="BL26" s="71">
        <v>3</v>
      </c>
      <c r="BM26" s="71">
        <v>1</v>
      </c>
      <c r="BN26" s="72">
        <v>39</v>
      </c>
      <c r="BO26" s="73">
        <v>57</v>
      </c>
      <c r="BP26" s="70">
        <v>3</v>
      </c>
      <c r="BQ26" s="71">
        <v>7</v>
      </c>
      <c r="BR26" s="72">
        <v>10</v>
      </c>
      <c r="BS26" s="244"/>
      <c r="BT26" s="71">
        <v>7</v>
      </c>
      <c r="BU26" s="71">
        <v>8</v>
      </c>
      <c r="BV26" s="71">
        <v>8</v>
      </c>
      <c r="BW26" s="71">
        <v>7</v>
      </c>
      <c r="BX26" s="71">
        <v>3</v>
      </c>
      <c r="BY26" s="72">
        <v>33</v>
      </c>
      <c r="BZ26" s="73">
        <v>43</v>
      </c>
      <c r="CA26" s="70">
        <v>0</v>
      </c>
      <c r="CB26" s="71">
        <v>0</v>
      </c>
      <c r="CC26" s="72">
        <v>0</v>
      </c>
      <c r="CD26" s="244"/>
      <c r="CE26" s="71">
        <v>0</v>
      </c>
      <c r="CF26" s="71">
        <v>0</v>
      </c>
      <c r="CG26" s="71">
        <v>0</v>
      </c>
      <c r="CH26" s="71">
        <v>0</v>
      </c>
      <c r="CI26" s="71">
        <v>0</v>
      </c>
      <c r="CJ26" s="72">
        <v>0</v>
      </c>
      <c r="CK26" s="73">
        <v>0</v>
      </c>
      <c r="CL26" s="70">
        <v>30</v>
      </c>
      <c r="CM26" s="71">
        <v>28</v>
      </c>
      <c r="CN26" s="72">
        <v>58</v>
      </c>
      <c r="CO26" s="244"/>
      <c r="CP26" s="71">
        <v>46</v>
      </c>
      <c r="CQ26" s="71">
        <v>36</v>
      </c>
      <c r="CR26" s="71">
        <v>24</v>
      </c>
      <c r="CS26" s="71">
        <v>20</v>
      </c>
      <c r="CT26" s="71">
        <v>10</v>
      </c>
      <c r="CU26" s="72">
        <v>136</v>
      </c>
      <c r="CV26" s="73">
        <v>194</v>
      </c>
      <c r="CW26" s="123">
        <v>0</v>
      </c>
      <c r="CX26" s="82">
        <v>3</v>
      </c>
      <c r="CY26" s="83">
        <v>3</v>
      </c>
      <c r="CZ26" s="241"/>
      <c r="DA26" s="82">
        <v>5</v>
      </c>
      <c r="DB26" s="82">
        <v>5</v>
      </c>
      <c r="DC26" s="82">
        <v>3</v>
      </c>
      <c r="DD26" s="82">
        <v>3</v>
      </c>
      <c r="DE26" s="82">
        <v>1</v>
      </c>
      <c r="DF26" s="84">
        <v>17</v>
      </c>
      <c r="DG26" s="85">
        <v>20</v>
      </c>
      <c r="DH26" s="70">
        <v>0</v>
      </c>
      <c r="DI26" s="71">
        <v>0</v>
      </c>
      <c r="DJ26" s="72">
        <v>0</v>
      </c>
      <c r="DK26" s="244"/>
      <c r="DL26" s="71">
        <v>0</v>
      </c>
      <c r="DM26" s="71">
        <v>1</v>
      </c>
      <c r="DN26" s="71">
        <v>0</v>
      </c>
      <c r="DO26" s="71">
        <v>1</v>
      </c>
      <c r="DP26" s="71">
        <v>0</v>
      </c>
      <c r="DQ26" s="72">
        <v>2</v>
      </c>
      <c r="DR26" s="73">
        <v>2</v>
      </c>
      <c r="DS26" s="70">
        <v>0</v>
      </c>
      <c r="DT26" s="71">
        <v>1</v>
      </c>
      <c r="DU26" s="72">
        <v>1</v>
      </c>
      <c r="DV26" s="244"/>
      <c r="DW26" s="71">
        <v>2</v>
      </c>
      <c r="DX26" s="71">
        <v>0</v>
      </c>
      <c r="DY26" s="71">
        <v>0</v>
      </c>
      <c r="DZ26" s="71">
        <v>0</v>
      </c>
      <c r="EA26" s="71">
        <v>0</v>
      </c>
      <c r="EB26" s="72">
        <v>2</v>
      </c>
      <c r="EC26" s="73">
        <v>3</v>
      </c>
      <c r="ED26" s="70">
        <v>0</v>
      </c>
      <c r="EE26" s="71">
        <v>0</v>
      </c>
      <c r="EF26" s="72">
        <v>0</v>
      </c>
      <c r="EG26" s="244"/>
      <c r="EH26" s="71">
        <v>0</v>
      </c>
      <c r="EI26" s="71">
        <v>1</v>
      </c>
      <c r="EJ26" s="71">
        <v>0</v>
      </c>
      <c r="EK26" s="71">
        <v>1</v>
      </c>
      <c r="EL26" s="71">
        <v>0</v>
      </c>
      <c r="EM26" s="72">
        <v>2</v>
      </c>
      <c r="EN26" s="73">
        <v>2</v>
      </c>
      <c r="EO26" s="70">
        <v>0</v>
      </c>
      <c r="EP26" s="71">
        <v>1</v>
      </c>
      <c r="EQ26" s="72">
        <v>1</v>
      </c>
      <c r="ER26" s="244"/>
      <c r="ES26" s="71">
        <v>2</v>
      </c>
      <c r="ET26" s="71">
        <v>2</v>
      </c>
      <c r="EU26" s="71">
        <v>1</v>
      </c>
      <c r="EV26" s="71">
        <v>0</v>
      </c>
      <c r="EW26" s="71">
        <v>0</v>
      </c>
      <c r="EX26" s="72">
        <v>5</v>
      </c>
      <c r="EY26" s="73">
        <v>6</v>
      </c>
      <c r="EZ26" s="70">
        <v>0</v>
      </c>
      <c r="FA26" s="71">
        <v>1</v>
      </c>
      <c r="FB26" s="72">
        <v>1</v>
      </c>
      <c r="FC26" s="244"/>
      <c r="FD26" s="71">
        <v>1</v>
      </c>
      <c r="FE26" s="71">
        <v>1</v>
      </c>
      <c r="FF26" s="71">
        <v>2</v>
      </c>
      <c r="FG26" s="71">
        <v>1</v>
      </c>
      <c r="FH26" s="71">
        <v>0</v>
      </c>
      <c r="FI26" s="72">
        <v>5</v>
      </c>
      <c r="FJ26" s="73">
        <v>6</v>
      </c>
      <c r="FK26" s="70">
        <v>0</v>
      </c>
      <c r="FL26" s="71">
        <v>0</v>
      </c>
      <c r="FM26" s="72">
        <v>0</v>
      </c>
      <c r="FN26" s="244"/>
      <c r="FO26" s="71">
        <v>0</v>
      </c>
      <c r="FP26" s="71">
        <v>0</v>
      </c>
      <c r="FQ26" s="71">
        <v>0</v>
      </c>
      <c r="FR26" s="71">
        <v>0</v>
      </c>
      <c r="FS26" s="71">
        <v>1</v>
      </c>
      <c r="FT26" s="72">
        <v>1</v>
      </c>
      <c r="FU26" s="73">
        <v>1</v>
      </c>
      <c r="FV26" s="70">
        <v>0</v>
      </c>
      <c r="FW26" s="71">
        <v>0</v>
      </c>
      <c r="FX26" s="72">
        <v>0</v>
      </c>
      <c r="FY26" s="244"/>
      <c r="FZ26" s="71">
        <v>0</v>
      </c>
      <c r="GA26" s="71">
        <v>0</v>
      </c>
      <c r="GB26" s="71">
        <v>0</v>
      </c>
      <c r="GC26" s="71">
        <v>0</v>
      </c>
      <c r="GD26" s="71">
        <v>0</v>
      </c>
      <c r="GE26" s="72">
        <v>0</v>
      </c>
      <c r="GF26" s="73">
        <v>0</v>
      </c>
      <c r="GG26" s="70">
        <v>0</v>
      </c>
      <c r="GH26" s="71">
        <v>3</v>
      </c>
      <c r="GI26" s="72">
        <v>3</v>
      </c>
      <c r="GJ26" s="244"/>
      <c r="GK26" s="71">
        <v>5</v>
      </c>
      <c r="GL26" s="71">
        <v>5</v>
      </c>
      <c r="GM26" s="71">
        <v>3</v>
      </c>
      <c r="GN26" s="71">
        <v>3</v>
      </c>
      <c r="GO26" s="71">
        <v>1</v>
      </c>
      <c r="GP26" s="72">
        <v>17</v>
      </c>
      <c r="GQ26" s="73">
        <v>20</v>
      </c>
      <c r="GR26" s="123">
        <v>30</v>
      </c>
      <c r="GS26" s="82">
        <v>31</v>
      </c>
      <c r="GT26" s="83">
        <v>61</v>
      </c>
      <c r="GU26" s="241"/>
      <c r="GV26" s="82">
        <v>51</v>
      </c>
      <c r="GW26" s="82">
        <v>41</v>
      </c>
      <c r="GX26" s="82">
        <v>27</v>
      </c>
      <c r="GY26" s="82">
        <v>23</v>
      </c>
      <c r="GZ26" s="82">
        <v>11</v>
      </c>
      <c r="HA26" s="84">
        <v>153</v>
      </c>
      <c r="HB26" s="85">
        <v>214</v>
      </c>
      <c r="HC26" s="70">
        <v>1</v>
      </c>
      <c r="HD26" s="71">
        <v>1</v>
      </c>
      <c r="HE26" s="72">
        <v>2</v>
      </c>
      <c r="HF26" s="244"/>
      <c r="HG26" s="71">
        <v>0</v>
      </c>
      <c r="HH26" s="71">
        <v>1</v>
      </c>
      <c r="HI26" s="71">
        <v>1</v>
      </c>
      <c r="HJ26" s="71">
        <v>2</v>
      </c>
      <c r="HK26" s="71">
        <v>0</v>
      </c>
      <c r="HL26" s="72">
        <v>4</v>
      </c>
      <c r="HM26" s="73">
        <v>6</v>
      </c>
      <c r="HN26" s="70">
        <v>2</v>
      </c>
      <c r="HO26" s="71">
        <v>1</v>
      </c>
      <c r="HP26" s="72">
        <v>3</v>
      </c>
      <c r="HQ26" s="244"/>
      <c r="HR26" s="71">
        <v>5</v>
      </c>
      <c r="HS26" s="71">
        <v>2</v>
      </c>
      <c r="HT26" s="71">
        <v>0</v>
      </c>
      <c r="HU26" s="71">
        <v>3</v>
      </c>
      <c r="HV26" s="71">
        <v>2</v>
      </c>
      <c r="HW26" s="72">
        <v>12</v>
      </c>
      <c r="HX26" s="73">
        <v>15</v>
      </c>
      <c r="HY26" s="70">
        <v>3</v>
      </c>
      <c r="HZ26" s="71">
        <v>4</v>
      </c>
      <c r="IA26" s="72">
        <v>7</v>
      </c>
      <c r="IB26" s="244"/>
      <c r="IC26" s="71">
        <v>4</v>
      </c>
      <c r="ID26" s="71">
        <v>4</v>
      </c>
      <c r="IE26" s="71">
        <v>2</v>
      </c>
      <c r="IF26" s="71">
        <v>3</v>
      </c>
      <c r="IG26" s="71">
        <v>1</v>
      </c>
      <c r="IH26" s="72">
        <v>14</v>
      </c>
      <c r="II26" s="73">
        <v>21</v>
      </c>
      <c r="IJ26" s="70">
        <v>10</v>
      </c>
      <c r="IK26" s="71">
        <v>10</v>
      </c>
      <c r="IL26" s="72">
        <v>20</v>
      </c>
      <c r="IM26" s="244"/>
      <c r="IN26" s="71">
        <v>17</v>
      </c>
      <c r="IO26" s="71">
        <v>14</v>
      </c>
      <c r="IP26" s="71">
        <v>7</v>
      </c>
      <c r="IQ26" s="71">
        <v>4</v>
      </c>
      <c r="IR26" s="71">
        <v>3</v>
      </c>
      <c r="IS26" s="72">
        <v>45</v>
      </c>
      <c r="IT26" s="73">
        <v>65</v>
      </c>
      <c r="IU26" s="70">
        <v>11</v>
      </c>
      <c r="IV26" s="71">
        <v>8</v>
      </c>
      <c r="IW26" s="72">
        <v>19</v>
      </c>
      <c r="IX26" s="244"/>
      <c r="IY26" s="71">
        <v>18</v>
      </c>
      <c r="IZ26" s="71">
        <v>12</v>
      </c>
      <c r="JA26" s="71">
        <v>9</v>
      </c>
      <c r="JB26" s="71">
        <v>4</v>
      </c>
      <c r="JC26" s="71">
        <v>1</v>
      </c>
      <c r="JD26" s="72">
        <v>44</v>
      </c>
      <c r="JE26" s="73">
        <v>63</v>
      </c>
      <c r="JF26" s="70">
        <v>3</v>
      </c>
      <c r="JG26" s="71">
        <v>7</v>
      </c>
      <c r="JH26" s="72">
        <v>10</v>
      </c>
      <c r="JI26" s="244"/>
      <c r="JJ26" s="71">
        <v>7</v>
      </c>
      <c r="JK26" s="71">
        <v>8</v>
      </c>
      <c r="JL26" s="71">
        <v>8</v>
      </c>
      <c r="JM26" s="71">
        <v>7</v>
      </c>
      <c r="JN26" s="71">
        <v>4</v>
      </c>
      <c r="JO26" s="72">
        <v>34</v>
      </c>
      <c r="JP26" s="73">
        <v>44</v>
      </c>
      <c r="JQ26" s="70">
        <v>0</v>
      </c>
      <c r="JR26" s="71">
        <v>0</v>
      </c>
      <c r="JS26" s="72">
        <v>0</v>
      </c>
      <c r="JT26" s="244"/>
      <c r="JU26" s="71">
        <v>0</v>
      </c>
      <c r="JV26" s="71">
        <v>0</v>
      </c>
      <c r="JW26" s="71">
        <v>0</v>
      </c>
      <c r="JX26" s="71">
        <v>0</v>
      </c>
      <c r="JY26" s="71">
        <v>0</v>
      </c>
      <c r="JZ26" s="72">
        <v>0</v>
      </c>
      <c r="KA26" s="73">
        <v>0</v>
      </c>
      <c r="KB26" s="70">
        <v>30</v>
      </c>
      <c r="KC26" s="71">
        <v>31</v>
      </c>
      <c r="KD26" s="72">
        <v>61</v>
      </c>
      <c r="KE26" s="244"/>
      <c r="KF26" s="71">
        <v>51</v>
      </c>
      <c r="KG26" s="71">
        <v>41</v>
      </c>
      <c r="KH26" s="71">
        <v>27</v>
      </c>
      <c r="KI26" s="71">
        <v>23</v>
      </c>
      <c r="KJ26" s="71">
        <v>11</v>
      </c>
      <c r="KK26" s="72">
        <v>153</v>
      </c>
      <c r="KL26" s="73">
        <v>214</v>
      </c>
    </row>
    <row r="27" spans="1:298" ht="19.5" customHeight="1" x14ac:dyDescent="0.2">
      <c r="A27" s="126" t="s">
        <v>24</v>
      </c>
      <c r="B27" s="316">
        <v>35</v>
      </c>
      <c r="C27" s="82">
        <v>21</v>
      </c>
      <c r="D27" s="83">
        <v>56</v>
      </c>
      <c r="E27" s="241"/>
      <c r="F27" s="82">
        <v>47</v>
      </c>
      <c r="G27" s="82">
        <v>31</v>
      </c>
      <c r="H27" s="82">
        <v>19</v>
      </c>
      <c r="I27" s="82">
        <v>16</v>
      </c>
      <c r="J27" s="82">
        <v>7</v>
      </c>
      <c r="K27" s="84">
        <v>120</v>
      </c>
      <c r="L27" s="85">
        <v>176</v>
      </c>
      <c r="M27" s="70">
        <v>0</v>
      </c>
      <c r="N27" s="71">
        <v>0</v>
      </c>
      <c r="O27" s="72">
        <v>0</v>
      </c>
      <c r="P27" s="244"/>
      <c r="Q27" s="71">
        <v>2</v>
      </c>
      <c r="R27" s="71">
        <v>0</v>
      </c>
      <c r="S27" s="71">
        <v>0</v>
      </c>
      <c r="T27" s="71">
        <v>0</v>
      </c>
      <c r="U27" s="71">
        <v>0</v>
      </c>
      <c r="V27" s="72">
        <v>2</v>
      </c>
      <c r="W27" s="73">
        <v>2</v>
      </c>
      <c r="X27" s="70">
        <v>2</v>
      </c>
      <c r="Y27" s="71">
        <v>2</v>
      </c>
      <c r="Z27" s="72">
        <v>4</v>
      </c>
      <c r="AA27" s="244"/>
      <c r="AB27" s="71">
        <v>1</v>
      </c>
      <c r="AC27" s="71">
        <v>3</v>
      </c>
      <c r="AD27" s="71">
        <v>2</v>
      </c>
      <c r="AE27" s="71">
        <v>1</v>
      </c>
      <c r="AF27" s="71">
        <v>1</v>
      </c>
      <c r="AG27" s="72">
        <v>8</v>
      </c>
      <c r="AH27" s="73">
        <v>12</v>
      </c>
      <c r="AI27" s="70">
        <v>3</v>
      </c>
      <c r="AJ27" s="71">
        <v>3</v>
      </c>
      <c r="AK27" s="72">
        <v>6</v>
      </c>
      <c r="AL27" s="244"/>
      <c r="AM27" s="71">
        <v>4</v>
      </c>
      <c r="AN27" s="71">
        <v>4</v>
      </c>
      <c r="AO27" s="71">
        <v>0</v>
      </c>
      <c r="AP27" s="71">
        <v>2</v>
      </c>
      <c r="AQ27" s="71">
        <v>0</v>
      </c>
      <c r="AR27" s="72">
        <v>10</v>
      </c>
      <c r="AS27" s="73">
        <v>16</v>
      </c>
      <c r="AT27" s="70">
        <v>5</v>
      </c>
      <c r="AU27" s="71">
        <v>4</v>
      </c>
      <c r="AV27" s="72">
        <v>9</v>
      </c>
      <c r="AW27" s="244"/>
      <c r="AX27" s="71">
        <v>6</v>
      </c>
      <c r="AY27" s="71">
        <v>5</v>
      </c>
      <c r="AZ27" s="71">
        <v>1</v>
      </c>
      <c r="BA27" s="71">
        <v>2</v>
      </c>
      <c r="BB27" s="71">
        <v>3</v>
      </c>
      <c r="BC27" s="72">
        <v>17</v>
      </c>
      <c r="BD27" s="73">
        <v>26</v>
      </c>
      <c r="BE27" s="70">
        <v>10</v>
      </c>
      <c r="BF27" s="71">
        <v>4</v>
      </c>
      <c r="BG27" s="72">
        <v>14</v>
      </c>
      <c r="BH27" s="244"/>
      <c r="BI27" s="71">
        <v>14</v>
      </c>
      <c r="BJ27" s="71">
        <v>12</v>
      </c>
      <c r="BK27" s="71">
        <v>6</v>
      </c>
      <c r="BL27" s="71">
        <v>7</v>
      </c>
      <c r="BM27" s="71">
        <v>1</v>
      </c>
      <c r="BN27" s="72">
        <v>40</v>
      </c>
      <c r="BO27" s="73">
        <v>54</v>
      </c>
      <c r="BP27" s="70">
        <v>15</v>
      </c>
      <c r="BQ27" s="71">
        <v>8</v>
      </c>
      <c r="BR27" s="72">
        <v>23</v>
      </c>
      <c r="BS27" s="244"/>
      <c r="BT27" s="71">
        <v>20</v>
      </c>
      <c r="BU27" s="71">
        <v>7</v>
      </c>
      <c r="BV27" s="71">
        <v>10</v>
      </c>
      <c r="BW27" s="71">
        <v>4</v>
      </c>
      <c r="BX27" s="71">
        <v>2</v>
      </c>
      <c r="BY27" s="72">
        <v>43</v>
      </c>
      <c r="BZ27" s="73">
        <v>66</v>
      </c>
      <c r="CA27" s="70">
        <v>0</v>
      </c>
      <c r="CB27" s="71">
        <v>0</v>
      </c>
      <c r="CC27" s="72">
        <v>0</v>
      </c>
      <c r="CD27" s="244"/>
      <c r="CE27" s="71">
        <v>0</v>
      </c>
      <c r="CF27" s="71">
        <v>0</v>
      </c>
      <c r="CG27" s="71">
        <v>0</v>
      </c>
      <c r="CH27" s="71">
        <v>0</v>
      </c>
      <c r="CI27" s="71">
        <v>0</v>
      </c>
      <c r="CJ27" s="72">
        <v>0</v>
      </c>
      <c r="CK27" s="73">
        <v>0</v>
      </c>
      <c r="CL27" s="70">
        <v>35</v>
      </c>
      <c r="CM27" s="71">
        <v>21</v>
      </c>
      <c r="CN27" s="72">
        <v>56</v>
      </c>
      <c r="CO27" s="244"/>
      <c r="CP27" s="71">
        <v>47</v>
      </c>
      <c r="CQ27" s="71">
        <v>31</v>
      </c>
      <c r="CR27" s="71">
        <v>19</v>
      </c>
      <c r="CS27" s="71">
        <v>16</v>
      </c>
      <c r="CT27" s="71">
        <v>7</v>
      </c>
      <c r="CU27" s="72">
        <v>120</v>
      </c>
      <c r="CV27" s="73">
        <v>176</v>
      </c>
      <c r="CW27" s="123">
        <v>2</v>
      </c>
      <c r="CX27" s="82">
        <v>4</v>
      </c>
      <c r="CY27" s="83">
        <v>6</v>
      </c>
      <c r="CZ27" s="241"/>
      <c r="DA27" s="82">
        <v>7</v>
      </c>
      <c r="DB27" s="82">
        <v>5</v>
      </c>
      <c r="DC27" s="82">
        <v>4</v>
      </c>
      <c r="DD27" s="82">
        <v>3</v>
      </c>
      <c r="DE27" s="82">
        <v>3</v>
      </c>
      <c r="DF27" s="84">
        <v>22</v>
      </c>
      <c r="DG27" s="85">
        <v>28</v>
      </c>
      <c r="DH27" s="70">
        <v>0</v>
      </c>
      <c r="DI27" s="71">
        <v>0</v>
      </c>
      <c r="DJ27" s="72">
        <v>0</v>
      </c>
      <c r="DK27" s="244"/>
      <c r="DL27" s="71">
        <v>0</v>
      </c>
      <c r="DM27" s="71">
        <v>0</v>
      </c>
      <c r="DN27" s="71">
        <v>0</v>
      </c>
      <c r="DO27" s="71">
        <v>0</v>
      </c>
      <c r="DP27" s="71">
        <v>0</v>
      </c>
      <c r="DQ27" s="72">
        <v>0</v>
      </c>
      <c r="DR27" s="73">
        <v>0</v>
      </c>
      <c r="DS27" s="70">
        <v>1</v>
      </c>
      <c r="DT27" s="71">
        <v>0</v>
      </c>
      <c r="DU27" s="72">
        <v>1</v>
      </c>
      <c r="DV27" s="244"/>
      <c r="DW27" s="71">
        <v>0</v>
      </c>
      <c r="DX27" s="71">
        <v>0</v>
      </c>
      <c r="DY27" s="71">
        <v>0</v>
      </c>
      <c r="DZ27" s="71">
        <v>0</v>
      </c>
      <c r="EA27" s="71">
        <v>0</v>
      </c>
      <c r="EB27" s="72">
        <v>0</v>
      </c>
      <c r="EC27" s="73">
        <v>1</v>
      </c>
      <c r="ED27" s="70">
        <v>0</v>
      </c>
      <c r="EE27" s="71">
        <v>2</v>
      </c>
      <c r="EF27" s="72">
        <v>2</v>
      </c>
      <c r="EG27" s="244"/>
      <c r="EH27" s="71">
        <v>0</v>
      </c>
      <c r="EI27" s="71">
        <v>0</v>
      </c>
      <c r="EJ27" s="71">
        <v>1</v>
      </c>
      <c r="EK27" s="71">
        <v>0</v>
      </c>
      <c r="EL27" s="71">
        <v>0</v>
      </c>
      <c r="EM27" s="72">
        <v>1</v>
      </c>
      <c r="EN27" s="73">
        <v>3</v>
      </c>
      <c r="EO27" s="70">
        <v>0</v>
      </c>
      <c r="EP27" s="71">
        <v>0</v>
      </c>
      <c r="EQ27" s="72">
        <v>0</v>
      </c>
      <c r="ER27" s="244"/>
      <c r="ES27" s="71">
        <v>2</v>
      </c>
      <c r="ET27" s="71">
        <v>0</v>
      </c>
      <c r="EU27" s="71">
        <v>0</v>
      </c>
      <c r="EV27" s="71">
        <v>1</v>
      </c>
      <c r="EW27" s="71">
        <v>1</v>
      </c>
      <c r="EX27" s="72">
        <v>4</v>
      </c>
      <c r="EY27" s="73">
        <v>4</v>
      </c>
      <c r="EZ27" s="70">
        <v>1</v>
      </c>
      <c r="FA27" s="71">
        <v>2</v>
      </c>
      <c r="FB27" s="72">
        <v>3</v>
      </c>
      <c r="FC27" s="244"/>
      <c r="FD27" s="71">
        <v>1</v>
      </c>
      <c r="FE27" s="71">
        <v>4</v>
      </c>
      <c r="FF27" s="71">
        <v>1</v>
      </c>
      <c r="FG27" s="71">
        <v>0</v>
      </c>
      <c r="FH27" s="71">
        <v>0</v>
      </c>
      <c r="FI27" s="72">
        <v>6</v>
      </c>
      <c r="FJ27" s="73">
        <v>9</v>
      </c>
      <c r="FK27" s="70">
        <v>0</v>
      </c>
      <c r="FL27" s="71">
        <v>0</v>
      </c>
      <c r="FM27" s="72">
        <v>0</v>
      </c>
      <c r="FN27" s="244"/>
      <c r="FO27" s="71">
        <v>4</v>
      </c>
      <c r="FP27" s="71">
        <v>1</v>
      </c>
      <c r="FQ27" s="71">
        <v>2</v>
      </c>
      <c r="FR27" s="71">
        <v>2</v>
      </c>
      <c r="FS27" s="71">
        <v>2</v>
      </c>
      <c r="FT27" s="72">
        <v>11</v>
      </c>
      <c r="FU27" s="73">
        <v>11</v>
      </c>
      <c r="FV27" s="70">
        <v>0</v>
      </c>
      <c r="FW27" s="71">
        <v>0</v>
      </c>
      <c r="FX27" s="72">
        <v>0</v>
      </c>
      <c r="FY27" s="244"/>
      <c r="FZ27" s="71">
        <v>0</v>
      </c>
      <c r="GA27" s="71">
        <v>0</v>
      </c>
      <c r="GB27" s="71">
        <v>0</v>
      </c>
      <c r="GC27" s="71">
        <v>0</v>
      </c>
      <c r="GD27" s="71">
        <v>0</v>
      </c>
      <c r="GE27" s="72">
        <v>0</v>
      </c>
      <c r="GF27" s="73">
        <v>0</v>
      </c>
      <c r="GG27" s="70">
        <v>2</v>
      </c>
      <c r="GH27" s="71">
        <v>4</v>
      </c>
      <c r="GI27" s="72">
        <v>6</v>
      </c>
      <c r="GJ27" s="244"/>
      <c r="GK27" s="71">
        <v>7</v>
      </c>
      <c r="GL27" s="71">
        <v>5</v>
      </c>
      <c r="GM27" s="71">
        <v>4</v>
      </c>
      <c r="GN27" s="71">
        <v>3</v>
      </c>
      <c r="GO27" s="71">
        <v>3</v>
      </c>
      <c r="GP27" s="72">
        <v>22</v>
      </c>
      <c r="GQ27" s="73">
        <v>28</v>
      </c>
      <c r="GR27" s="123">
        <v>37</v>
      </c>
      <c r="GS27" s="82">
        <v>25</v>
      </c>
      <c r="GT27" s="83">
        <v>62</v>
      </c>
      <c r="GU27" s="241"/>
      <c r="GV27" s="82">
        <v>54</v>
      </c>
      <c r="GW27" s="82">
        <v>36</v>
      </c>
      <c r="GX27" s="82">
        <v>23</v>
      </c>
      <c r="GY27" s="82">
        <v>19</v>
      </c>
      <c r="GZ27" s="82">
        <v>10</v>
      </c>
      <c r="HA27" s="84">
        <v>142</v>
      </c>
      <c r="HB27" s="85">
        <v>204</v>
      </c>
      <c r="HC27" s="70">
        <v>0</v>
      </c>
      <c r="HD27" s="71">
        <v>0</v>
      </c>
      <c r="HE27" s="72">
        <v>0</v>
      </c>
      <c r="HF27" s="244"/>
      <c r="HG27" s="71">
        <v>2</v>
      </c>
      <c r="HH27" s="71">
        <v>0</v>
      </c>
      <c r="HI27" s="71">
        <v>0</v>
      </c>
      <c r="HJ27" s="71">
        <v>0</v>
      </c>
      <c r="HK27" s="71">
        <v>0</v>
      </c>
      <c r="HL27" s="72">
        <v>2</v>
      </c>
      <c r="HM27" s="73">
        <v>2</v>
      </c>
      <c r="HN27" s="70">
        <v>3</v>
      </c>
      <c r="HO27" s="71">
        <v>2</v>
      </c>
      <c r="HP27" s="72">
        <v>5</v>
      </c>
      <c r="HQ27" s="244"/>
      <c r="HR27" s="71">
        <v>1</v>
      </c>
      <c r="HS27" s="71">
        <v>3</v>
      </c>
      <c r="HT27" s="71">
        <v>2</v>
      </c>
      <c r="HU27" s="71">
        <v>1</v>
      </c>
      <c r="HV27" s="71">
        <v>1</v>
      </c>
      <c r="HW27" s="72">
        <v>8</v>
      </c>
      <c r="HX27" s="73">
        <v>13</v>
      </c>
      <c r="HY27" s="70">
        <v>3</v>
      </c>
      <c r="HZ27" s="71">
        <v>5</v>
      </c>
      <c r="IA27" s="72">
        <v>8</v>
      </c>
      <c r="IB27" s="244"/>
      <c r="IC27" s="71">
        <v>4</v>
      </c>
      <c r="ID27" s="71">
        <v>4</v>
      </c>
      <c r="IE27" s="71">
        <v>1</v>
      </c>
      <c r="IF27" s="71">
        <v>2</v>
      </c>
      <c r="IG27" s="71">
        <v>0</v>
      </c>
      <c r="IH27" s="72">
        <v>11</v>
      </c>
      <c r="II27" s="73">
        <v>19</v>
      </c>
      <c r="IJ27" s="70">
        <v>5</v>
      </c>
      <c r="IK27" s="71">
        <v>4</v>
      </c>
      <c r="IL27" s="72">
        <v>9</v>
      </c>
      <c r="IM27" s="244"/>
      <c r="IN27" s="71">
        <v>8</v>
      </c>
      <c r="IO27" s="71">
        <v>5</v>
      </c>
      <c r="IP27" s="71">
        <v>1</v>
      </c>
      <c r="IQ27" s="71">
        <v>3</v>
      </c>
      <c r="IR27" s="71">
        <v>4</v>
      </c>
      <c r="IS27" s="72">
        <v>21</v>
      </c>
      <c r="IT27" s="73">
        <v>30</v>
      </c>
      <c r="IU27" s="70">
        <v>11</v>
      </c>
      <c r="IV27" s="71">
        <v>6</v>
      </c>
      <c r="IW27" s="72">
        <v>17</v>
      </c>
      <c r="IX27" s="244"/>
      <c r="IY27" s="71">
        <v>15</v>
      </c>
      <c r="IZ27" s="71">
        <v>16</v>
      </c>
      <c r="JA27" s="71">
        <v>7</v>
      </c>
      <c r="JB27" s="71">
        <v>7</v>
      </c>
      <c r="JC27" s="71">
        <v>1</v>
      </c>
      <c r="JD27" s="72">
        <v>46</v>
      </c>
      <c r="JE27" s="73">
        <v>63</v>
      </c>
      <c r="JF27" s="70">
        <v>15</v>
      </c>
      <c r="JG27" s="71">
        <v>8</v>
      </c>
      <c r="JH27" s="72">
        <v>23</v>
      </c>
      <c r="JI27" s="244"/>
      <c r="JJ27" s="71">
        <v>24</v>
      </c>
      <c r="JK27" s="71">
        <v>8</v>
      </c>
      <c r="JL27" s="71">
        <v>12</v>
      </c>
      <c r="JM27" s="71">
        <v>6</v>
      </c>
      <c r="JN27" s="71">
        <v>4</v>
      </c>
      <c r="JO27" s="72">
        <v>54</v>
      </c>
      <c r="JP27" s="73">
        <v>77</v>
      </c>
      <c r="JQ27" s="70">
        <v>0</v>
      </c>
      <c r="JR27" s="71">
        <v>0</v>
      </c>
      <c r="JS27" s="72">
        <v>0</v>
      </c>
      <c r="JT27" s="244"/>
      <c r="JU27" s="71">
        <v>0</v>
      </c>
      <c r="JV27" s="71">
        <v>0</v>
      </c>
      <c r="JW27" s="71">
        <v>0</v>
      </c>
      <c r="JX27" s="71">
        <v>0</v>
      </c>
      <c r="JY27" s="71">
        <v>0</v>
      </c>
      <c r="JZ27" s="72">
        <v>0</v>
      </c>
      <c r="KA27" s="73">
        <v>0</v>
      </c>
      <c r="KB27" s="70">
        <v>37</v>
      </c>
      <c r="KC27" s="71">
        <v>25</v>
      </c>
      <c r="KD27" s="72">
        <v>62</v>
      </c>
      <c r="KE27" s="244"/>
      <c r="KF27" s="71">
        <v>54</v>
      </c>
      <c r="KG27" s="71">
        <v>36</v>
      </c>
      <c r="KH27" s="71">
        <v>23</v>
      </c>
      <c r="KI27" s="71">
        <v>19</v>
      </c>
      <c r="KJ27" s="71">
        <v>10</v>
      </c>
      <c r="KK27" s="72">
        <v>142</v>
      </c>
      <c r="KL27" s="73">
        <v>204</v>
      </c>
    </row>
    <row r="28" spans="1:298" ht="19.5" customHeight="1" x14ac:dyDescent="0.2">
      <c r="A28" s="126" t="s">
        <v>25</v>
      </c>
      <c r="B28" s="316">
        <v>16</v>
      </c>
      <c r="C28" s="82">
        <v>15</v>
      </c>
      <c r="D28" s="83">
        <v>31</v>
      </c>
      <c r="E28" s="241"/>
      <c r="F28" s="82">
        <v>38</v>
      </c>
      <c r="G28" s="82">
        <v>12</v>
      </c>
      <c r="H28" s="82">
        <v>15</v>
      </c>
      <c r="I28" s="82">
        <v>13</v>
      </c>
      <c r="J28" s="82">
        <v>6</v>
      </c>
      <c r="K28" s="84">
        <v>84</v>
      </c>
      <c r="L28" s="85">
        <v>115</v>
      </c>
      <c r="M28" s="70">
        <v>0</v>
      </c>
      <c r="N28" s="71">
        <v>0</v>
      </c>
      <c r="O28" s="72">
        <v>0</v>
      </c>
      <c r="P28" s="244"/>
      <c r="Q28" s="71">
        <v>1</v>
      </c>
      <c r="R28" s="71">
        <v>0</v>
      </c>
      <c r="S28" s="71">
        <v>0</v>
      </c>
      <c r="T28" s="71">
        <v>0</v>
      </c>
      <c r="U28" s="71">
        <v>0</v>
      </c>
      <c r="V28" s="72">
        <v>1</v>
      </c>
      <c r="W28" s="73">
        <v>1</v>
      </c>
      <c r="X28" s="70">
        <v>1</v>
      </c>
      <c r="Y28" s="71">
        <v>3</v>
      </c>
      <c r="Z28" s="72">
        <v>4</v>
      </c>
      <c r="AA28" s="244"/>
      <c r="AB28" s="71">
        <v>1</v>
      </c>
      <c r="AC28" s="71">
        <v>2</v>
      </c>
      <c r="AD28" s="71">
        <v>0</v>
      </c>
      <c r="AE28" s="71">
        <v>1</v>
      </c>
      <c r="AF28" s="71">
        <v>0</v>
      </c>
      <c r="AG28" s="72">
        <v>4</v>
      </c>
      <c r="AH28" s="73">
        <v>8</v>
      </c>
      <c r="AI28" s="70">
        <v>3</v>
      </c>
      <c r="AJ28" s="71">
        <v>4</v>
      </c>
      <c r="AK28" s="72">
        <v>7</v>
      </c>
      <c r="AL28" s="244"/>
      <c r="AM28" s="71">
        <v>4</v>
      </c>
      <c r="AN28" s="71">
        <v>1</v>
      </c>
      <c r="AO28" s="71">
        <v>0</v>
      </c>
      <c r="AP28" s="71">
        <v>3</v>
      </c>
      <c r="AQ28" s="71">
        <v>1</v>
      </c>
      <c r="AR28" s="72">
        <v>9</v>
      </c>
      <c r="AS28" s="73">
        <v>16</v>
      </c>
      <c r="AT28" s="70">
        <v>2</v>
      </c>
      <c r="AU28" s="71">
        <v>4</v>
      </c>
      <c r="AV28" s="72">
        <v>6</v>
      </c>
      <c r="AW28" s="244"/>
      <c r="AX28" s="71">
        <v>11</v>
      </c>
      <c r="AY28" s="71">
        <v>4</v>
      </c>
      <c r="AZ28" s="71">
        <v>4</v>
      </c>
      <c r="BA28" s="71">
        <v>3</v>
      </c>
      <c r="BB28" s="71">
        <v>2</v>
      </c>
      <c r="BC28" s="72">
        <v>24</v>
      </c>
      <c r="BD28" s="73">
        <v>30</v>
      </c>
      <c r="BE28" s="70">
        <v>4</v>
      </c>
      <c r="BF28" s="71">
        <v>1</v>
      </c>
      <c r="BG28" s="72">
        <v>5</v>
      </c>
      <c r="BH28" s="244"/>
      <c r="BI28" s="71">
        <v>9</v>
      </c>
      <c r="BJ28" s="71">
        <v>5</v>
      </c>
      <c r="BK28" s="71">
        <v>4</v>
      </c>
      <c r="BL28" s="71">
        <v>3</v>
      </c>
      <c r="BM28" s="71">
        <v>1</v>
      </c>
      <c r="BN28" s="72">
        <v>22</v>
      </c>
      <c r="BO28" s="73">
        <v>27</v>
      </c>
      <c r="BP28" s="70">
        <v>6</v>
      </c>
      <c r="BQ28" s="71">
        <v>3</v>
      </c>
      <c r="BR28" s="72">
        <v>9</v>
      </c>
      <c r="BS28" s="244"/>
      <c r="BT28" s="71">
        <v>12</v>
      </c>
      <c r="BU28" s="71">
        <v>0</v>
      </c>
      <c r="BV28" s="71">
        <v>7</v>
      </c>
      <c r="BW28" s="71">
        <v>3</v>
      </c>
      <c r="BX28" s="71">
        <v>2</v>
      </c>
      <c r="BY28" s="72">
        <v>24</v>
      </c>
      <c r="BZ28" s="73">
        <v>33</v>
      </c>
      <c r="CA28" s="70">
        <v>0</v>
      </c>
      <c r="CB28" s="71">
        <v>0</v>
      </c>
      <c r="CC28" s="72">
        <v>0</v>
      </c>
      <c r="CD28" s="244"/>
      <c r="CE28" s="71">
        <v>0</v>
      </c>
      <c r="CF28" s="71">
        <v>0</v>
      </c>
      <c r="CG28" s="71">
        <v>0</v>
      </c>
      <c r="CH28" s="71">
        <v>0</v>
      </c>
      <c r="CI28" s="71">
        <v>0</v>
      </c>
      <c r="CJ28" s="72">
        <v>0</v>
      </c>
      <c r="CK28" s="73">
        <v>0</v>
      </c>
      <c r="CL28" s="70">
        <v>16</v>
      </c>
      <c r="CM28" s="71">
        <v>15</v>
      </c>
      <c r="CN28" s="72">
        <v>31</v>
      </c>
      <c r="CO28" s="244"/>
      <c r="CP28" s="71">
        <v>38</v>
      </c>
      <c r="CQ28" s="71">
        <v>12</v>
      </c>
      <c r="CR28" s="71">
        <v>15</v>
      </c>
      <c r="CS28" s="71">
        <v>13</v>
      </c>
      <c r="CT28" s="71">
        <v>6</v>
      </c>
      <c r="CU28" s="72">
        <v>84</v>
      </c>
      <c r="CV28" s="73">
        <v>115</v>
      </c>
      <c r="CW28" s="123">
        <v>2</v>
      </c>
      <c r="CX28" s="82">
        <v>3</v>
      </c>
      <c r="CY28" s="83">
        <v>5</v>
      </c>
      <c r="CZ28" s="241"/>
      <c r="DA28" s="82">
        <v>3</v>
      </c>
      <c r="DB28" s="82">
        <v>1</v>
      </c>
      <c r="DC28" s="82">
        <v>0</v>
      </c>
      <c r="DD28" s="82">
        <v>3</v>
      </c>
      <c r="DE28" s="82">
        <v>0</v>
      </c>
      <c r="DF28" s="84">
        <v>7</v>
      </c>
      <c r="DG28" s="85">
        <v>12</v>
      </c>
      <c r="DH28" s="70">
        <v>0</v>
      </c>
      <c r="DI28" s="71">
        <v>0</v>
      </c>
      <c r="DJ28" s="72">
        <v>0</v>
      </c>
      <c r="DK28" s="244"/>
      <c r="DL28" s="71">
        <v>0</v>
      </c>
      <c r="DM28" s="71">
        <v>0</v>
      </c>
      <c r="DN28" s="71">
        <v>0</v>
      </c>
      <c r="DO28" s="71">
        <v>0</v>
      </c>
      <c r="DP28" s="71">
        <v>0</v>
      </c>
      <c r="DQ28" s="72">
        <v>0</v>
      </c>
      <c r="DR28" s="73">
        <v>0</v>
      </c>
      <c r="DS28" s="70">
        <v>0</v>
      </c>
      <c r="DT28" s="71">
        <v>0</v>
      </c>
      <c r="DU28" s="72">
        <v>0</v>
      </c>
      <c r="DV28" s="244"/>
      <c r="DW28" s="71">
        <v>0</v>
      </c>
      <c r="DX28" s="71">
        <v>0</v>
      </c>
      <c r="DY28" s="71">
        <v>0</v>
      </c>
      <c r="DZ28" s="71">
        <v>0</v>
      </c>
      <c r="EA28" s="71">
        <v>0</v>
      </c>
      <c r="EB28" s="72">
        <v>0</v>
      </c>
      <c r="EC28" s="73">
        <v>0</v>
      </c>
      <c r="ED28" s="70">
        <v>0</v>
      </c>
      <c r="EE28" s="71">
        <v>2</v>
      </c>
      <c r="EF28" s="72">
        <v>2</v>
      </c>
      <c r="EG28" s="244"/>
      <c r="EH28" s="71">
        <v>0</v>
      </c>
      <c r="EI28" s="71">
        <v>1</v>
      </c>
      <c r="EJ28" s="71">
        <v>0</v>
      </c>
      <c r="EK28" s="71">
        <v>0</v>
      </c>
      <c r="EL28" s="71">
        <v>0</v>
      </c>
      <c r="EM28" s="72">
        <v>1</v>
      </c>
      <c r="EN28" s="73">
        <v>3</v>
      </c>
      <c r="EO28" s="70">
        <v>1</v>
      </c>
      <c r="EP28" s="71">
        <v>0</v>
      </c>
      <c r="EQ28" s="72">
        <v>1</v>
      </c>
      <c r="ER28" s="244"/>
      <c r="ES28" s="71">
        <v>0</v>
      </c>
      <c r="ET28" s="71">
        <v>0</v>
      </c>
      <c r="EU28" s="71">
        <v>0</v>
      </c>
      <c r="EV28" s="71">
        <v>0</v>
      </c>
      <c r="EW28" s="71">
        <v>0</v>
      </c>
      <c r="EX28" s="72">
        <v>0</v>
      </c>
      <c r="EY28" s="73">
        <v>1</v>
      </c>
      <c r="EZ28" s="70">
        <v>0</v>
      </c>
      <c r="FA28" s="71">
        <v>1</v>
      </c>
      <c r="FB28" s="72">
        <v>1</v>
      </c>
      <c r="FC28" s="244"/>
      <c r="FD28" s="71">
        <v>1</v>
      </c>
      <c r="FE28" s="71">
        <v>0</v>
      </c>
      <c r="FF28" s="71">
        <v>0</v>
      </c>
      <c r="FG28" s="71">
        <v>2</v>
      </c>
      <c r="FH28" s="71">
        <v>0</v>
      </c>
      <c r="FI28" s="72">
        <v>3</v>
      </c>
      <c r="FJ28" s="73">
        <v>4</v>
      </c>
      <c r="FK28" s="70">
        <v>1</v>
      </c>
      <c r="FL28" s="71">
        <v>0</v>
      </c>
      <c r="FM28" s="72">
        <v>1</v>
      </c>
      <c r="FN28" s="244"/>
      <c r="FO28" s="71">
        <v>2</v>
      </c>
      <c r="FP28" s="71">
        <v>0</v>
      </c>
      <c r="FQ28" s="71">
        <v>0</v>
      </c>
      <c r="FR28" s="71">
        <v>1</v>
      </c>
      <c r="FS28" s="71">
        <v>0</v>
      </c>
      <c r="FT28" s="72">
        <v>3</v>
      </c>
      <c r="FU28" s="73">
        <v>4</v>
      </c>
      <c r="FV28" s="70">
        <v>0</v>
      </c>
      <c r="FW28" s="71">
        <v>0</v>
      </c>
      <c r="FX28" s="72">
        <v>0</v>
      </c>
      <c r="FY28" s="244"/>
      <c r="FZ28" s="71">
        <v>0</v>
      </c>
      <c r="GA28" s="71">
        <v>0</v>
      </c>
      <c r="GB28" s="71">
        <v>0</v>
      </c>
      <c r="GC28" s="71">
        <v>0</v>
      </c>
      <c r="GD28" s="71">
        <v>0</v>
      </c>
      <c r="GE28" s="72">
        <v>0</v>
      </c>
      <c r="GF28" s="73">
        <v>0</v>
      </c>
      <c r="GG28" s="70">
        <v>2</v>
      </c>
      <c r="GH28" s="71">
        <v>3</v>
      </c>
      <c r="GI28" s="72">
        <v>5</v>
      </c>
      <c r="GJ28" s="244"/>
      <c r="GK28" s="71">
        <v>3</v>
      </c>
      <c r="GL28" s="71">
        <v>1</v>
      </c>
      <c r="GM28" s="71">
        <v>0</v>
      </c>
      <c r="GN28" s="71">
        <v>3</v>
      </c>
      <c r="GO28" s="71">
        <v>0</v>
      </c>
      <c r="GP28" s="72">
        <v>7</v>
      </c>
      <c r="GQ28" s="73">
        <v>12</v>
      </c>
      <c r="GR28" s="123">
        <v>18</v>
      </c>
      <c r="GS28" s="82">
        <v>18</v>
      </c>
      <c r="GT28" s="83">
        <v>36</v>
      </c>
      <c r="GU28" s="241"/>
      <c r="GV28" s="82">
        <v>41</v>
      </c>
      <c r="GW28" s="82">
        <v>13</v>
      </c>
      <c r="GX28" s="82">
        <v>15</v>
      </c>
      <c r="GY28" s="82">
        <v>16</v>
      </c>
      <c r="GZ28" s="82">
        <v>6</v>
      </c>
      <c r="HA28" s="84">
        <v>91</v>
      </c>
      <c r="HB28" s="85">
        <v>127</v>
      </c>
      <c r="HC28" s="70">
        <v>0</v>
      </c>
      <c r="HD28" s="71">
        <v>0</v>
      </c>
      <c r="HE28" s="72">
        <v>0</v>
      </c>
      <c r="HF28" s="244"/>
      <c r="HG28" s="71">
        <v>1</v>
      </c>
      <c r="HH28" s="71">
        <v>0</v>
      </c>
      <c r="HI28" s="71">
        <v>0</v>
      </c>
      <c r="HJ28" s="71">
        <v>0</v>
      </c>
      <c r="HK28" s="71">
        <v>0</v>
      </c>
      <c r="HL28" s="72">
        <v>1</v>
      </c>
      <c r="HM28" s="73">
        <v>1</v>
      </c>
      <c r="HN28" s="70">
        <v>1</v>
      </c>
      <c r="HO28" s="71">
        <v>3</v>
      </c>
      <c r="HP28" s="72">
        <v>4</v>
      </c>
      <c r="HQ28" s="244"/>
      <c r="HR28" s="71">
        <v>1</v>
      </c>
      <c r="HS28" s="71">
        <v>2</v>
      </c>
      <c r="HT28" s="71">
        <v>0</v>
      </c>
      <c r="HU28" s="71">
        <v>1</v>
      </c>
      <c r="HV28" s="71">
        <v>0</v>
      </c>
      <c r="HW28" s="72">
        <v>4</v>
      </c>
      <c r="HX28" s="73">
        <v>8</v>
      </c>
      <c r="HY28" s="70">
        <v>3</v>
      </c>
      <c r="HZ28" s="71">
        <v>6</v>
      </c>
      <c r="IA28" s="72">
        <v>9</v>
      </c>
      <c r="IB28" s="244"/>
      <c r="IC28" s="71">
        <v>4</v>
      </c>
      <c r="ID28" s="71">
        <v>2</v>
      </c>
      <c r="IE28" s="71">
        <v>0</v>
      </c>
      <c r="IF28" s="71">
        <v>3</v>
      </c>
      <c r="IG28" s="71">
        <v>1</v>
      </c>
      <c r="IH28" s="72">
        <v>10</v>
      </c>
      <c r="II28" s="73">
        <v>19</v>
      </c>
      <c r="IJ28" s="70">
        <v>3</v>
      </c>
      <c r="IK28" s="71">
        <v>4</v>
      </c>
      <c r="IL28" s="72">
        <v>7</v>
      </c>
      <c r="IM28" s="244"/>
      <c r="IN28" s="71">
        <v>11</v>
      </c>
      <c r="IO28" s="71">
        <v>4</v>
      </c>
      <c r="IP28" s="71">
        <v>4</v>
      </c>
      <c r="IQ28" s="71">
        <v>3</v>
      </c>
      <c r="IR28" s="71">
        <v>2</v>
      </c>
      <c r="IS28" s="72">
        <v>24</v>
      </c>
      <c r="IT28" s="73">
        <v>31</v>
      </c>
      <c r="IU28" s="70">
        <v>4</v>
      </c>
      <c r="IV28" s="71">
        <v>2</v>
      </c>
      <c r="IW28" s="72">
        <v>6</v>
      </c>
      <c r="IX28" s="244"/>
      <c r="IY28" s="71">
        <v>10</v>
      </c>
      <c r="IZ28" s="71">
        <v>5</v>
      </c>
      <c r="JA28" s="71">
        <v>4</v>
      </c>
      <c r="JB28" s="71">
        <v>5</v>
      </c>
      <c r="JC28" s="71">
        <v>1</v>
      </c>
      <c r="JD28" s="72">
        <v>25</v>
      </c>
      <c r="JE28" s="73">
        <v>31</v>
      </c>
      <c r="JF28" s="70">
        <v>7</v>
      </c>
      <c r="JG28" s="71">
        <v>3</v>
      </c>
      <c r="JH28" s="72">
        <v>10</v>
      </c>
      <c r="JI28" s="244"/>
      <c r="JJ28" s="71">
        <v>14</v>
      </c>
      <c r="JK28" s="71">
        <v>0</v>
      </c>
      <c r="JL28" s="71">
        <v>7</v>
      </c>
      <c r="JM28" s="71">
        <v>4</v>
      </c>
      <c r="JN28" s="71">
        <v>2</v>
      </c>
      <c r="JO28" s="72">
        <v>27</v>
      </c>
      <c r="JP28" s="73">
        <v>37</v>
      </c>
      <c r="JQ28" s="70">
        <v>0</v>
      </c>
      <c r="JR28" s="71">
        <v>0</v>
      </c>
      <c r="JS28" s="72">
        <v>0</v>
      </c>
      <c r="JT28" s="244"/>
      <c r="JU28" s="71">
        <v>0</v>
      </c>
      <c r="JV28" s="71">
        <v>0</v>
      </c>
      <c r="JW28" s="71">
        <v>0</v>
      </c>
      <c r="JX28" s="71">
        <v>0</v>
      </c>
      <c r="JY28" s="71">
        <v>0</v>
      </c>
      <c r="JZ28" s="72">
        <v>0</v>
      </c>
      <c r="KA28" s="73">
        <v>0</v>
      </c>
      <c r="KB28" s="70">
        <v>18</v>
      </c>
      <c r="KC28" s="71">
        <v>18</v>
      </c>
      <c r="KD28" s="72">
        <v>36</v>
      </c>
      <c r="KE28" s="244"/>
      <c r="KF28" s="71">
        <v>41</v>
      </c>
      <c r="KG28" s="71">
        <v>13</v>
      </c>
      <c r="KH28" s="71">
        <v>15</v>
      </c>
      <c r="KI28" s="71">
        <v>16</v>
      </c>
      <c r="KJ28" s="71">
        <v>6</v>
      </c>
      <c r="KK28" s="72">
        <v>91</v>
      </c>
      <c r="KL28" s="73">
        <v>127</v>
      </c>
    </row>
    <row r="29" spans="1:298" ht="19.5" customHeight="1" x14ac:dyDescent="0.2">
      <c r="A29" s="126" t="s">
        <v>26</v>
      </c>
      <c r="B29" s="316">
        <v>23</v>
      </c>
      <c r="C29" s="82">
        <v>11</v>
      </c>
      <c r="D29" s="83">
        <v>34</v>
      </c>
      <c r="E29" s="241"/>
      <c r="F29" s="82">
        <v>21</v>
      </c>
      <c r="G29" s="82">
        <v>27</v>
      </c>
      <c r="H29" s="82">
        <v>20</v>
      </c>
      <c r="I29" s="82">
        <v>17</v>
      </c>
      <c r="J29" s="82">
        <v>5</v>
      </c>
      <c r="K29" s="84">
        <v>90</v>
      </c>
      <c r="L29" s="85">
        <v>124</v>
      </c>
      <c r="M29" s="70">
        <v>0</v>
      </c>
      <c r="N29" s="71">
        <v>0</v>
      </c>
      <c r="O29" s="72">
        <v>0</v>
      </c>
      <c r="P29" s="244"/>
      <c r="Q29" s="71">
        <v>1</v>
      </c>
      <c r="R29" s="71">
        <v>0</v>
      </c>
      <c r="S29" s="71">
        <v>0</v>
      </c>
      <c r="T29" s="71">
        <v>0</v>
      </c>
      <c r="U29" s="71">
        <v>0</v>
      </c>
      <c r="V29" s="72">
        <v>1</v>
      </c>
      <c r="W29" s="73">
        <v>1</v>
      </c>
      <c r="X29" s="70">
        <v>1</v>
      </c>
      <c r="Y29" s="71">
        <v>0</v>
      </c>
      <c r="Z29" s="72">
        <v>1</v>
      </c>
      <c r="AA29" s="244"/>
      <c r="AB29" s="71">
        <v>1</v>
      </c>
      <c r="AC29" s="71">
        <v>2</v>
      </c>
      <c r="AD29" s="71">
        <v>0</v>
      </c>
      <c r="AE29" s="71">
        <v>0</v>
      </c>
      <c r="AF29" s="71">
        <v>1</v>
      </c>
      <c r="AG29" s="72">
        <v>4</v>
      </c>
      <c r="AH29" s="73">
        <v>5</v>
      </c>
      <c r="AI29" s="70">
        <v>2</v>
      </c>
      <c r="AJ29" s="71">
        <v>2</v>
      </c>
      <c r="AK29" s="72">
        <v>4</v>
      </c>
      <c r="AL29" s="244"/>
      <c r="AM29" s="71">
        <v>2</v>
      </c>
      <c r="AN29" s="71">
        <v>3</v>
      </c>
      <c r="AO29" s="71">
        <v>0</v>
      </c>
      <c r="AP29" s="71">
        <v>3</v>
      </c>
      <c r="AQ29" s="71">
        <v>1</v>
      </c>
      <c r="AR29" s="72">
        <v>9</v>
      </c>
      <c r="AS29" s="73">
        <v>13</v>
      </c>
      <c r="AT29" s="70">
        <v>6</v>
      </c>
      <c r="AU29" s="71">
        <v>1</v>
      </c>
      <c r="AV29" s="72">
        <v>7</v>
      </c>
      <c r="AW29" s="244"/>
      <c r="AX29" s="71">
        <v>7</v>
      </c>
      <c r="AY29" s="71">
        <v>4</v>
      </c>
      <c r="AZ29" s="71">
        <v>5</v>
      </c>
      <c r="BA29" s="71">
        <v>3</v>
      </c>
      <c r="BB29" s="71">
        <v>0</v>
      </c>
      <c r="BC29" s="72">
        <v>19</v>
      </c>
      <c r="BD29" s="73">
        <v>26</v>
      </c>
      <c r="BE29" s="70">
        <v>6</v>
      </c>
      <c r="BF29" s="71">
        <v>2</v>
      </c>
      <c r="BG29" s="72">
        <v>8</v>
      </c>
      <c r="BH29" s="244"/>
      <c r="BI29" s="71">
        <v>6</v>
      </c>
      <c r="BJ29" s="71">
        <v>9</v>
      </c>
      <c r="BK29" s="71">
        <v>10</v>
      </c>
      <c r="BL29" s="71">
        <v>2</v>
      </c>
      <c r="BM29" s="71">
        <v>1</v>
      </c>
      <c r="BN29" s="72">
        <v>28</v>
      </c>
      <c r="BO29" s="73">
        <v>36</v>
      </c>
      <c r="BP29" s="70">
        <v>8</v>
      </c>
      <c r="BQ29" s="71">
        <v>6</v>
      </c>
      <c r="BR29" s="72">
        <v>14</v>
      </c>
      <c r="BS29" s="244"/>
      <c r="BT29" s="71">
        <v>4</v>
      </c>
      <c r="BU29" s="71">
        <v>9</v>
      </c>
      <c r="BV29" s="71">
        <v>5</v>
      </c>
      <c r="BW29" s="71">
        <v>9</v>
      </c>
      <c r="BX29" s="71">
        <v>2</v>
      </c>
      <c r="BY29" s="72">
        <v>29</v>
      </c>
      <c r="BZ29" s="73">
        <v>43</v>
      </c>
      <c r="CA29" s="70">
        <v>0</v>
      </c>
      <c r="CB29" s="71">
        <v>0</v>
      </c>
      <c r="CC29" s="72">
        <v>0</v>
      </c>
      <c r="CD29" s="244"/>
      <c r="CE29" s="71">
        <v>0</v>
      </c>
      <c r="CF29" s="71">
        <v>0</v>
      </c>
      <c r="CG29" s="71">
        <v>0</v>
      </c>
      <c r="CH29" s="71">
        <v>0</v>
      </c>
      <c r="CI29" s="71">
        <v>0</v>
      </c>
      <c r="CJ29" s="72">
        <v>0</v>
      </c>
      <c r="CK29" s="73">
        <v>0</v>
      </c>
      <c r="CL29" s="70">
        <v>23</v>
      </c>
      <c r="CM29" s="71">
        <v>11</v>
      </c>
      <c r="CN29" s="72">
        <v>34</v>
      </c>
      <c r="CO29" s="244"/>
      <c r="CP29" s="71">
        <v>21</v>
      </c>
      <c r="CQ29" s="71">
        <v>27</v>
      </c>
      <c r="CR29" s="71">
        <v>20</v>
      </c>
      <c r="CS29" s="71">
        <v>17</v>
      </c>
      <c r="CT29" s="71">
        <v>5</v>
      </c>
      <c r="CU29" s="72">
        <v>90</v>
      </c>
      <c r="CV29" s="73">
        <v>124</v>
      </c>
      <c r="CW29" s="123">
        <v>3</v>
      </c>
      <c r="CX29" s="82">
        <v>2</v>
      </c>
      <c r="CY29" s="83">
        <v>5</v>
      </c>
      <c r="CZ29" s="241"/>
      <c r="DA29" s="82">
        <v>1</v>
      </c>
      <c r="DB29" s="82">
        <v>3</v>
      </c>
      <c r="DC29" s="82">
        <v>1</v>
      </c>
      <c r="DD29" s="82">
        <v>2</v>
      </c>
      <c r="DE29" s="82">
        <v>3</v>
      </c>
      <c r="DF29" s="84">
        <v>10</v>
      </c>
      <c r="DG29" s="85">
        <v>15</v>
      </c>
      <c r="DH29" s="70">
        <v>0</v>
      </c>
      <c r="DI29" s="71">
        <v>0</v>
      </c>
      <c r="DJ29" s="72">
        <v>0</v>
      </c>
      <c r="DK29" s="244"/>
      <c r="DL29" s="71">
        <v>0</v>
      </c>
      <c r="DM29" s="71">
        <v>0</v>
      </c>
      <c r="DN29" s="71">
        <v>0</v>
      </c>
      <c r="DO29" s="71">
        <v>0</v>
      </c>
      <c r="DP29" s="71">
        <v>0</v>
      </c>
      <c r="DQ29" s="72">
        <v>0</v>
      </c>
      <c r="DR29" s="73">
        <v>0</v>
      </c>
      <c r="DS29" s="70">
        <v>1</v>
      </c>
      <c r="DT29" s="71">
        <v>0</v>
      </c>
      <c r="DU29" s="72">
        <v>1</v>
      </c>
      <c r="DV29" s="244"/>
      <c r="DW29" s="71">
        <v>0</v>
      </c>
      <c r="DX29" s="71">
        <v>0</v>
      </c>
      <c r="DY29" s="71">
        <v>0</v>
      </c>
      <c r="DZ29" s="71">
        <v>0</v>
      </c>
      <c r="EA29" s="71">
        <v>0</v>
      </c>
      <c r="EB29" s="72">
        <v>0</v>
      </c>
      <c r="EC29" s="73">
        <v>1</v>
      </c>
      <c r="ED29" s="70">
        <v>0</v>
      </c>
      <c r="EE29" s="71">
        <v>0</v>
      </c>
      <c r="EF29" s="72">
        <v>0</v>
      </c>
      <c r="EG29" s="244"/>
      <c r="EH29" s="71">
        <v>0</v>
      </c>
      <c r="EI29" s="71">
        <v>0</v>
      </c>
      <c r="EJ29" s="71">
        <v>0</v>
      </c>
      <c r="EK29" s="71">
        <v>0</v>
      </c>
      <c r="EL29" s="71">
        <v>0</v>
      </c>
      <c r="EM29" s="72">
        <v>0</v>
      </c>
      <c r="EN29" s="73">
        <v>0</v>
      </c>
      <c r="EO29" s="70">
        <v>0</v>
      </c>
      <c r="EP29" s="71">
        <v>0</v>
      </c>
      <c r="EQ29" s="72">
        <v>0</v>
      </c>
      <c r="ER29" s="244"/>
      <c r="ES29" s="71">
        <v>0</v>
      </c>
      <c r="ET29" s="71">
        <v>1</v>
      </c>
      <c r="EU29" s="71">
        <v>1</v>
      </c>
      <c r="EV29" s="71">
        <v>0</v>
      </c>
      <c r="EW29" s="71">
        <v>0</v>
      </c>
      <c r="EX29" s="72">
        <v>2</v>
      </c>
      <c r="EY29" s="73">
        <v>2</v>
      </c>
      <c r="EZ29" s="70">
        <v>1</v>
      </c>
      <c r="FA29" s="71">
        <v>2</v>
      </c>
      <c r="FB29" s="72">
        <v>3</v>
      </c>
      <c r="FC29" s="244"/>
      <c r="FD29" s="71">
        <v>1</v>
      </c>
      <c r="FE29" s="71">
        <v>1</v>
      </c>
      <c r="FF29" s="71">
        <v>0</v>
      </c>
      <c r="FG29" s="71">
        <v>2</v>
      </c>
      <c r="FH29" s="71">
        <v>0</v>
      </c>
      <c r="FI29" s="72">
        <v>4</v>
      </c>
      <c r="FJ29" s="73">
        <v>7</v>
      </c>
      <c r="FK29" s="70">
        <v>1</v>
      </c>
      <c r="FL29" s="71">
        <v>0</v>
      </c>
      <c r="FM29" s="72">
        <v>1</v>
      </c>
      <c r="FN29" s="244"/>
      <c r="FO29" s="71">
        <v>0</v>
      </c>
      <c r="FP29" s="71">
        <v>1</v>
      </c>
      <c r="FQ29" s="71">
        <v>0</v>
      </c>
      <c r="FR29" s="71">
        <v>0</v>
      </c>
      <c r="FS29" s="71">
        <v>3</v>
      </c>
      <c r="FT29" s="72">
        <v>4</v>
      </c>
      <c r="FU29" s="73">
        <v>5</v>
      </c>
      <c r="FV29" s="70">
        <v>0</v>
      </c>
      <c r="FW29" s="71">
        <v>0</v>
      </c>
      <c r="FX29" s="72">
        <v>0</v>
      </c>
      <c r="FY29" s="244"/>
      <c r="FZ29" s="71">
        <v>0</v>
      </c>
      <c r="GA29" s="71">
        <v>0</v>
      </c>
      <c r="GB29" s="71">
        <v>0</v>
      </c>
      <c r="GC29" s="71">
        <v>0</v>
      </c>
      <c r="GD29" s="71">
        <v>0</v>
      </c>
      <c r="GE29" s="72">
        <v>0</v>
      </c>
      <c r="GF29" s="73">
        <v>0</v>
      </c>
      <c r="GG29" s="70">
        <v>3</v>
      </c>
      <c r="GH29" s="71">
        <v>2</v>
      </c>
      <c r="GI29" s="72">
        <v>5</v>
      </c>
      <c r="GJ29" s="244"/>
      <c r="GK29" s="71">
        <v>1</v>
      </c>
      <c r="GL29" s="71">
        <v>3</v>
      </c>
      <c r="GM29" s="71">
        <v>1</v>
      </c>
      <c r="GN29" s="71">
        <v>2</v>
      </c>
      <c r="GO29" s="71">
        <v>3</v>
      </c>
      <c r="GP29" s="72">
        <v>10</v>
      </c>
      <c r="GQ29" s="73">
        <v>15</v>
      </c>
      <c r="GR29" s="123">
        <v>26</v>
      </c>
      <c r="GS29" s="82">
        <v>13</v>
      </c>
      <c r="GT29" s="83">
        <v>39</v>
      </c>
      <c r="GU29" s="241"/>
      <c r="GV29" s="82">
        <v>22</v>
      </c>
      <c r="GW29" s="82">
        <v>30</v>
      </c>
      <c r="GX29" s="82">
        <v>21</v>
      </c>
      <c r="GY29" s="82">
        <v>19</v>
      </c>
      <c r="GZ29" s="82">
        <v>8</v>
      </c>
      <c r="HA29" s="84">
        <v>100</v>
      </c>
      <c r="HB29" s="85">
        <v>139</v>
      </c>
      <c r="HC29" s="70">
        <v>0</v>
      </c>
      <c r="HD29" s="71">
        <v>0</v>
      </c>
      <c r="HE29" s="72">
        <v>0</v>
      </c>
      <c r="HF29" s="244"/>
      <c r="HG29" s="71">
        <v>1</v>
      </c>
      <c r="HH29" s="71">
        <v>0</v>
      </c>
      <c r="HI29" s="71">
        <v>0</v>
      </c>
      <c r="HJ29" s="71">
        <v>0</v>
      </c>
      <c r="HK29" s="71">
        <v>0</v>
      </c>
      <c r="HL29" s="72">
        <v>1</v>
      </c>
      <c r="HM29" s="73">
        <v>1</v>
      </c>
      <c r="HN29" s="70">
        <v>2</v>
      </c>
      <c r="HO29" s="71">
        <v>0</v>
      </c>
      <c r="HP29" s="72">
        <v>2</v>
      </c>
      <c r="HQ29" s="244"/>
      <c r="HR29" s="71">
        <v>1</v>
      </c>
      <c r="HS29" s="71">
        <v>2</v>
      </c>
      <c r="HT29" s="71">
        <v>0</v>
      </c>
      <c r="HU29" s="71">
        <v>0</v>
      </c>
      <c r="HV29" s="71">
        <v>1</v>
      </c>
      <c r="HW29" s="72">
        <v>4</v>
      </c>
      <c r="HX29" s="73">
        <v>6</v>
      </c>
      <c r="HY29" s="70">
        <v>2</v>
      </c>
      <c r="HZ29" s="71">
        <v>2</v>
      </c>
      <c r="IA29" s="72">
        <v>4</v>
      </c>
      <c r="IB29" s="244"/>
      <c r="IC29" s="71">
        <v>2</v>
      </c>
      <c r="ID29" s="71">
        <v>3</v>
      </c>
      <c r="IE29" s="71">
        <v>0</v>
      </c>
      <c r="IF29" s="71">
        <v>3</v>
      </c>
      <c r="IG29" s="71">
        <v>1</v>
      </c>
      <c r="IH29" s="72">
        <v>9</v>
      </c>
      <c r="II29" s="73">
        <v>13</v>
      </c>
      <c r="IJ29" s="70">
        <v>6</v>
      </c>
      <c r="IK29" s="71">
        <v>1</v>
      </c>
      <c r="IL29" s="72">
        <v>7</v>
      </c>
      <c r="IM29" s="244"/>
      <c r="IN29" s="71">
        <v>7</v>
      </c>
      <c r="IO29" s="71">
        <v>5</v>
      </c>
      <c r="IP29" s="71">
        <v>6</v>
      </c>
      <c r="IQ29" s="71">
        <v>3</v>
      </c>
      <c r="IR29" s="71">
        <v>0</v>
      </c>
      <c r="IS29" s="72">
        <v>21</v>
      </c>
      <c r="IT29" s="73">
        <v>28</v>
      </c>
      <c r="IU29" s="70">
        <v>7</v>
      </c>
      <c r="IV29" s="71">
        <v>4</v>
      </c>
      <c r="IW29" s="72">
        <v>11</v>
      </c>
      <c r="IX29" s="244"/>
      <c r="IY29" s="71">
        <v>7</v>
      </c>
      <c r="IZ29" s="71">
        <v>10</v>
      </c>
      <c r="JA29" s="71">
        <v>10</v>
      </c>
      <c r="JB29" s="71">
        <v>4</v>
      </c>
      <c r="JC29" s="71">
        <v>1</v>
      </c>
      <c r="JD29" s="72">
        <v>32</v>
      </c>
      <c r="JE29" s="73">
        <v>43</v>
      </c>
      <c r="JF29" s="70">
        <v>9</v>
      </c>
      <c r="JG29" s="71">
        <v>6</v>
      </c>
      <c r="JH29" s="72">
        <v>15</v>
      </c>
      <c r="JI29" s="244"/>
      <c r="JJ29" s="71">
        <v>4</v>
      </c>
      <c r="JK29" s="71">
        <v>10</v>
      </c>
      <c r="JL29" s="71">
        <v>5</v>
      </c>
      <c r="JM29" s="71">
        <v>9</v>
      </c>
      <c r="JN29" s="71">
        <v>5</v>
      </c>
      <c r="JO29" s="72">
        <v>33</v>
      </c>
      <c r="JP29" s="73">
        <v>48</v>
      </c>
      <c r="JQ29" s="70">
        <v>0</v>
      </c>
      <c r="JR29" s="71">
        <v>0</v>
      </c>
      <c r="JS29" s="72">
        <v>0</v>
      </c>
      <c r="JT29" s="244"/>
      <c r="JU29" s="71">
        <v>0</v>
      </c>
      <c r="JV29" s="71">
        <v>0</v>
      </c>
      <c r="JW29" s="71">
        <v>0</v>
      </c>
      <c r="JX29" s="71">
        <v>0</v>
      </c>
      <c r="JY29" s="71">
        <v>0</v>
      </c>
      <c r="JZ29" s="72">
        <v>0</v>
      </c>
      <c r="KA29" s="73">
        <v>0</v>
      </c>
      <c r="KB29" s="70">
        <v>26</v>
      </c>
      <c r="KC29" s="71">
        <v>13</v>
      </c>
      <c r="KD29" s="72">
        <v>39</v>
      </c>
      <c r="KE29" s="244"/>
      <c r="KF29" s="71">
        <v>22</v>
      </c>
      <c r="KG29" s="71">
        <v>30</v>
      </c>
      <c r="KH29" s="71">
        <v>21</v>
      </c>
      <c r="KI29" s="71">
        <v>19</v>
      </c>
      <c r="KJ29" s="71">
        <v>8</v>
      </c>
      <c r="KK29" s="72">
        <v>100</v>
      </c>
      <c r="KL29" s="73">
        <v>139</v>
      </c>
    </row>
    <row r="30" spans="1:298" ht="19.5" customHeight="1" x14ac:dyDescent="0.2">
      <c r="A30" s="126" t="s">
        <v>27</v>
      </c>
      <c r="B30" s="316">
        <v>15</v>
      </c>
      <c r="C30" s="82">
        <v>22</v>
      </c>
      <c r="D30" s="83">
        <v>37</v>
      </c>
      <c r="E30" s="241"/>
      <c r="F30" s="82">
        <v>17</v>
      </c>
      <c r="G30" s="82">
        <v>22</v>
      </c>
      <c r="H30" s="82">
        <v>19</v>
      </c>
      <c r="I30" s="82">
        <v>13</v>
      </c>
      <c r="J30" s="82">
        <v>11</v>
      </c>
      <c r="K30" s="84">
        <v>82</v>
      </c>
      <c r="L30" s="85">
        <v>119</v>
      </c>
      <c r="M30" s="70">
        <v>1</v>
      </c>
      <c r="N30" s="71">
        <v>0</v>
      </c>
      <c r="O30" s="72">
        <v>1</v>
      </c>
      <c r="P30" s="244"/>
      <c r="Q30" s="71">
        <v>0</v>
      </c>
      <c r="R30" s="71">
        <v>0</v>
      </c>
      <c r="S30" s="71">
        <v>0</v>
      </c>
      <c r="T30" s="71">
        <v>0</v>
      </c>
      <c r="U30" s="71">
        <v>0</v>
      </c>
      <c r="V30" s="72">
        <v>0</v>
      </c>
      <c r="W30" s="73">
        <v>1</v>
      </c>
      <c r="X30" s="70">
        <v>0</v>
      </c>
      <c r="Y30" s="71">
        <v>2</v>
      </c>
      <c r="Z30" s="72">
        <v>2</v>
      </c>
      <c r="AA30" s="244"/>
      <c r="AB30" s="71">
        <v>1</v>
      </c>
      <c r="AC30" s="71">
        <v>3</v>
      </c>
      <c r="AD30" s="71">
        <v>0</v>
      </c>
      <c r="AE30" s="71">
        <v>1</v>
      </c>
      <c r="AF30" s="71">
        <v>2</v>
      </c>
      <c r="AG30" s="72">
        <v>7</v>
      </c>
      <c r="AH30" s="73">
        <v>9</v>
      </c>
      <c r="AI30" s="70">
        <v>0</v>
      </c>
      <c r="AJ30" s="71">
        <v>2</v>
      </c>
      <c r="AK30" s="72">
        <v>2</v>
      </c>
      <c r="AL30" s="244"/>
      <c r="AM30" s="71">
        <v>1</v>
      </c>
      <c r="AN30" s="71">
        <v>0</v>
      </c>
      <c r="AO30" s="71">
        <v>2</v>
      </c>
      <c r="AP30" s="71">
        <v>0</v>
      </c>
      <c r="AQ30" s="71">
        <v>1</v>
      </c>
      <c r="AR30" s="72">
        <v>4</v>
      </c>
      <c r="AS30" s="73">
        <v>6</v>
      </c>
      <c r="AT30" s="70">
        <v>4</v>
      </c>
      <c r="AU30" s="71">
        <v>1</v>
      </c>
      <c r="AV30" s="72">
        <v>5</v>
      </c>
      <c r="AW30" s="244"/>
      <c r="AX30" s="71">
        <v>8</v>
      </c>
      <c r="AY30" s="71">
        <v>6</v>
      </c>
      <c r="AZ30" s="71">
        <v>4</v>
      </c>
      <c r="BA30" s="71">
        <v>1</v>
      </c>
      <c r="BB30" s="71">
        <v>2</v>
      </c>
      <c r="BC30" s="72">
        <v>21</v>
      </c>
      <c r="BD30" s="73">
        <v>26</v>
      </c>
      <c r="BE30" s="70">
        <v>5</v>
      </c>
      <c r="BF30" s="71">
        <v>7</v>
      </c>
      <c r="BG30" s="72">
        <v>12</v>
      </c>
      <c r="BH30" s="244"/>
      <c r="BI30" s="71">
        <v>3</v>
      </c>
      <c r="BJ30" s="71">
        <v>7</v>
      </c>
      <c r="BK30" s="71">
        <v>6</v>
      </c>
      <c r="BL30" s="71">
        <v>6</v>
      </c>
      <c r="BM30" s="71">
        <v>4</v>
      </c>
      <c r="BN30" s="72">
        <v>26</v>
      </c>
      <c r="BO30" s="73">
        <v>38</v>
      </c>
      <c r="BP30" s="70">
        <v>5</v>
      </c>
      <c r="BQ30" s="71">
        <v>10</v>
      </c>
      <c r="BR30" s="72">
        <v>15</v>
      </c>
      <c r="BS30" s="244"/>
      <c r="BT30" s="71">
        <v>4</v>
      </c>
      <c r="BU30" s="71">
        <v>6</v>
      </c>
      <c r="BV30" s="71">
        <v>7</v>
      </c>
      <c r="BW30" s="71">
        <v>5</v>
      </c>
      <c r="BX30" s="71">
        <v>2</v>
      </c>
      <c r="BY30" s="72">
        <v>24</v>
      </c>
      <c r="BZ30" s="73">
        <v>39</v>
      </c>
      <c r="CA30" s="70">
        <v>0</v>
      </c>
      <c r="CB30" s="71">
        <v>0</v>
      </c>
      <c r="CC30" s="72">
        <v>0</v>
      </c>
      <c r="CD30" s="244"/>
      <c r="CE30" s="71">
        <v>0</v>
      </c>
      <c r="CF30" s="71">
        <v>0</v>
      </c>
      <c r="CG30" s="71">
        <v>0</v>
      </c>
      <c r="CH30" s="71">
        <v>0</v>
      </c>
      <c r="CI30" s="71">
        <v>0</v>
      </c>
      <c r="CJ30" s="72">
        <v>0</v>
      </c>
      <c r="CK30" s="73">
        <v>0</v>
      </c>
      <c r="CL30" s="70">
        <v>15</v>
      </c>
      <c r="CM30" s="71">
        <v>22</v>
      </c>
      <c r="CN30" s="72">
        <v>37</v>
      </c>
      <c r="CO30" s="244"/>
      <c r="CP30" s="71">
        <v>17</v>
      </c>
      <c r="CQ30" s="71">
        <v>22</v>
      </c>
      <c r="CR30" s="71">
        <v>19</v>
      </c>
      <c r="CS30" s="71">
        <v>13</v>
      </c>
      <c r="CT30" s="71">
        <v>11</v>
      </c>
      <c r="CU30" s="72">
        <v>82</v>
      </c>
      <c r="CV30" s="73">
        <v>119</v>
      </c>
      <c r="CW30" s="123">
        <v>4</v>
      </c>
      <c r="CX30" s="82">
        <v>1</v>
      </c>
      <c r="CY30" s="83">
        <v>5</v>
      </c>
      <c r="CZ30" s="241"/>
      <c r="DA30" s="82">
        <v>3</v>
      </c>
      <c r="DB30" s="82">
        <v>2</v>
      </c>
      <c r="DC30" s="82">
        <v>2</v>
      </c>
      <c r="DD30" s="82">
        <v>3</v>
      </c>
      <c r="DE30" s="82">
        <v>1</v>
      </c>
      <c r="DF30" s="84">
        <v>11</v>
      </c>
      <c r="DG30" s="85">
        <v>16</v>
      </c>
      <c r="DH30" s="70">
        <v>0</v>
      </c>
      <c r="DI30" s="71">
        <v>0</v>
      </c>
      <c r="DJ30" s="72">
        <v>0</v>
      </c>
      <c r="DK30" s="244"/>
      <c r="DL30" s="71">
        <v>0</v>
      </c>
      <c r="DM30" s="71">
        <v>0</v>
      </c>
      <c r="DN30" s="71">
        <v>0</v>
      </c>
      <c r="DO30" s="71">
        <v>0</v>
      </c>
      <c r="DP30" s="71">
        <v>0</v>
      </c>
      <c r="DQ30" s="72">
        <v>0</v>
      </c>
      <c r="DR30" s="73">
        <v>0</v>
      </c>
      <c r="DS30" s="70">
        <v>0</v>
      </c>
      <c r="DT30" s="71">
        <v>1</v>
      </c>
      <c r="DU30" s="72">
        <v>1</v>
      </c>
      <c r="DV30" s="244"/>
      <c r="DW30" s="71">
        <v>0</v>
      </c>
      <c r="DX30" s="71">
        <v>0</v>
      </c>
      <c r="DY30" s="71">
        <v>0</v>
      </c>
      <c r="DZ30" s="71">
        <v>0</v>
      </c>
      <c r="EA30" s="71">
        <v>0</v>
      </c>
      <c r="EB30" s="72">
        <v>0</v>
      </c>
      <c r="EC30" s="73">
        <v>1</v>
      </c>
      <c r="ED30" s="70">
        <v>0</v>
      </c>
      <c r="EE30" s="71">
        <v>0</v>
      </c>
      <c r="EF30" s="72">
        <v>0</v>
      </c>
      <c r="EG30" s="244"/>
      <c r="EH30" s="71">
        <v>0</v>
      </c>
      <c r="EI30" s="71">
        <v>0</v>
      </c>
      <c r="EJ30" s="71">
        <v>0</v>
      </c>
      <c r="EK30" s="71">
        <v>0</v>
      </c>
      <c r="EL30" s="71">
        <v>0</v>
      </c>
      <c r="EM30" s="72">
        <v>0</v>
      </c>
      <c r="EN30" s="73">
        <v>0</v>
      </c>
      <c r="EO30" s="70">
        <v>2</v>
      </c>
      <c r="EP30" s="71">
        <v>0</v>
      </c>
      <c r="EQ30" s="72">
        <v>2</v>
      </c>
      <c r="ER30" s="244"/>
      <c r="ES30" s="71">
        <v>0</v>
      </c>
      <c r="ET30" s="71">
        <v>0</v>
      </c>
      <c r="EU30" s="71">
        <v>0</v>
      </c>
      <c r="EV30" s="71">
        <v>0</v>
      </c>
      <c r="EW30" s="71">
        <v>0</v>
      </c>
      <c r="EX30" s="72">
        <v>0</v>
      </c>
      <c r="EY30" s="73">
        <v>2</v>
      </c>
      <c r="EZ30" s="70">
        <v>1</v>
      </c>
      <c r="FA30" s="71">
        <v>0</v>
      </c>
      <c r="FB30" s="72">
        <v>1</v>
      </c>
      <c r="FC30" s="244"/>
      <c r="FD30" s="71">
        <v>3</v>
      </c>
      <c r="FE30" s="71">
        <v>1</v>
      </c>
      <c r="FF30" s="71">
        <v>0</v>
      </c>
      <c r="FG30" s="71">
        <v>1</v>
      </c>
      <c r="FH30" s="71">
        <v>1</v>
      </c>
      <c r="FI30" s="72">
        <v>6</v>
      </c>
      <c r="FJ30" s="73">
        <v>7</v>
      </c>
      <c r="FK30" s="70">
        <v>1</v>
      </c>
      <c r="FL30" s="71">
        <v>0</v>
      </c>
      <c r="FM30" s="72">
        <v>1</v>
      </c>
      <c r="FN30" s="244"/>
      <c r="FO30" s="71">
        <v>0</v>
      </c>
      <c r="FP30" s="71">
        <v>1</v>
      </c>
      <c r="FQ30" s="71">
        <v>2</v>
      </c>
      <c r="FR30" s="71">
        <v>2</v>
      </c>
      <c r="FS30" s="71">
        <v>0</v>
      </c>
      <c r="FT30" s="72">
        <v>5</v>
      </c>
      <c r="FU30" s="73">
        <v>6</v>
      </c>
      <c r="FV30" s="70">
        <v>0</v>
      </c>
      <c r="FW30" s="71">
        <v>0</v>
      </c>
      <c r="FX30" s="72">
        <v>0</v>
      </c>
      <c r="FY30" s="244"/>
      <c r="FZ30" s="71">
        <v>0</v>
      </c>
      <c r="GA30" s="71">
        <v>0</v>
      </c>
      <c r="GB30" s="71">
        <v>0</v>
      </c>
      <c r="GC30" s="71">
        <v>0</v>
      </c>
      <c r="GD30" s="71">
        <v>0</v>
      </c>
      <c r="GE30" s="72">
        <v>0</v>
      </c>
      <c r="GF30" s="73">
        <v>0</v>
      </c>
      <c r="GG30" s="70">
        <v>4</v>
      </c>
      <c r="GH30" s="71">
        <v>1</v>
      </c>
      <c r="GI30" s="72">
        <v>5</v>
      </c>
      <c r="GJ30" s="244"/>
      <c r="GK30" s="71">
        <v>3</v>
      </c>
      <c r="GL30" s="71">
        <v>2</v>
      </c>
      <c r="GM30" s="71">
        <v>2</v>
      </c>
      <c r="GN30" s="71">
        <v>3</v>
      </c>
      <c r="GO30" s="71">
        <v>1</v>
      </c>
      <c r="GP30" s="72">
        <v>11</v>
      </c>
      <c r="GQ30" s="73">
        <v>16</v>
      </c>
      <c r="GR30" s="123">
        <v>19</v>
      </c>
      <c r="GS30" s="82">
        <v>23</v>
      </c>
      <c r="GT30" s="83">
        <v>42</v>
      </c>
      <c r="GU30" s="241"/>
      <c r="GV30" s="82">
        <v>20</v>
      </c>
      <c r="GW30" s="82">
        <v>24</v>
      </c>
      <c r="GX30" s="82">
        <v>21</v>
      </c>
      <c r="GY30" s="82">
        <v>16</v>
      </c>
      <c r="GZ30" s="82">
        <v>12</v>
      </c>
      <c r="HA30" s="84">
        <v>93</v>
      </c>
      <c r="HB30" s="85">
        <v>135</v>
      </c>
      <c r="HC30" s="70">
        <v>1</v>
      </c>
      <c r="HD30" s="71">
        <v>0</v>
      </c>
      <c r="HE30" s="72">
        <v>1</v>
      </c>
      <c r="HF30" s="244"/>
      <c r="HG30" s="71">
        <v>0</v>
      </c>
      <c r="HH30" s="71">
        <v>0</v>
      </c>
      <c r="HI30" s="71">
        <v>0</v>
      </c>
      <c r="HJ30" s="71">
        <v>0</v>
      </c>
      <c r="HK30" s="71">
        <v>0</v>
      </c>
      <c r="HL30" s="72">
        <v>0</v>
      </c>
      <c r="HM30" s="73">
        <v>1</v>
      </c>
      <c r="HN30" s="70">
        <v>0</v>
      </c>
      <c r="HO30" s="71">
        <v>3</v>
      </c>
      <c r="HP30" s="72">
        <v>3</v>
      </c>
      <c r="HQ30" s="244"/>
      <c r="HR30" s="71">
        <v>1</v>
      </c>
      <c r="HS30" s="71">
        <v>3</v>
      </c>
      <c r="HT30" s="71">
        <v>0</v>
      </c>
      <c r="HU30" s="71">
        <v>1</v>
      </c>
      <c r="HV30" s="71">
        <v>2</v>
      </c>
      <c r="HW30" s="72">
        <v>7</v>
      </c>
      <c r="HX30" s="73">
        <v>10</v>
      </c>
      <c r="HY30" s="70">
        <v>0</v>
      </c>
      <c r="HZ30" s="71">
        <v>2</v>
      </c>
      <c r="IA30" s="72">
        <v>2</v>
      </c>
      <c r="IB30" s="244"/>
      <c r="IC30" s="71">
        <v>1</v>
      </c>
      <c r="ID30" s="71">
        <v>0</v>
      </c>
      <c r="IE30" s="71">
        <v>2</v>
      </c>
      <c r="IF30" s="71">
        <v>0</v>
      </c>
      <c r="IG30" s="71">
        <v>1</v>
      </c>
      <c r="IH30" s="72">
        <v>4</v>
      </c>
      <c r="II30" s="73">
        <v>6</v>
      </c>
      <c r="IJ30" s="70">
        <v>6</v>
      </c>
      <c r="IK30" s="71">
        <v>1</v>
      </c>
      <c r="IL30" s="72">
        <v>7</v>
      </c>
      <c r="IM30" s="244"/>
      <c r="IN30" s="71">
        <v>8</v>
      </c>
      <c r="IO30" s="71">
        <v>6</v>
      </c>
      <c r="IP30" s="71">
        <v>4</v>
      </c>
      <c r="IQ30" s="71">
        <v>1</v>
      </c>
      <c r="IR30" s="71">
        <v>2</v>
      </c>
      <c r="IS30" s="72">
        <v>21</v>
      </c>
      <c r="IT30" s="73">
        <v>28</v>
      </c>
      <c r="IU30" s="70">
        <v>6</v>
      </c>
      <c r="IV30" s="71">
        <v>7</v>
      </c>
      <c r="IW30" s="72">
        <v>13</v>
      </c>
      <c r="IX30" s="244"/>
      <c r="IY30" s="71">
        <v>6</v>
      </c>
      <c r="IZ30" s="71">
        <v>8</v>
      </c>
      <c r="JA30" s="71">
        <v>6</v>
      </c>
      <c r="JB30" s="71">
        <v>7</v>
      </c>
      <c r="JC30" s="71">
        <v>5</v>
      </c>
      <c r="JD30" s="72">
        <v>32</v>
      </c>
      <c r="JE30" s="73">
        <v>45</v>
      </c>
      <c r="JF30" s="70">
        <v>6</v>
      </c>
      <c r="JG30" s="71">
        <v>10</v>
      </c>
      <c r="JH30" s="72">
        <v>16</v>
      </c>
      <c r="JI30" s="244"/>
      <c r="JJ30" s="71">
        <v>4</v>
      </c>
      <c r="JK30" s="71">
        <v>7</v>
      </c>
      <c r="JL30" s="71">
        <v>9</v>
      </c>
      <c r="JM30" s="71">
        <v>7</v>
      </c>
      <c r="JN30" s="71">
        <v>2</v>
      </c>
      <c r="JO30" s="72">
        <v>29</v>
      </c>
      <c r="JP30" s="73">
        <v>45</v>
      </c>
      <c r="JQ30" s="70">
        <v>0</v>
      </c>
      <c r="JR30" s="71">
        <v>0</v>
      </c>
      <c r="JS30" s="72">
        <v>0</v>
      </c>
      <c r="JT30" s="244"/>
      <c r="JU30" s="71">
        <v>0</v>
      </c>
      <c r="JV30" s="71">
        <v>0</v>
      </c>
      <c r="JW30" s="71">
        <v>0</v>
      </c>
      <c r="JX30" s="71">
        <v>0</v>
      </c>
      <c r="JY30" s="71">
        <v>0</v>
      </c>
      <c r="JZ30" s="72">
        <v>0</v>
      </c>
      <c r="KA30" s="73">
        <v>0</v>
      </c>
      <c r="KB30" s="70">
        <v>19</v>
      </c>
      <c r="KC30" s="71">
        <v>23</v>
      </c>
      <c r="KD30" s="72">
        <v>42</v>
      </c>
      <c r="KE30" s="244"/>
      <c r="KF30" s="71">
        <v>20</v>
      </c>
      <c r="KG30" s="71">
        <v>24</v>
      </c>
      <c r="KH30" s="71">
        <v>21</v>
      </c>
      <c r="KI30" s="71">
        <v>16</v>
      </c>
      <c r="KJ30" s="71">
        <v>12</v>
      </c>
      <c r="KK30" s="72">
        <v>93</v>
      </c>
      <c r="KL30" s="73">
        <v>135</v>
      </c>
    </row>
    <row r="31" spans="1:298" ht="19.5" customHeight="1" x14ac:dyDescent="0.2">
      <c r="A31" s="126" t="s">
        <v>28</v>
      </c>
      <c r="B31" s="316">
        <v>2</v>
      </c>
      <c r="C31" s="82">
        <v>4</v>
      </c>
      <c r="D31" s="83">
        <v>6</v>
      </c>
      <c r="E31" s="241"/>
      <c r="F31" s="82">
        <v>7</v>
      </c>
      <c r="G31" s="82">
        <v>7</v>
      </c>
      <c r="H31" s="82">
        <v>2</v>
      </c>
      <c r="I31" s="82">
        <v>2</v>
      </c>
      <c r="J31" s="82">
        <v>1</v>
      </c>
      <c r="K31" s="84">
        <v>19</v>
      </c>
      <c r="L31" s="85">
        <v>25</v>
      </c>
      <c r="M31" s="70">
        <v>0</v>
      </c>
      <c r="N31" s="71">
        <v>0</v>
      </c>
      <c r="O31" s="72">
        <v>0</v>
      </c>
      <c r="P31" s="244"/>
      <c r="Q31" s="71">
        <v>0</v>
      </c>
      <c r="R31" s="71">
        <v>0</v>
      </c>
      <c r="S31" s="71">
        <v>0</v>
      </c>
      <c r="T31" s="71">
        <v>0</v>
      </c>
      <c r="U31" s="71">
        <v>0</v>
      </c>
      <c r="V31" s="72">
        <v>0</v>
      </c>
      <c r="W31" s="73">
        <v>0</v>
      </c>
      <c r="X31" s="70">
        <v>0</v>
      </c>
      <c r="Y31" s="71">
        <v>0</v>
      </c>
      <c r="Z31" s="72">
        <v>0</v>
      </c>
      <c r="AA31" s="244"/>
      <c r="AB31" s="71">
        <v>0</v>
      </c>
      <c r="AC31" s="71">
        <v>2</v>
      </c>
      <c r="AD31" s="71">
        <v>0</v>
      </c>
      <c r="AE31" s="71">
        <v>0</v>
      </c>
      <c r="AF31" s="71">
        <v>0</v>
      </c>
      <c r="AG31" s="72">
        <v>2</v>
      </c>
      <c r="AH31" s="73">
        <v>2</v>
      </c>
      <c r="AI31" s="70">
        <v>0</v>
      </c>
      <c r="AJ31" s="71">
        <v>1</v>
      </c>
      <c r="AK31" s="72">
        <v>1</v>
      </c>
      <c r="AL31" s="244"/>
      <c r="AM31" s="71">
        <v>0</v>
      </c>
      <c r="AN31" s="71">
        <v>1</v>
      </c>
      <c r="AO31" s="71">
        <v>0</v>
      </c>
      <c r="AP31" s="71">
        <v>0</v>
      </c>
      <c r="AQ31" s="71">
        <v>0</v>
      </c>
      <c r="AR31" s="72">
        <v>1</v>
      </c>
      <c r="AS31" s="73">
        <v>2</v>
      </c>
      <c r="AT31" s="70">
        <v>2</v>
      </c>
      <c r="AU31" s="71">
        <v>0</v>
      </c>
      <c r="AV31" s="72">
        <v>2</v>
      </c>
      <c r="AW31" s="244"/>
      <c r="AX31" s="71">
        <v>1</v>
      </c>
      <c r="AY31" s="71">
        <v>2</v>
      </c>
      <c r="AZ31" s="71">
        <v>0</v>
      </c>
      <c r="BA31" s="71">
        <v>1</v>
      </c>
      <c r="BB31" s="71">
        <v>0</v>
      </c>
      <c r="BC31" s="72">
        <v>4</v>
      </c>
      <c r="BD31" s="73">
        <v>6</v>
      </c>
      <c r="BE31" s="70">
        <v>0</v>
      </c>
      <c r="BF31" s="71">
        <v>2</v>
      </c>
      <c r="BG31" s="72">
        <v>2</v>
      </c>
      <c r="BH31" s="244"/>
      <c r="BI31" s="71">
        <v>6</v>
      </c>
      <c r="BJ31" s="71">
        <v>1</v>
      </c>
      <c r="BK31" s="71">
        <v>0</v>
      </c>
      <c r="BL31" s="71">
        <v>1</v>
      </c>
      <c r="BM31" s="71">
        <v>1</v>
      </c>
      <c r="BN31" s="72">
        <v>9</v>
      </c>
      <c r="BO31" s="73">
        <v>11</v>
      </c>
      <c r="BP31" s="70">
        <v>0</v>
      </c>
      <c r="BQ31" s="71">
        <v>1</v>
      </c>
      <c r="BR31" s="72">
        <v>1</v>
      </c>
      <c r="BS31" s="244"/>
      <c r="BT31" s="71">
        <v>0</v>
      </c>
      <c r="BU31" s="71">
        <v>1</v>
      </c>
      <c r="BV31" s="71">
        <v>2</v>
      </c>
      <c r="BW31" s="71">
        <v>0</v>
      </c>
      <c r="BX31" s="71">
        <v>0</v>
      </c>
      <c r="BY31" s="72">
        <v>3</v>
      </c>
      <c r="BZ31" s="73">
        <v>4</v>
      </c>
      <c r="CA31" s="70">
        <v>0</v>
      </c>
      <c r="CB31" s="71">
        <v>0</v>
      </c>
      <c r="CC31" s="72">
        <v>0</v>
      </c>
      <c r="CD31" s="244"/>
      <c r="CE31" s="71">
        <v>0</v>
      </c>
      <c r="CF31" s="71">
        <v>0</v>
      </c>
      <c r="CG31" s="71">
        <v>0</v>
      </c>
      <c r="CH31" s="71">
        <v>0</v>
      </c>
      <c r="CI31" s="71">
        <v>0</v>
      </c>
      <c r="CJ31" s="72">
        <v>0</v>
      </c>
      <c r="CK31" s="73">
        <v>0</v>
      </c>
      <c r="CL31" s="70">
        <v>2</v>
      </c>
      <c r="CM31" s="71">
        <v>4</v>
      </c>
      <c r="CN31" s="72">
        <v>6</v>
      </c>
      <c r="CO31" s="244"/>
      <c r="CP31" s="71">
        <v>7</v>
      </c>
      <c r="CQ31" s="71">
        <v>7</v>
      </c>
      <c r="CR31" s="71">
        <v>2</v>
      </c>
      <c r="CS31" s="71">
        <v>2</v>
      </c>
      <c r="CT31" s="71">
        <v>1</v>
      </c>
      <c r="CU31" s="72">
        <v>19</v>
      </c>
      <c r="CV31" s="73">
        <v>25</v>
      </c>
      <c r="CW31" s="123">
        <v>1</v>
      </c>
      <c r="CX31" s="82">
        <v>0</v>
      </c>
      <c r="CY31" s="83">
        <v>1</v>
      </c>
      <c r="CZ31" s="241"/>
      <c r="DA31" s="82">
        <v>2</v>
      </c>
      <c r="DB31" s="82">
        <v>2</v>
      </c>
      <c r="DC31" s="82">
        <v>0</v>
      </c>
      <c r="DD31" s="82">
        <v>0</v>
      </c>
      <c r="DE31" s="82">
        <v>1</v>
      </c>
      <c r="DF31" s="84">
        <v>5</v>
      </c>
      <c r="DG31" s="85">
        <v>6</v>
      </c>
      <c r="DH31" s="70">
        <v>0</v>
      </c>
      <c r="DI31" s="71">
        <v>0</v>
      </c>
      <c r="DJ31" s="72">
        <v>0</v>
      </c>
      <c r="DK31" s="244"/>
      <c r="DL31" s="71">
        <v>0</v>
      </c>
      <c r="DM31" s="71">
        <v>0</v>
      </c>
      <c r="DN31" s="71">
        <v>0</v>
      </c>
      <c r="DO31" s="71">
        <v>0</v>
      </c>
      <c r="DP31" s="71">
        <v>0</v>
      </c>
      <c r="DQ31" s="72">
        <v>0</v>
      </c>
      <c r="DR31" s="73">
        <v>0</v>
      </c>
      <c r="DS31" s="70">
        <v>0</v>
      </c>
      <c r="DT31" s="71">
        <v>0</v>
      </c>
      <c r="DU31" s="72">
        <v>0</v>
      </c>
      <c r="DV31" s="244"/>
      <c r="DW31" s="71">
        <v>0</v>
      </c>
      <c r="DX31" s="71">
        <v>0</v>
      </c>
      <c r="DY31" s="71">
        <v>0</v>
      </c>
      <c r="DZ31" s="71">
        <v>0</v>
      </c>
      <c r="EA31" s="71">
        <v>0</v>
      </c>
      <c r="EB31" s="72">
        <v>0</v>
      </c>
      <c r="EC31" s="73">
        <v>0</v>
      </c>
      <c r="ED31" s="70">
        <v>1</v>
      </c>
      <c r="EE31" s="71">
        <v>0</v>
      </c>
      <c r="EF31" s="72">
        <v>1</v>
      </c>
      <c r="EG31" s="244"/>
      <c r="EH31" s="71">
        <v>0</v>
      </c>
      <c r="EI31" s="71">
        <v>0</v>
      </c>
      <c r="EJ31" s="71">
        <v>0</v>
      </c>
      <c r="EK31" s="71">
        <v>0</v>
      </c>
      <c r="EL31" s="71">
        <v>0</v>
      </c>
      <c r="EM31" s="72">
        <v>0</v>
      </c>
      <c r="EN31" s="73">
        <v>1</v>
      </c>
      <c r="EO31" s="70">
        <v>0</v>
      </c>
      <c r="EP31" s="71">
        <v>0</v>
      </c>
      <c r="EQ31" s="72">
        <v>0</v>
      </c>
      <c r="ER31" s="244"/>
      <c r="ES31" s="71">
        <v>1</v>
      </c>
      <c r="ET31" s="71">
        <v>1</v>
      </c>
      <c r="EU31" s="71">
        <v>0</v>
      </c>
      <c r="EV31" s="71">
        <v>0</v>
      </c>
      <c r="EW31" s="71">
        <v>1</v>
      </c>
      <c r="EX31" s="72">
        <v>3</v>
      </c>
      <c r="EY31" s="73">
        <v>3</v>
      </c>
      <c r="EZ31" s="70">
        <v>0</v>
      </c>
      <c r="FA31" s="71">
        <v>0</v>
      </c>
      <c r="FB31" s="72">
        <v>0</v>
      </c>
      <c r="FC31" s="244"/>
      <c r="FD31" s="71">
        <v>0</v>
      </c>
      <c r="FE31" s="71">
        <v>0</v>
      </c>
      <c r="FF31" s="71">
        <v>0</v>
      </c>
      <c r="FG31" s="71">
        <v>0</v>
      </c>
      <c r="FH31" s="71">
        <v>0</v>
      </c>
      <c r="FI31" s="72">
        <v>0</v>
      </c>
      <c r="FJ31" s="73">
        <v>0</v>
      </c>
      <c r="FK31" s="70">
        <v>0</v>
      </c>
      <c r="FL31" s="71">
        <v>0</v>
      </c>
      <c r="FM31" s="72">
        <v>0</v>
      </c>
      <c r="FN31" s="244"/>
      <c r="FO31" s="71">
        <v>1</v>
      </c>
      <c r="FP31" s="71">
        <v>1</v>
      </c>
      <c r="FQ31" s="71">
        <v>0</v>
      </c>
      <c r="FR31" s="71">
        <v>0</v>
      </c>
      <c r="FS31" s="71">
        <v>0</v>
      </c>
      <c r="FT31" s="72">
        <v>2</v>
      </c>
      <c r="FU31" s="73">
        <v>2</v>
      </c>
      <c r="FV31" s="70">
        <v>0</v>
      </c>
      <c r="FW31" s="71">
        <v>0</v>
      </c>
      <c r="FX31" s="72">
        <v>0</v>
      </c>
      <c r="FY31" s="244"/>
      <c r="FZ31" s="71">
        <v>0</v>
      </c>
      <c r="GA31" s="71">
        <v>0</v>
      </c>
      <c r="GB31" s="71">
        <v>0</v>
      </c>
      <c r="GC31" s="71">
        <v>0</v>
      </c>
      <c r="GD31" s="71">
        <v>0</v>
      </c>
      <c r="GE31" s="72">
        <v>0</v>
      </c>
      <c r="GF31" s="73">
        <v>0</v>
      </c>
      <c r="GG31" s="70">
        <v>1</v>
      </c>
      <c r="GH31" s="71">
        <v>0</v>
      </c>
      <c r="GI31" s="72">
        <v>1</v>
      </c>
      <c r="GJ31" s="244"/>
      <c r="GK31" s="71">
        <v>2</v>
      </c>
      <c r="GL31" s="71">
        <v>2</v>
      </c>
      <c r="GM31" s="71">
        <v>0</v>
      </c>
      <c r="GN31" s="71">
        <v>0</v>
      </c>
      <c r="GO31" s="71">
        <v>1</v>
      </c>
      <c r="GP31" s="72">
        <v>5</v>
      </c>
      <c r="GQ31" s="73">
        <v>6</v>
      </c>
      <c r="GR31" s="123">
        <v>3</v>
      </c>
      <c r="GS31" s="82">
        <v>4</v>
      </c>
      <c r="GT31" s="83">
        <v>7</v>
      </c>
      <c r="GU31" s="241"/>
      <c r="GV31" s="82">
        <v>9</v>
      </c>
      <c r="GW31" s="82">
        <v>9</v>
      </c>
      <c r="GX31" s="82">
        <v>2</v>
      </c>
      <c r="GY31" s="82">
        <v>2</v>
      </c>
      <c r="GZ31" s="82">
        <v>2</v>
      </c>
      <c r="HA31" s="84">
        <v>24</v>
      </c>
      <c r="HB31" s="85">
        <v>31</v>
      </c>
      <c r="HC31" s="70">
        <v>0</v>
      </c>
      <c r="HD31" s="71">
        <v>0</v>
      </c>
      <c r="HE31" s="72">
        <v>0</v>
      </c>
      <c r="HF31" s="244"/>
      <c r="HG31" s="71">
        <v>0</v>
      </c>
      <c r="HH31" s="71">
        <v>0</v>
      </c>
      <c r="HI31" s="71">
        <v>0</v>
      </c>
      <c r="HJ31" s="71">
        <v>0</v>
      </c>
      <c r="HK31" s="71">
        <v>0</v>
      </c>
      <c r="HL31" s="72">
        <v>0</v>
      </c>
      <c r="HM31" s="73">
        <v>0</v>
      </c>
      <c r="HN31" s="70">
        <v>0</v>
      </c>
      <c r="HO31" s="71">
        <v>0</v>
      </c>
      <c r="HP31" s="72">
        <v>0</v>
      </c>
      <c r="HQ31" s="244"/>
      <c r="HR31" s="71">
        <v>0</v>
      </c>
      <c r="HS31" s="71">
        <v>2</v>
      </c>
      <c r="HT31" s="71">
        <v>0</v>
      </c>
      <c r="HU31" s="71">
        <v>0</v>
      </c>
      <c r="HV31" s="71">
        <v>0</v>
      </c>
      <c r="HW31" s="72">
        <v>2</v>
      </c>
      <c r="HX31" s="73">
        <v>2</v>
      </c>
      <c r="HY31" s="70">
        <v>1</v>
      </c>
      <c r="HZ31" s="71">
        <v>1</v>
      </c>
      <c r="IA31" s="72">
        <v>2</v>
      </c>
      <c r="IB31" s="244"/>
      <c r="IC31" s="71">
        <v>0</v>
      </c>
      <c r="ID31" s="71">
        <v>1</v>
      </c>
      <c r="IE31" s="71">
        <v>0</v>
      </c>
      <c r="IF31" s="71">
        <v>0</v>
      </c>
      <c r="IG31" s="71">
        <v>0</v>
      </c>
      <c r="IH31" s="72">
        <v>1</v>
      </c>
      <c r="II31" s="73">
        <v>3</v>
      </c>
      <c r="IJ31" s="70">
        <v>2</v>
      </c>
      <c r="IK31" s="71">
        <v>0</v>
      </c>
      <c r="IL31" s="72">
        <v>2</v>
      </c>
      <c r="IM31" s="244"/>
      <c r="IN31" s="71">
        <v>2</v>
      </c>
      <c r="IO31" s="71">
        <v>3</v>
      </c>
      <c r="IP31" s="71">
        <v>0</v>
      </c>
      <c r="IQ31" s="71">
        <v>1</v>
      </c>
      <c r="IR31" s="71">
        <v>1</v>
      </c>
      <c r="IS31" s="72">
        <v>7</v>
      </c>
      <c r="IT31" s="73">
        <v>9</v>
      </c>
      <c r="IU31" s="70">
        <v>0</v>
      </c>
      <c r="IV31" s="71">
        <v>2</v>
      </c>
      <c r="IW31" s="72">
        <v>2</v>
      </c>
      <c r="IX31" s="244"/>
      <c r="IY31" s="71">
        <v>6</v>
      </c>
      <c r="IZ31" s="71">
        <v>1</v>
      </c>
      <c r="JA31" s="71">
        <v>0</v>
      </c>
      <c r="JB31" s="71">
        <v>1</v>
      </c>
      <c r="JC31" s="71">
        <v>1</v>
      </c>
      <c r="JD31" s="72">
        <v>9</v>
      </c>
      <c r="JE31" s="73">
        <v>11</v>
      </c>
      <c r="JF31" s="70">
        <v>0</v>
      </c>
      <c r="JG31" s="71">
        <v>1</v>
      </c>
      <c r="JH31" s="72">
        <v>1</v>
      </c>
      <c r="JI31" s="244"/>
      <c r="JJ31" s="71">
        <v>1</v>
      </c>
      <c r="JK31" s="71">
        <v>2</v>
      </c>
      <c r="JL31" s="71">
        <v>2</v>
      </c>
      <c r="JM31" s="71">
        <v>0</v>
      </c>
      <c r="JN31" s="71">
        <v>0</v>
      </c>
      <c r="JO31" s="72">
        <v>5</v>
      </c>
      <c r="JP31" s="73">
        <v>6</v>
      </c>
      <c r="JQ31" s="70">
        <v>0</v>
      </c>
      <c r="JR31" s="71">
        <v>0</v>
      </c>
      <c r="JS31" s="72">
        <v>0</v>
      </c>
      <c r="JT31" s="244"/>
      <c r="JU31" s="71">
        <v>0</v>
      </c>
      <c r="JV31" s="71">
        <v>0</v>
      </c>
      <c r="JW31" s="71">
        <v>0</v>
      </c>
      <c r="JX31" s="71">
        <v>0</v>
      </c>
      <c r="JY31" s="71">
        <v>0</v>
      </c>
      <c r="JZ31" s="72">
        <v>0</v>
      </c>
      <c r="KA31" s="73">
        <v>0</v>
      </c>
      <c r="KB31" s="70">
        <v>3</v>
      </c>
      <c r="KC31" s="71">
        <v>4</v>
      </c>
      <c r="KD31" s="72">
        <v>7</v>
      </c>
      <c r="KE31" s="244"/>
      <c r="KF31" s="71">
        <v>9</v>
      </c>
      <c r="KG31" s="71">
        <v>9</v>
      </c>
      <c r="KH31" s="71">
        <v>2</v>
      </c>
      <c r="KI31" s="71">
        <v>2</v>
      </c>
      <c r="KJ31" s="71">
        <v>2</v>
      </c>
      <c r="KK31" s="72">
        <v>24</v>
      </c>
      <c r="KL31" s="73">
        <v>31</v>
      </c>
    </row>
    <row r="32" spans="1:298" ht="19.5" customHeight="1" x14ac:dyDescent="0.2">
      <c r="A32" s="126" t="s">
        <v>29</v>
      </c>
      <c r="B32" s="316">
        <v>3</v>
      </c>
      <c r="C32" s="82">
        <v>3</v>
      </c>
      <c r="D32" s="83">
        <v>6</v>
      </c>
      <c r="E32" s="241"/>
      <c r="F32" s="82">
        <v>3</v>
      </c>
      <c r="G32" s="82">
        <v>6</v>
      </c>
      <c r="H32" s="82">
        <v>4</v>
      </c>
      <c r="I32" s="82">
        <v>2</v>
      </c>
      <c r="J32" s="82">
        <v>4</v>
      </c>
      <c r="K32" s="84">
        <v>19</v>
      </c>
      <c r="L32" s="85">
        <v>25</v>
      </c>
      <c r="M32" s="70">
        <v>0</v>
      </c>
      <c r="N32" s="71">
        <v>0</v>
      </c>
      <c r="O32" s="72">
        <v>0</v>
      </c>
      <c r="P32" s="244"/>
      <c r="Q32" s="71">
        <v>0</v>
      </c>
      <c r="R32" s="71">
        <v>0</v>
      </c>
      <c r="S32" s="71">
        <v>1</v>
      </c>
      <c r="T32" s="71">
        <v>0</v>
      </c>
      <c r="U32" s="71">
        <v>0</v>
      </c>
      <c r="V32" s="72">
        <v>1</v>
      </c>
      <c r="W32" s="73">
        <v>1</v>
      </c>
      <c r="X32" s="70">
        <v>0</v>
      </c>
      <c r="Y32" s="71">
        <v>0</v>
      </c>
      <c r="Z32" s="72">
        <v>0</v>
      </c>
      <c r="AA32" s="244"/>
      <c r="AB32" s="71">
        <v>0</v>
      </c>
      <c r="AC32" s="71">
        <v>0</v>
      </c>
      <c r="AD32" s="71">
        <v>0</v>
      </c>
      <c r="AE32" s="71">
        <v>0</v>
      </c>
      <c r="AF32" s="71">
        <v>0</v>
      </c>
      <c r="AG32" s="72">
        <v>0</v>
      </c>
      <c r="AH32" s="73">
        <v>0</v>
      </c>
      <c r="AI32" s="70">
        <v>2</v>
      </c>
      <c r="AJ32" s="71">
        <v>0</v>
      </c>
      <c r="AK32" s="72">
        <v>2</v>
      </c>
      <c r="AL32" s="244"/>
      <c r="AM32" s="71">
        <v>1</v>
      </c>
      <c r="AN32" s="71">
        <v>0</v>
      </c>
      <c r="AO32" s="71">
        <v>0</v>
      </c>
      <c r="AP32" s="71">
        <v>0</v>
      </c>
      <c r="AQ32" s="71">
        <v>1</v>
      </c>
      <c r="AR32" s="72">
        <v>2</v>
      </c>
      <c r="AS32" s="73">
        <v>4</v>
      </c>
      <c r="AT32" s="70">
        <v>1</v>
      </c>
      <c r="AU32" s="71">
        <v>2</v>
      </c>
      <c r="AV32" s="72">
        <v>3</v>
      </c>
      <c r="AW32" s="244"/>
      <c r="AX32" s="71">
        <v>1</v>
      </c>
      <c r="AY32" s="71">
        <v>1</v>
      </c>
      <c r="AZ32" s="71">
        <v>0</v>
      </c>
      <c r="BA32" s="71">
        <v>0</v>
      </c>
      <c r="BB32" s="71">
        <v>0</v>
      </c>
      <c r="BC32" s="72">
        <v>2</v>
      </c>
      <c r="BD32" s="73">
        <v>5</v>
      </c>
      <c r="BE32" s="70">
        <v>0</v>
      </c>
      <c r="BF32" s="71">
        <v>1</v>
      </c>
      <c r="BG32" s="72">
        <v>1</v>
      </c>
      <c r="BH32" s="244"/>
      <c r="BI32" s="71">
        <v>1</v>
      </c>
      <c r="BJ32" s="71">
        <v>4</v>
      </c>
      <c r="BK32" s="71">
        <v>1</v>
      </c>
      <c r="BL32" s="71">
        <v>2</v>
      </c>
      <c r="BM32" s="71">
        <v>1</v>
      </c>
      <c r="BN32" s="72">
        <v>9</v>
      </c>
      <c r="BO32" s="73">
        <v>10</v>
      </c>
      <c r="BP32" s="70">
        <v>0</v>
      </c>
      <c r="BQ32" s="71">
        <v>0</v>
      </c>
      <c r="BR32" s="72">
        <v>0</v>
      </c>
      <c r="BS32" s="244"/>
      <c r="BT32" s="71">
        <v>0</v>
      </c>
      <c r="BU32" s="71">
        <v>1</v>
      </c>
      <c r="BV32" s="71">
        <v>2</v>
      </c>
      <c r="BW32" s="71">
        <v>0</v>
      </c>
      <c r="BX32" s="71">
        <v>2</v>
      </c>
      <c r="BY32" s="72">
        <v>5</v>
      </c>
      <c r="BZ32" s="73">
        <v>5</v>
      </c>
      <c r="CA32" s="70">
        <v>0</v>
      </c>
      <c r="CB32" s="71">
        <v>0</v>
      </c>
      <c r="CC32" s="72">
        <v>0</v>
      </c>
      <c r="CD32" s="244"/>
      <c r="CE32" s="71">
        <v>0</v>
      </c>
      <c r="CF32" s="71">
        <v>0</v>
      </c>
      <c r="CG32" s="71">
        <v>0</v>
      </c>
      <c r="CH32" s="71">
        <v>0</v>
      </c>
      <c r="CI32" s="71">
        <v>0</v>
      </c>
      <c r="CJ32" s="72">
        <v>0</v>
      </c>
      <c r="CK32" s="73">
        <v>0</v>
      </c>
      <c r="CL32" s="70">
        <v>3</v>
      </c>
      <c r="CM32" s="71">
        <v>3</v>
      </c>
      <c r="CN32" s="72">
        <v>6</v>
      </c>
      <c r="CO32" s="244"/>
      <c r="CP32" s="71">
        <v>3</v>
      </c>
      <c r="CQ32" s="71">
        <v>6</v>
      </c>
      <c r="CR32" s="71">
        <v>4</v>
      </c>
      <c r="CS32" s="71">
        <v>2</v>
      </c>
      <c r="CT32" s="71">
        <v>4</v>
      </c>
      <c r="CU32" s="72">
        <v>19</v>
      </c>
      <c r="CV32" s="73">
        <v>25</v>
      </c>
      <c r="CW32" s="123">
        <v>1</v>
      </c>
      <c r="CX32" s="82">
        <v>0</v>
      </c>
      <c r="CY32" s="83">
        <v>1</v>
      </c>
      <c r="CZ32" s="241"/>
      <c r="DA32" s="82">
        <v>3</v>
      </c>
      <c r="DB32" s="82">
        <v>2</v>
      </c>
      <c r="DC32" s="82">
        <v>0</v>
      </c>
      <c r="DD32" s="82">
        <v>1</v>
      </c>
      <c r="DE32" s="82">
        <v>0</v>
      </c>
      <c r="DF32" s="84">
        <v>6</v>
      </c>
      <c r="DG32" s="85">
        <v>7</v>
      </c>
      <c r="DH32" s="70">
        <v>0</v>
      </c>
      <c r="DI32" s="71">
        <v>0</v>
      </c>
      <c r="DJ32" s="72">
        <v>0</v>
      </c>
      <c r="DK32" s="244"/>
      <c r="DL32" s="71">
        <v>0</v>
      </c>
      <c r="DM32" s="71">
        <v>0</v>
      </c>
      <c r="DN32" s="71">
        <v>0</v>
      </c>
      <c r="DO32" s="71">
        <v>0</v>
      </c>
      <c r="DP32" s="71">
        <v>0</v>
      </c>
      <c r="DQ32" s="72">
        <v>0</v>
      </c>
      <c r="DR32" s="73">
        <v>0</v>
      </c>
      <c r="DS32" s="70">
        <v>0</v>
      </c>
      <c r="DT32" s="71">
        <v>0</v>
      </c>
      <c r="DU32" s="72">
        <v>0</v>
      </c>
      <c r="DV32" s="244"/>
      <c r="DW32" s="71">
        <v>0</v>
      </c>
      <c r="DX32" s="71">
        <v>0</v>
      </c>
      <c r="DY32" s="71">
        <v>0</v>
      </c>
      <c r="DZ32" s="71">
        <v>0</v>
      </c>
      <c r="EA32" s="71">
        <v>0</v>
      </c>
      <c r="EB32" s="72">
        <v>0</v>
      </c>
      <c r="EC32" s="73">
        <v>0</v>
      </c>
      <c r="ED32" s="70">
        <v>0</v>
      </c>
      <c r="EE32" s="71">
        <v>0</v>
      </c>
      <c r="EF32" s="72">
        <v>0</v>
      </c>
      <c r="EG32" s="244"/>
      <c r="EH32" s="71">
        <v>0</v>
      </c>
      <c r="EI32" s="71">
        <v>0</v>
      </c>
      <c r="EJ32" s="71">
        <v>0</v>
      </c>
      <c r="EK32" s="71">
        <v>0</v>
      </c>
      <c r="EL32" s="71">
        <v>0</v>
      </c>
      <c r="EM32" s="72">
        <v>0</v>
      </c>
      <c r="EN32" s="73">
        <v>0</v>
      </c>
      <c r="EO32" s="70">
        <v>0</v>
      </c>
      <c r="EP32" s="71">
        <v>0</v>
      </c>
      <c r="EQ32" s="72">
        <v>0</v>
      </c>
      <c r="ER32" s="244"/>
      <c r="ES32" s="71">
        <v>1</v>
      </c>
      <c r="ET32" s="71">
        <v>0</v>
      </c>
      <c r="EU32" s="71">
        <v>0</v>
      </c>
      <c r="EV32" s="71">
        <v>0</v>
      </c>
      <c r="EW32" s="71">
        <v>0</v>
      </c>
      <c r="EX32" s="72">
        <v>1</v>
      </c>
      <c r="EY32" s="73">
        <v>1</v>
      </c>
      <c r="EZ32" s="70">
        <v>1</v>
      </c>
      <c r="FA32" s="71">
        <v>0</v>
      </c>
      <c r="FB32" s="72">
        <v>1</v>
      </c>
      <c r="FC32" s="244"/>
      <c r="FD32" s="71">
        <v>2</v>
      </c>
      <c r="FE32" s="71">
        <v>0</v>
      </c>
      <c r="FF32" s="71">
        <v>0</v>
      </c>
      <c r="FG32" s="71">
        <v>0</v>
      </c>
      <c r="FH32" s="71">
        <v>0</v>
      </c>
      <c r="FI32" s="72">
        <v>2</v>
      </c>
      <c r="FJ32" s="73">
        <v>3</v>
      </c>
      <c r="FK32" s="70">
        <v>0</v>
      </c>
      <c r="FL32" s="71">
        <v>0</v>
      </c>
      <c r="FM32" s="72">
        <v>0</v>
      </c>
      <c r="FN32" s="244"/>
      <c r="FO32" s="71">
        <v>0</v>
      </c>
      <c r="FP32" s="71">
        <v>2</v>
      </c>
      <c r="FQ32" s="71">
        <v>0</v>
      </c>
      <c r="FR32" s="71">
        <v>1</v>
      </c>
      <c r="FS32" s="71">
        <v>0</v>
      </c>
      <c r="FT32" s="72">
        <v>3</v>
      </c>
      <c r="FU32" s="73">
        <v>3</v>
      </c>
      <c r="FV32" s="70">
        <v>0</v>
      </c>
      <c r="FW32" s="71">
        <v>0</v>
      </c>
      <c r="FX32" s="72">
        <v>0</v>
      </c>
      <c r="FY32" s="244"/>
      <c r="FZ32" s="71">
        <v>0</v>
      </c>
      <c r="GA32" s="71">
        <v>0</v>
      </c>
      <c r="GB32" s="71">
        <v>0</v>
      </c>
      <c r="GC32" s="71">
        <v>0</v>
      </c>
      <c r="GD32" s="71">
        <v>0</v>
      </c>
      <c r="GE32" s="72">
        <v>0</v>
      </c>
      <c r="GF32" s="73">
        <v>0</v>
      </c>
      <c r="GG32" s="70">
        <v>1</v>
      </c>
      <c r="GH32" s="71">
        <v>0</v>
      </c>
      <c r="GI32" s="72">
        <v>1</v>
      </c>
      <c r="GJ32" s="244"/>
      <c r="GK32" s="71">
        <v>3</v>
      </c>
      <c r="GL32" s="71">
        <v>2</v>
      </c>
      <c r="GM32" s="71">
        <v>0</v>
      </c>
      <c r="GN32" s="71">
        <v>1</v>
      </c>
      <c r="GO32" s="71">
        <v>0</v>
      </c>
      <c r="GP32" s="72">
        <v>6</v>
      </c>
      <c r="GQ32" s="73">
        <v>7</v>
      </c>
      <c r="GR32" s="123">
        <v>4</v>
      </c>
      <c r="GS32" s="82">
        <v>3</v>
      </c>
      <c r="GT32" s="83">
        <v>7</v>
      </c>
      <c r="GU32" s="241"/>
      <c r="GV32" s="82">
        <v>6</v>
      </c>
      <c r="GW32" s="82">
        <v>8</v>
      </c>
      <c r="GX32" s="82">
        <v>4</v>
      </c>
      <c r="GY32" s="82">
        <v>3</v>
      </c>
      <c r="GZ32" s="82">
        <v>4</v>
      </c>
      <c r="HA32" s="84">
        <v>25</v>
      </c>
      <c r="HB32" s="85">
        <v>32</v>
      </c>
      <c r="HC32" s="70">
        <v>0</v>
      </c>
      <c r="HD32" s="71">
        <v>0</v>
      </c>
      <c r="HE32" s="72">
        <v>0</v>
      </c>
      <c r="HF32" s="244"/>
      <c r="HG32" s="71">
        <v>0</v>
      </c>
      <c r="HH32" s="71">
        <v>0</v>
      </c>
      <c r="HI32" s="71">
        <v>1</v>
      </c>
      <c r="HJ32" s="71">
        <v>0</v>
      </c>
      <c r="HK32" s="71">
        <v>0</v>
      </c>
      <c r="HL32" s="72">
        <v>1</v>
      </c>
      <c r="HM32" s="73">
        <v>1</v>
      </c>
      <c r="HN32" s="70">
        <v>0</v>
      </c>
      <c r="HO32" s="71">
        <v>0</v>
      </c>
      <c r="HP32" s="72">
        <v>0</v>
      </c>
      <c r="HQ32" s="244"/>
      <c r="HR32" s="71">
        <v>0</v>
      </c>
      <c r="HS32" s="71">
        <v>0</v>
      </c>
      <c r="HT32" s="71">
        <v>0</v>
      </c>
      <c r="HU32" s="71">
        <v>0</v>
      </c>
      <c r="HV32" s="71">
        <v>0</v>
      </c>
      <c r="HW32" s="72">
        <v>0</v>
      </c>
      <c r="HX32" s="73">
        <v>0</v>
      </c>
      <c r="HY32" s="70">
        <v>2</v>
      </c>
      <c r="HZ32" s="71">
        <v>0</v>
      </c>
      <c r="IA32" s="72">
        <v>2</v>
      </c>
      <c r="IB32" s="244"/>
      <c r="IC32" s="71">
        <v>1</v>
      </c>
      <c r="ID32" s="71">
        <v>0</v>
      </c>
      <c r="IE32" s="71">
        <v>0</v>
      </c>
      <c r="IF32" s="71">
        <v>0</v>
      </c>
      <c r="IG32" s="71">
        <v>1</v>
      </c>
      <c r="IH32" s="72">
        <v>2</v>
      </c>
      <c r="II32" s="73">
        <v>4</v>
      </c>
      <c r="IJ32" s="70">
        <v>1</v>
      </c>
      <c r="IK32" s="71">
        <v>2</v>
      </c>
      <c r="IL32" s="72">
        <v>3</v>
      </c>
      <c r="IM32" s="244"/>
      <c r="IN32" s="71">
        <v>2</v>
      </c>
      <c r="IO32" s="71">
        <v>1</v>
      </c>
      <c r="IP32" s="71">
        <v>0</v>
      </c>
      <c r="IQ32" s="71">
        <v>0</v>
      </c>
      <c r="IR32" s="71">
        <v>0</v>
      </c>
      <c r="IS32" s="72">
        <v>3</v>
      </c>
      <c r="IT32" s="73">
        <v>6</v>
      </c>
      <c r="IU32" s="70">
        <v>1</v>
      </c>
      <c r="IV32" s="71">
        <v>1</v>
      </c>
      <c r="IW32" s="72">
        <v>2</v>
      </c>
      <c r="IX32" s="244"/>
      <c r="IY32" s="71">
        <v>3</v>
      </c>
      <c r="IZ32" s="71">
        <v>4</v>
      </c>
      <c r="JA32" s="71">
        <v>1</v>
      </c>
      <c r="JB32" s="71">
        <v>2</v>
      </c>
      <c r="JC32" s="71">
        <v>1</v>
      </c>
      <c r="JD32" s="72">
        <v>11</v>
      </c>
      <c r="JE32" s="73">
        <v>13</v>
      </c>
      <c r="JF32" s="70">
        <v>0</v>
      </c>
      <c r="JG32" s="71">
        <v>0</v>
      </c>
      <c r="JH32" s="72">
        <v>0</v>
      </c>
      <c r="JI32" s="244"/>
      <c r="JJ32" s="71">
        <v>0</v>
      </c>
      <c r="JK32" s="71">
        <v>3</v>
      </c>
      <c r="JL32" s="71">
        <v>2</v>
      </c>
      <c r="JM32" s="71">
        <v>1</v>
      </c>
      <c r="JN32" s="71">
        <v>2</v>
      </c>
      <c r="JO32" s="72">
        <v>8</v>
      </c>
      <c r="JP32" s="73">
        <v>8</v>
      </c>
      <c r="JQ32" s="70">
        <v>0</v>
      </c>
      <c r="JR32" s="71">
        <v>0</v>
      </c>
      <c r="JS32" s="72">
        <v>0</v>
      </c>
      <c r="JT32" s="244"/>
      <c r="JU32" s="71">
        <v>0</v>
      </c>
      <c r="JV32" s="71">
        <v>0</v>
      </c>
      <c r="JW32" s="71">
        <v>0</v>
      </c>
      <c r="JX32" s="71">
        <v>0</v>
      </c>
      <c r="JY32" s="71">
        <v>0</v>
      </c>
      <c r="JZ32" s="72">
        <v>0</v>
      </c>
      <c r="KA32" s="73">
        <v>0</v>
      </c>
      <c r="KB32" s="70">
        <v>4</v>
      </c>
      <c r="KC32" s="71">
        <v>3</v>
      </c>
      <c r="KD32" s="72">
        <v>7</v>
      </c>
      <c r="KE32" s="244"/>
      <c r="KF32" s="71">
        <v>6</v>
      </c>
      <c r="KG32" s="71">
        <v>8</v>
      </c>
      <c r="KH32" s="71">
        <v>4</v>
      </c>
      <c r="KI32" s="71">
        <v>3</v>
      </c>
      <c r="KJ32" s="71">
        <v>4</v>
      </c>
      <c r="KK32" s="72">
        <v>25</v>
      </c>
      <c r="KL32" s="73">
        <v>32</v>
      </c>
    </row>
    <row r="33" spans="1:298" ht="19.5" customHeight="1" x14ac:dyDescent="0.2">
      <c r="A33" s="126" t="s">
        <v>30</v>
      </c>
      <c r="B33" s="316">
        <v>3</v>
      </c>
      <c r="C33" s="82">
        <v>3</v>
      </c>
      <c r="D33" s="83">
        <v>6</v>
      </c>
      <c r="E33" s="241"/>
      <c r="F33" s="82">
        <v>7</v>
      </c>
      <c r="G33" s="82">
        <v>4</v>
      </c>
      <c r="H33" s="82">
        <v>2</v>
      </c>
      <c r="I33" s="82">
        <v>8</v>
      </c>
      <c r="J33" s="82">
        <v>1</v>
      </c>
      <c r="K33" s="84">
        <v>22</v>
      </c>
      <c r="L33" s="85">
        <v>28</v>
      </c>
      <c r="M33" s="70">
        <v>0</v>
      </c>
      <c r="N33" s="71">
        <v>0</v>
      </c>
      <c r="O33" s="72">
        <v>0</v>
      </c>
      <c r="P33" s="244"/>
      <c r="Q33" s="71">
        <v>0</v>
      </c>
      <c r="R33" s="71">
        <v>0</v>
      </c>
      <c r="S33" s="71">
        <v>0</v>
      </c>
      <c r="T33" s="71">
        <v>0</v>
      </c>
      <c r="U33" s="71">
        <v>0</v>
      </c>
      <c r="V33" s="72">
        <v>0</v>
      </c>
      <c r="W33" s="73">
        <v>0</v>
      </c>
      <c r="X33" s="70">
        <v>0</v>
      </c>
      <c r="Y33" s="71">
        <v>2</v>
      </c>
      <c r="Z33" s="72">
        <v>2</v>
      </c>
      <c r="AA33" s="244"/>
      <c r="AB33" s="71">
        <v>0</v>
      </c>
      <c r="AC33" s="71">
        <v>0</v>
      </c>
      <c r="AD33" s="71">
        <v>0</v>
      </c>
      <c r="AE33" s="71">
        <v>0</v>
      </c>
      <c r="AF33" s="71">
        <v>0</v>
      </c>
      <c r="AG33" s="72">
        <v>0</v>
      </c>
      <c r="AH33" s="73">
        <v>2</v>
      </c>
      <c r="AI33" s="70">
        <v>0</v>
      </c>
      <c r="AJ33" s="71">
        <v>1</v>
      </c>
      <c r="AK33" s="72">
        <v>1</v>
      </c>
      <c r="AL33" s="244"/>
      <c r="AM33" s="71">
        <v>0</v>
      </c>
      <c r="AN33" s="71">
        <v>0</v>
      </c>
      <c r="AO33" s="71">
        <v>0</v>
      </c>
      <c r="AP33" s="71">
        <v>2</v>
      </c>
      <c r="AQ33" s="71">
        <v>0</v>
      </c>
      <c r="AR33" s="72">
        <v>2</v>
      </c>
      <c r="AS33" s="73">
        <v>3</v>
      </c>
      <c r="AT33" s="70">
        <v>0</v>
      </c>
      <c r="AU33" s="71">
        <v>0</v>
      </c>
      <c r="AV33" s="72">
        <v>0</v>
      </c>
      <c r="AW33" s="244"/>
      <c r="AX33" s="71">
        <v>0</v>
      </c>
      <c r="AY33" s="71">
        <v>1</v>
      </c>
      <c r="AZ33" s="71">
        <v>1</v>
      </c>
      <c r="BA33" s="71">
        <v>1</v>
      </c>
      <c r="BB33" s="71">
        <v>0</v>
      </c>
      <c r="BC33" s="72">
        <v>3</v>
      </c>
      <c r="BD33" s="73">
        <v>3</v>
      </c>
      <c r="BE33" s="70">
        <v>2</v>
      </c>
      <c r="BF33" s="71">
        <v>0</v>
      </c>
      <c r="BG33" s="72">
        <v>2</v>
      </c>
      <c r="BH33" s="244"/>
      <c r="BI33" s="71">
        <v>3</v>
      </c>
      <c r="BJ33" s="71">
        <v>0</v>
      </c>
      <c r="BK33" s="71">
        <v>1</v>
      </c>
      <c r="BL33" s="71">
        <v>1</v>
      </c>
      <c r="BM33" s="71">
        <v>0</v>
      </c>
      <c r="BN33" s="72">
        <v>5</v>
      </c>
      <c r="BO33" s="73">
        <v>7</v>
      </c>
      <c r="BP33" s="70">
        <v>1</v>
      </c>
      <c r="BQ33" s="71">
        <v>0</v>
      </c>
      <c r="BR33" s="72">
        <v>1</v>
      </c>
      <c r="BS33" s="244"/>
      <c r="BT33" s="71">
        <v>4</v>
      </c>
      <c r="BU33" s="71">
        <v>3</v>
      </c>
      <c r="BV33" s="71">
        <v>0</v>
      </c>
      <c r="BW33" s="71">
        <v>4</v>
      </c>
      <c r="BX33" s="71">
        <v>1</v>
      </c>
      <c r="BY33" s="72">
        <v>12</v>
      </c>
      <c r="BZ33" s="73">
        <v>13</v>
      </c>
      <c r="CA33" s="70">
        <v>0</v>
      </c>
      <c r="CB33" s="71">
        <v>0</v>
      </c>
      <c r="CC33" s="72">
        <v>0</v>
      </c>
      <c r="CD33" s="244"/>
      <c r="CE33" s="71">
        <v>0</v>
      </c>
      <c r="CF33" s="71">
        <v>0</v>
      </c>
      <c r="CG33" s="71">
        <v>0</v>
      </c>
      <c r="CH33" s="71">
        <v>0</v>
      </c>
      <c r="CI33" s="71">
        <v>0</v>
      </c>
      <c r="CJ33" s="72">
        <v>0</v>
      </c>
      <c r="CK33" s="73">
        <v>0</v>
      </c>
      <c r="CL33" s="70">
        <v>3</v>
      </c>
      <c r="CM33" s="71">
        <v>3</v>
      </c>
      <c r="CN33" s="72">
        <v>6</v>
      </c>
      <c r="CO33" s="244"/>
      <c r="CP33" s="71">
        <v>7</v>
      </c>
      <c r="CQ33" s="71">
        <v>4</v>
      </c>
      <c r="CR33" s="71">
        <v>2</v>
      </c>
      <c r="CS33" s="71">
        <v>8</v>
      </c>
      <c r="CT33" s="71">
        <v>1</v>
      </c>
      <c r="CU33" s="72">
        <v>22</v>
      </c>
      <c r="CV33" s="73">
        <v>28</v>
      </c>
      <c r="CW33" s="123">
        <v>1</v>
      </c>
      <c r="CX33" s="82">
        <v>0</v>
      </c>
      <c r="CY33" s="83">
        <v>1</v>
      </c>
      <c r="CZ33" s="241"/>
      <c r="DA33" s="82">
        <v>3</v>
      </c>
      <c r="DB33" s="82">
        <v>0</v>
      </c>
      <c r="DC33" s="82">
        <v>2</v>
      </c>
      <c r="DD33" s="82">
        <v>3</v>
      </c>
      <c r="DE33" s="82">
        <v>1</v>
      </c>
      <c r="DF33" s="84">
        <v>9</v>
      </c>
      <c r="DG33" s="85">
        <v>10</v>
      </c>
      <c r="DH33" s="70">
        <v>0</v>
      </c>
      <c r="DI33" s="71">
        <v>0</v>
      </c>
      <c r="DJ33" s="72">
        <v>0</v>
      </c>
      <c r="DK33" s="244"/>
      <c r="DL33" s="71">
        <v>0</v>
      </c>
      <c r="DM33" s="71">
        <v>0</v>
      </c>
      <c r="DN33" s="71">
        <v>0</v>
      </c>
      <c r="DO33" s="71">
        <v>0</v>
      </c>
      <c r="DP33" s="71">
        <v>0</v>
      </c>
      <c r="DQ33" s="72">
        <v>0</v>
      </c>
      <c r="DR33" s="73">
        <v>0</v>
      </c>
      <c r="DS33" s="70">
        <v>0</v>
      </c>
      <c r="DT33" s="71">
        <v>0</v>
      </c>
      <c r="DU33" s="72">
        <v>0</v>
      </c>
      <c r="DV33" s="244"/>
      <c r="DW33" s="71">
        <v>1</v>
      </c>
      <c r="DX33" s="71">
        <v>0</v>
      </c>
      <c r="DY33" s="71">
        <v>0</v>
      </c>
      <c r="DZ33" s="71">
        <v>0</v>
      </c>
      <c r="EA33" s="71">
        <v>0</v>
      </c>
      <c r="EB33" s="72">
        <v>1</v>
      </c>
      <c r="EC33" s="73">
        <v>1</v>
      </c>
      <c r="ED33" s="70">
        <v>1</v>
      </c>
      <c r="EE33" s="71">
        <v>0</v>
      </c>
      <c r="EF33" s="72">
        <v>1</v>
      </c>
      <c r="EG33" s="244"/>
      <c r="EH33" s="71">
        <v>0</v>
      </c>
      <c r="EI33" s="71">
        <v>0</v>
      </c>
      <c r="EJ33" s="71">
        <v>0</v>
      </c>
      <c r="EK33" s="71">
        <v>0</v>
      </c>
      <c r="EL33" s="71">
        <v>0</v>
      </c>
      <c r="EM33" s="72">
        <v>0</v>
      </c>
      <c r="EN33" s="73">
        <v>1</v>
      </c>
      <c r="EO33" s="70">
        <v>0</v>
      </c>
      <c r="EP33" s="71">
        <v>0</v>
      </c>
      <c r="EQ33" s="72">
        <v>0</v>
      </c>
      <c r="ER33" s="244"/>
      <c r="ES33" s="71">
        <v>1</v>
      </c>
      <c r="ET33" s="71">
        <v>0</v>
      </c>
      <c r="EU33" s="71">
        <v>0</v>
      </c>
      <c r="EV33" s="71">
        <v>0</v>
      </c>
      <c r="EW33" s="71">
        <v>0</v>
      </c>
      <c r="EX33" s="72">
        <v>1</v>
      </c>
      <c r="EY33" s="73">
        <v>1</v>
      </c>
      <c r="EZ33" s="70">
        <v>0</v>
      </c>
      <c r="FA33" s="71">
        <v>0</v>
      </c>
      <c r="FB33" s="72">
        <v>0</v>
      </c>
      <c r="FC33" s="244"/>
      <c r="FD33" s="71">
        <v>1</v>
      </c>
      <c r="FE33" s="71">
        <v>0</v>
      </c>
      <c r="FF33" s="71">
        <v>0</v>
      </c>
      <c r="FG33" s="71">
        <v>2</v>
      </c>
      <c r="FH33" s="71">
        <v>0</v>
      </c>
      <c r="FI33" s="72">
        <v>3</v>
      </c>
      <c r="FJ33" s="73">
        <v>3</v>
      </c>
      <c r="FK33" s="70">
        <v>0</v>
      </c>
      <c r="FL33" s="71">
        <v>0</v>
      </c>
      <c r="FM33" s="72">
        <v>0</v>
      </c>
      <c r="FN33" s="244"/>
      <c r="FO33" s="71">
        <v>0</v>
      </c>
      <c r="FP33" s="71">
        <v>0</v>
      </c>
      <c r="FQ33" s="71">
        <v>2</v>
      </c>
      <c r="FR33" s="71">
        <v>1</v>
      </c>
      <c r="FS33" s="71">
        <v>1</v>
      </c>
      <c r="FT33" s="72">
        <v>4</v>
      </c>
      <c r="FU33" s="73">
        <v>4</v>
      </c>
      <c r="FV33" s="70">
        <v>0</v>
      </c>
      <c r="FW33" s="71">
        <v>0</v>
      </c>
      <c r="FX33" s="72">
        <v>0</v>
      </c>
      <c r="FY33" s="244"/>
      <c r="FZ33" s="71">
        <v>0</v>
      </c>
      <c r="GA33" s="71">
        <v>0</v>
      </c>
      <c r="GB33" s="71">
        <v>0</v>
      </c>
      <c r="GC33" s="71">
        <v>0</v>
      </c>
      <c r="GD33" s="71">
        <v>0</v>
      </c>
      <c r="GE33" s="72">
        <v>0</v>
      </c>
      <c r="GF33" s="73">
        <v>0</v>
      </c>
      <c r="GG33" s="70">
        <v>1</v>
      </c>
      <c r="GH33" s="71">
        <v>0</v>
      </c>
      <c r="GI33" s="72">
        <v>1</v>
      </c>
      <c r="GJ33" s="244"/>
      <c r="GK33" s="71">
        <v>3</v>
      </c>
      <c r="GL33" s="71">
        <v>0</v>
      </c>
      <c r="GM33" s="71">
        <v>2</v>
      </c>
      <c r="GN33" s="71">
        <v>3</v>
      </c>
      <c r="GO33" s="71">
        <v>1</v>
      </c>
      <c r="GP33" s="72">
        <v>9</v>
      </c>
      <c r="GQ33" s="73">
        <v>10</v>
      </c>
      <c r="GR33" s="123">
        <v>4</v>
      </c>
      <c r="GS33" s="82">
        <v>3</v>
      </c>
      <c r="GT33" s="83">
        <v>7</v>
      </c>
      <c r="GU33" s="241"/>
      <c r="GV33" s="82">
        <v>10</v>
      </c>
      <c r="GW33" s="82">
        <v>4</v>
      </c>
      <c r="GX33" s="82">
        <v>4</v>
      </c>
      <c r="GY33" s="82">
        <v>11</v>
      </c>
      <c r="GZ33" s="82">
        <v>2</v>
      </c>
      <c r="HA33" s="84">
        <v>31</v>
      </c>
      <c r="HB33" s="85">
        <v>38</v>
      </c>
      <c r="HC33" s="70">
        <v>0</v>
      </c>
      <c r="HD33" s="71">
        <v>0</v>
      </c>
      <c r="HE33" s="72">
        <v>0</v>
      </c>
      <c r="HF33" s="244"/>
      <c r="HG33" s="71">
        <v>0</v>
      </c>
      <c r="HH33" s="71">
        <v>0</v>
      </c>
      <c r="HI33" s="71">
        <v>0</v>
      </c>
      <c r="HJ33" s="71">
        <v>0</v>
      </c>
      <c r="HK33" s="71">
        <v>0</v>
      </c>
      <c r="HL33" s="72">
        <v>0</v>
      </c>
      <c r="HM33" s="73">
        <v>0</v>
      </c>
      <c r="HN33" s="70">
        <v>0</v>
      </c>
      <c r="HO33" s="71">
        <v>2</v>
      </c>
      <c r="HP33" s="72">
        <v>2</v>
      </c>
      <c r="HQ33" s="244"/>
      <c r="HR33" s="71">
        <v>1</v>
      </c>
      <c r="HS33" s="71">
        <v>0</v>
      </c>
      <c r="HT33" s="71">
        <v>0</v>
      </c>
      <c r="HU33" s="71">
        <v>0</v>
      </c>
      <c r="HV33" s="71">
        <v>0</v>
      </c>
      <c r="HW33" s="72">
        <v>1</v>
      </c>
      <c r="HX33" s="73">
        <v>3</v>
      </c>
      <c r="HY33" s="70">
        <v>1</v>
      </c>
      <c r="HZ33" s="71">
        <v>1</v>
      </c>
      <c r="IA33" s="72">
        <v>2</v>
      </c>
      <c r="IB33" s="244"/>
      <c r="IC33" s="71">
        <v>0</v>
      </c>
      <c r="ID33" s="71">
        <v>0</v>
      </c>
      <c r="IE33" s="71">
        <v>0</v>
      </c>
      <c r="IF33" s="71">
        <v>2</v>
      </c>
      <c r="IG33" s="71">
        <v>0</v>
      </c>
      <c r="IH33" s="72">
        <v>2</v>
      </c>
      <c r="II33" s="73">
        <v>4</v>
      </c>
      <c r="IJ33" s="70">
        <v>0</v>
      </c>
      <c r="IK33" s="71">
        <v>0</v>
      </c>
      <c r="IL33" s="72">
        <v>0</v>
      </c>
      <c r="IM33" s="244"/>
      <c r="IN33" s="71">
        <v>1</v>
      </c>
      <c r="IO33" s="71">
        <v>1</v>
      </c>
      <c r="IP33" s="71">
        <v>1</v>
      </c>
      <c r="IQ33" s="71">
        <v>1</v>
      </c>
      <c r="IR33" s="71">
        <v>0</v>
      </c>
      <c r="IS33" s="72">
        <v>4</v>
      </c>
      <c r="IT33" s="73">
        <v>4</v>
      </c>
      <c r="IU33" s="70">
        <v>2</v>
      </c>
      <c r="IV33" s="71">
        <v>0</v>
      </c>
      <c r="IW33" s="72">
        <v>2</v>
      </c>
      <c r="IX33" s="244"/>
      <c r="IY33" s="71">
        <v>4</v>
      </c>
      <c r="IZ33" s="71">
        <v>0</v>
      </c>
      <c r="JA33" s="71">
        <v>1</v>
      </c>
      <c r="JB33" s="71">
        <v>3</v>
      </c>
      <c r="JC33" s="71">
        <v>0</v>
      </c>
      <c r="JD33" s="72">
        <v>8</v>
      </c>
      <c r="JE33" s="73">
        <v>10</v>
      </c>
      <c r="JF33" s="70">
        <v>1</v>
      </c>
      <c r="JG33" s="71">
        <v>0</v>
      </c>
      <c r="JH33" s="72">
        <v>1</v>
      </c>
      <c r="JI33" s="244"/>
      <c r="JJ33" s="71">
        <v>4</v>
      </c>
      <c r="JK33" s="71">
        <v>3</v>
      </c>
      <c r="JL33" s="71">
        <v>2</v>
      </c>
      <c r="JM33" s="71">
        <v>5</v>
      </c>
      <c r="JN33" s="71">
        <v>2</v>
      </c>
      <c r="JO33" s="72">
        <v>16</v>
      </c>
      <c r="JP33" s="73">
        <v>17</v>
      </c>
      <c r="JQ33" s="70">
        <v>0</v>
      </c>
      <c r="JR33" s="71">
        <v>0</v>
      </c>
      <c r="JS33" s="72">
        <v>0</v>
      </c>
      <c r="JT33" s="244"/>
      <c r="JU33" s="71">
        <v>0</v>
      </c>
      <c r="JV33" s="71">
        <v>0</v>
      </c>
      <c r="JW33" s="71">
        <v>0</v>
      </c>
      <c r="JX33" s="71">
        <v>0</v>
      </c>
      <c r="JY33" s="71">
        <v>0</v>
      </c>
      <c r="JZ33" s="72">
        <v>0</v>
      </c>
      <c r="KA33" s="73">
        <v>0</v>
      </c>
      <c r="KB33" s="70">
        <v>4</v>
      </c>
      <c r="KC33" s="71">
        <v>3</v>
      </c>
      <c r="KD33" s="72">
        <v>7</v>
      </c>
      <c r="KE33" s="244"/>
      <c r="KF33" s="71">
        <v>10</v>
      </c>
      <c r="KG33" s="71">
        <v>4</v>
      </c>
      <c r="KH33" s="71">
        <v>4</v>
      </c>
      <c r="KI33" s="71">
        <v>11</v>
      </c>
      <c r="KJ33" s="71">
        <v>2</v>
      </c>
      <c r="KK33" s="72">
        <v>31</v>
      </c>
      <c r="KL33" s="73">
        <v>38</v>
      </c>
    </row>
    <row r="34" spans="1:298" ht="19.5" customHeight="1" x14ac:dyDescent="0.2">
      <c r="A34" s="126" t="s">
        <v>31</v>
      </c>
      <c r="B34" s="316">
        <v>4</v>
      </c>
      <c r="C34" s="82">
        <v>6</v>
      </c>
      <c r="D34" s="83">
        <v>10</v>
      </c>
      <c r="E34" s="241"/>
      <c r="F34" s="82">
        <v>9</v>
      </c>
      <c r="G34" s="82">
        <v>12</v>
      </c>
      <c r="H34" s="82">
        <v>3</v>
      </c>
      <c r="I34" s="82">
        <v>4</v>
      </c>
      <c r="J34" s="82">
        <v>2</v>
      </c>
      <c r="K34" s="84">
        <v>30</v>
      </c>
      <c r="L34" s="85">
        <v>40</v>
      </c>
      <c r="M34" s="70">
        <v>0</v>
      </c>
      <c r="N34" s="71">
        <v>0</v>
      </c>
      <c r="O34" s="72">
        <v>0</v>
      </c>
      <c r="P34" s="244"/>
      <c r="Q34" s="71">
        <v>0</v>
      </c>
      <c r="R34" s="71">
        <v>0</v>
      </c>
      <c r="S34" s="71">
        <v>0</v>
      </c>
      <c r="T34" s="71">
        <v>0</v>
      </c>
      <c r="U34" s="71">
        <v>0</v>
      </c>
      <c r="V34" s="72">
        <v>0</v>
      </c>
      <c r="W34" s="73">
        <v>0</v>
      </c>
      <c r="X34" s="70">
        <v>0</v>
      </c>
      <c r="Y34" s="71">
        <v>1</v>
      </c>
      <c r="Z34" s="72">
        <v>1</v>
      </c>
      <c r="AA34" s="244"/>
      <c r="AB34" s="71">
        <v>0</v>
      </c>
      <c r="AC34" s="71">
        <v>0</v>
      </c>
      <c r="AD34" s="71">
        <v>0</v>
      </c>
      <c r="AE34" s="71">
        <v>0</v>
      </c>
      <c r="AF34" s="71">
        <v>0</v>
      </c>
      <c r="AG34" s="72">
        <v>0</v>
      </c>
      <c r="AH34" s="73">
        <v>1</v>
      </c>
      <c r="AI34" s="70">
        <v>0</v>
      </c>
      <c r="AJ34" s="71">
        <v>0</v>
      </c>
      <c r="AK34" s="72">
        <v>0</v>
      </c>
      <c r="AL34" s="244"/>
      <c r="AM34" s="71">
        <v>0</v>
      </c>
      <c r="AN34" s="71">
        <v>0</v>
      </c>
      <c r="AO34" s="71">
        <v>0</v>
      </c>
      <c r="AP34" s="71">
        <v>1</v>
      </c>
      <c r="AQ34" s="71">
        <v>0</v>
      </c>
      <c r="AR34" s="72">
        <v>1</v>
      </c>
      <c r="AS34" s="73">
        <v>1</v>
      </c>
      <c r="AT34" s="70">
        <v>0</v>
      </c>
      <c r="AU34" s="71">
        <v>1</v>
      </c>
      <c r="AV34" s="72">
        <v>1</v>
      </c>
      <c r="AW34" s="244"/>
      <c r="AX34" s="71">
        <v>4</v>
      </c>
      <c r="AY34" s="71">
        <v>4</v>
      </c>
      <c r="AZ34" s="71">
        <v>1</v>
      </c>
      <c r="BA34" s="71">
        <v>0</v>
      </c>
      <c r="BB34" s="71">
        <v>0</v>
      </c>
      <c r="BC34" s="72">
        <v>9</v>
      </c>
      <c r="BD34" s="73">
        <v>10</v>
      </c>
      <c r="BE34" s="70">
        <v>1</v>
      </c>
      <c r="BF34" s="71">
        <v>2</v>
      </c>
      <c r="BG34" s="72">
        <v>3</v>
      </c>
      <c r="BH34" s="244"/>
      <c r="BI34" s="71">
        <v>1</v>
      </c>
      <c r="BJ34" s="71">
        <v>5</v>
      </c>
      <c r="BK34" s="71">
        <v>0</v>
      </c>
      <c r="BL34" s="71">
        <v>0</v>
      </c>
      <c r="BM34" s="71">
        <v>0</v>
      </c>
      <c r="BN34" s="72">
        <v>6</v>
      </c>
      <c r="BO34" s="73">
        <v>9</v>
      </c>
      <c r="BP34" s="70">
        <v>3</v>
      </c>
      <c r="BQ34" s="71">
        <v>2</v>
      </c>
      <c r="BR34" s="72">
        <v>5</v>
      </c>
      <c r="BS34" s="244"/>
      <c r="BT34" s="71">
        <v>4</v>
      </c>
      <c r="BU34" s="71">
        <v>3</v>
      </c>
      <c r="BV34" s="71">
        <v>2</v>
      </c>
      <c r="BW34" s="71">
        <v>3</v>
      </c>
      <c r="BX34" s="71">
        <v>2</v>
      </c>
      <c r="BY34" s="72">
        <v>14</v>
      </c>
      <c r="BZ34" s="73">
        <v>19</v>
      </c>
      <c r="CA34" s="70">
        <v>0</v>
      </c>
      <c r="CB34" s="71">
        <v>0</v>
      </c>
      <c r="CC34" s="72">
        <v>0</v>
      </c>
      <c r="CD34" s="244"/>
      <c r="CE34" s="71">
        <v>0</v>
      </c>
      <c r="CF34" s="71">
        <v>0</v>
      </c>
      <c r="CG34" s="71">
        <v>0</v>
      </c>
      <c r="CH34" s="71">
        <v>0</v>
      </c>
      <c r="CI34" s="71">
        <v>0</v>
      </c>
      <c r="CJ34" s="72">
        <v>0</v>
      </c>
      <c r="CK34" s="73">
        <v>0</v>
      </c>
      <c r="CL34" s="70">
        <v>4</v>
      </c>
      <c r="CM34" s="71">
        <v>6</v>
      </c>
      <c r="CN34" s="72">
        <v>10</v>
      </c>
      <c r="CO34" s="244"/>
      <c r="CP34" s="71">
        <v>9</v>
      </c>
      <c r="CQ34" s="71">
        <v>12</v>
      </c>
      <c r="CR34" s="71">
        <v>3</v>
      </c>
      <c r="CS34" s="71">
        <v>4</v>
      </c>
      <c r="CT34" s="71">
        <v>2</v>
      </c>
      <c r="CU34" s="72">
        <v>30</v>
      </c>
      <c r="CV34" s="73">
        <v>40</v>
      </c>
      <c r="CW34" s="123">
        <v>1</v>
      </c>
      <c r="CX34" s="82">
        <v>2</v>
      </c>
      <c r="CY34" s="83">
        <v>3</v>
      </c>
      <c r="CZ34" s="241"/>
      <c r="DA34" s="82">
        <v>2</v>
      </c>
      <c r="DB34" s="82">
        <v>3</v>
      </c>
      <c r="DC34" s="82">
        <v>1</v>
      </c>
      <c r="DD34" s="82">
        <v>0</v>
      </c>
      <c r="DE34" s="82">
        <v>0</v>
      </c>
      <c r="DF34" s="84">
        <v>6</v>
      </c>
      <c r="DG34" s="85">
        <v>9</v>
      </c>
      <c r="DH34" s="70">
        <v>0</v>
      </c>
      <c r="DI34" s="71">
        <v>0</v>
      </c>
      <c r="DJ34" s="72">
        <v>0</v>
      </c>
      <c r="DK34" s="244"/>
      <c r="DL34" s="71">
        <v>0</v>
      </c>
      <c r="DM34" s="71">
        <v>0</v>
      </c>
      <c r="DN34" s="71">
        <v>0</v>
      </c>
      <c r="DO34" s="71">
        <v>0</v>
      </c>
      <c r="DP34" s="71">
        <v>0</v>
      </c>
      <c r="DQ34" s="72">
        <v>0</v>
      </c>
      <c r="DR34" s="73">
        <v>0</v>
      </c>
      <c r="DS34" s="70">
        <v>0</v>
      </c>
      <c r="DT34" s="71">
        <v>0</v>
      </c>
      <c r="DU34" s="72">
        <v>0</v>
      </c>
      <c r="DV34" s="244"/>
      <c r="DW34" s="71">
        <v>0</v>
      </c>
      <c r="DX34" s="71">
        <v>0</v>
      </c>
      <c r="DY34" s="71">
        <v>0</v>
      </c>
      <c r="DZ34" s="71">
        <v>0</v>
      </c>
      <c r="EA34" s="71">
        <v>0</v>
      </c>
      <c r="EB34" s="72">
        <v>0</v>
      </c>
      <c r="EC34" s="73">
        <v>0</v>
      </c>
      <c r="ED34" s="70">
        <v>0</v>
      </c>
      <c r="EE34" s="71">
        <v>1</v>
      </c>
      <c r="EF34" s="72">
        <v>1</v>
      </c>
      <c r="EG34" s="244"/>
      <c r="EH34" s="71">
        <v>0</v>
      </c>
      <c r="EI34" s="71">
        <v>0</v>
      </c>
      <c r="EJ34" s="71">
        <v>0</v>
      </c>
      <c r="EK34" s="71">
        <v>0</v>
      </c>
      <c r="EL34" s="71">
        <v>0</v>
      </c>
      <c r="EM34" s="72">
        <v>0</v>
      </c>
      <c r="EN34" s="73">
        <v>1</v>
      </c>
      <c r="EO34" s="70">
        <v>1</v>
      </c>
      <c r="EP34" s="71">
        <v>0</v>
      </c>
      <c r="EQ34" s="72">
        <v>1</v>
      </c>
      <c r="ER34" s="244"/>
      <c r="ES34" s="71">
        <v>0</v>
      </c>
      <c r="ET34" s="71">
        <v>1</v>
      </c>
      <c r="EU34" s="71">
        <v>0</v>
      </c>
      <c r="EV34" s="71">
        <v>0</v>
      </c>
      <c r="EW34" s="71">
        <v>0</v>
      </c>
      <c r="EX34" s="72">
        <v>1</v>
      </c>
      <c r="EY34" s="73">
        <v>2</v>
      </c>
      <c r="EZ34" s="70">
        <v>0</v>
      </c>
      <c r="FA34" s="71">
        <v>1</v>
      </c>
      <c r="FB34" s="72">
        <v>1</v>
      </c>
      <c r="FC34" s="244"/>
      <c r="FD34" s="71">
        <v>0</v>
      </c>
      <c r="FE34" s="71">
        <v>0</v>
      </c>
      <c r="FF34" s="71">
        <v>0</v>
      </c>
      <c r="FG34" s="71">
        <v>0</v>
      </c>
      <c r="FH34" s="71">
        <v>0</v>
      </c>
      <c r="FI34" s="72">
        <v>0</v>
      </c>
      <c r="FJ34" s="73">
        <v>1</v>
      </c>
      <c r="FK34" s="70">
        <v>0</v>
      </c>
      <c r="FL34" s="71">
        <v>0</v>
      </c>
      <c r="FM34" s="72">
        <v>0</v>
      </c>
      <c r="FN34" s="244"/>
      <c r="FO34" s="71">
        <v>2</v>
      </c>
      <c r="FP34" s="71">
        <v>2</v>
      </c>
      <c r="FQ34" s="71">
        <v>1</v>
      </c>
      <c r="FR34" s="71">
        <v>0</v>
      </c>
      <c r="FS34" s="71">
        <v>0</v>
      </c>
      <c r="FT34" s="72">
        <v>5</v>
      </c>
      <c r="FU34" s="73">
        <v>5</v>
      </c>
      <c r="FV34" s="70">
        <v>0</v>
      </c>
      <c r="FW34" s="71">
        <v>0</v>
      </c>
      <c r="FX34" s="72">
        <v>0</v>
      </c>
      <c r="FY34" s="244"/>
      <c r="FZ34" s="71">
        <v>0</v>
      </c>
      <c r="GA34" s="71">
        <v>0</v>
      </c>
      <c r="GB34" s="71">
        <v>0</v>
      </c>
      <c r="GC34" s="71">
        <v>0</v>
      </c>
      <c r="GD34" s="71">
        <v>0</v>
      </c>
      <c r="GE34" s="72">
        <v>0</v>
      </c>
      <c r="GF34" s="73">
        <v>0</v>
      </c>
      <c r="GG34" s="70">
        <v>1</v>
      </c>
      <c r="GH34" s="71">
        <v>2</v>
      </c>
      <c r="GI34" s="72">
        <v>3</v>
      </c>
      <c r="GJ34" s="244"/>
      <c r="GK34" s="71">
        <v>2</v>
      </c>
      <c r="GL34" s="71">
        <v>3</v>
      </c>
      <c r="GM34" s="71">
        <v>1</v>
      </c>
      <c r="GN34" s="71">
        <v>0</v>
      </c>
      <c r="GO34" s="71">
        <v>0</v>
      </c>
      <c r="GP34" s="72">
        <v>6</v>
      </c>
      <c r="GQ34" s="73">
        <v>9</v>
      </c>
      <c r="GR34" s="123">
        <v>5</v>
      </c>
      <c r="GS34" s="82">
        <v>8</v>
      </c>
      <c r="GT34" s="83">
        <v>13</v>
      </c>
      <c r="GU34" s="241"/>
      <c r="GV34" s="82">
        <v>11</v>
      </c>
      <c r="GW34" s="82">
        <v>15</v>
      </c>
      <c r="GX34" s="82">
        <v>4</v>
      </c>
      <c r="GY34" s="82">
        <v>4</v>
      </c>
      <c r="GZ34" s="82">
        <v>2</v>
      </c>
      <c r="HA34" s="84">
        <v>36</v>
      </c>
      <c r="HB34" s="85">
        <v>49</v>
      </c>
      <c r="HC34" s="70">
        <v>0</v>
      </c>
      <c r="HD34" s="71">
        <v>0</v>
      </c>
      <c r="HE34" s="72">
        <v>0</v>
      </c>
      <c r="HF34" s="244"/>
      <c r="HG34" s="71">
        <v>0</v>
      </c>
      <c r="HH34" s="71">
        <v>0</v>
      </c>
      <c r="HI34" s="71">
        <v>0</v>
      </c>
      <c r="HJ34" s="71">
        <v>0</v>
      </c>
      <c r="HK34" s="71">
        <v>0</v>
      </c>
      <c r="HL34" s="72">
        <v>0</v>
      </c>
      <c r="HM34" s="73">
        <v>0</v>
      </c>
      <c r="HN34" s="70">
        <v>0</v>
      </c>
      <c r="HO34" s="71">
        <v>1</v>
      </c>
      <c r="HP34" s="72">
        <v>1</v>
      </c>
      <c r="HQ34" s="244"/>
      <c r="HR34" s="71">
        <v>0</v>
      </c>
      <c r="HS34" s="71">
        <v>0</v>
      </c>
      <c r="HT34" s="71">
        <v>0</v>
      </c>
      <c r="HU34" s="71">
        <v>0</v>
      </c>
      <c r="HV34" s="71">
        <v>0</v>
      </c>
      <c r="HW34" s="72">
        <v>0</v>
      </c>
      <c r="HX34" s="73">
        <v>1</v>
      </c>
      <c r="HY34" s="70">
        <v>0</v>
      </c>
      <c r="HZ34" s="71">
        <v>1</v>
      </c>
      <c r="IA34" s="72">
        <v>1</v>
      </c>
      <c r="IB34" s="244"/>
      <c r="IC34" s="71">
        <v>0</v>
      </c>
      <c r="ID34" s="71">
        <v>0</v>
      </c>
      <c r="IE34" s="71">
        <v>0</v>
      </c>
      <c r="IF34" s="71">
        <v>1</v>
      </c>
      <c r="IG34" s="71">
        <v>0</v>
      </c>
      <c r="IH34" s="72">
        <v>1</v>
      </c>
      <c r="II34" s="73">
        <v>2</v>
      </c>
      <c r="IJ34" s="70">
        <v>1</v>
      </c>
      <c r="IK34" s="71">
        <v>1</v>
      </c>
      <c r="IL34" s="72">
        <v>2</v>
      </c>
      <c r="IM34" s="244"/>
      <c r="IN34" s="71">
        <v>4</v>
      </c>
      <c r="IO34" s="71">
        <v>5</v>
      </c>
      <c r="IP34" s="71">
        <v>1</v>
      </c>
      <c r="IQ34" s="71">
        <v>0</v>
      </c>
      <c r="IR34" s="71">
        <v>0</v>
      </c>
      <c r="IS34" s="72">
        <v>10</v>
      </c>
      <c r="IT34" s="73">
        <v>12</v>
      </c>
      <c r="IU34" s="70">
        <v>1</v>
      </c>
      <c r="IV34" s="71">
        <v>3</v>
      </c>
      <c r="IW34" s="72">
        <v>4</v>
      </c>
      <c r="IX34" s="244"/>
      <c r="IY34" s="71">
        <v>1</v>
      </c>
      <c r="IZ34" s="71">
        <v>5</v>
      </c>
      <c r="JA34" s="71">
        <v>0</v>
      </c>
      <c r="JB34" s="71">
        <v>0</v>
      </c>
      <c r="JC34" s="71">
        <v>0</v>
      </c>
      <c r="JD34" s="72">
        <v>6</v>
      </c>
      <c r="JE34" s="73">
        <v>10</v>
      </c>
      <c r="JF34" s="70">
        <v>3</v>
      </c>
      <c r="JG34" s="71">
        <v>2</v>
      </c>
      <c r="JH34" s="72">
        <v>5</v>
      </c>
      <c r="JI34" s="244"/>
      <c r="JJ34" s="71">
        <v>6</v>
      </c>
      <c r="JK34" s="71">
        <v>5</v>
      </c>
      <c r="JL34" s="71">
        <v>3</v>
      </c>
      <c r="JM34" s="71">
        <v>3</v>
      </c>
      <c r="JN34" s="71">
        <v>2</v>
      </c>
      <c r="JO34" s="72">
        <v>19</v>
      </c>
      <c r="JP34" s="73">
        <v>24</v>
      </c>
      <c r="JQ34" s="70">
        <v>0</v>
      </c>
      <c r="JR34" s="71">
        <v>0</v>
      </c>
      <c r="JS34" s="72">
        <v>0</v>
      </c>
      <c r="JT34" s="244"/>
      <c r="JU34" s="71">
        <v>0</v>
      </c>
      <c r="JV34" s="71">
        <v>0</v>
      </c>
      <c r="JW34" s="71">
        <v>0</v>
      </c>
      <c r="JX34" s="71">
        <v>0</v>
      </c>
      <c r="JY34" s="71">
        <v>0</v>
      </c>
      <c r="JZ34" s="72">
        <v>0</v>
      </c>
      <c r="KA34" s="73">
        <v>0</v>
      </c>
      <c r="KB34" s="70">
        <v>5</v>
      </c>
      <c r="KC34" s="71">
        <v>8</v>
      </c>
      <c r="KD34" s="72">
        <v>13</v>
      </c>
      <c r="KE34" s="244"/>
      <c r="KF34" s="71">
        <v>11</v>
      </c>
      <c r="KG34" s="71">
        <v>15</v>
      </c>
      <c r="KH34" s="71">
        <v>4</v>
      </c>
      <c r="KI34" s="71">
        <v>4</v>
      </c>
      <c r="KJ34" s="71">
        <v>2</v>
      </c>
      <c r="KK34" s="72">
        <v>36</v>
      </c>
      <c r="KL34" s="73">
        <v>49</v>
      </c>
    </row>
    <row r="35" spans="1:298" ht="19.5" customHeight="1" x14ac:dyDescent="0.2">
      <c r="A35" s="126" t="s">
        <v>32</v>
      </c>
      <c r="B35" s="316">
        <v>1</v>
      </c>
      <c r="C35" s="82">
        <v>4</v>
      </c>
      <c r="D35" s="83">
        <v>5</v>
      </c>
      <c r="E35" s="241"/>
      <c r="F35" s="82">
        <v>11</v>
      </c>
      <c r="G35" s="82">
        <v>10</v>
      </c>
      <c r="H35" s="82">
        <v>3</v>
      </c>
      <c r="I35" s="82">
        <v>3</v>
      </c>
      <c r="J35" s="82">
        <v>3</v>
      </c>
      <c r="K35" s="84">
        <v>30</v>
      </c>
      <c r="L35" s="85">
        <v>35</v>
      </c>
      <c r="M35" s="70">
        <v>0</v>
      </c>
      <c r="N35" s="71">
        <v>0</v>
      </c>
      <c r="O35" s="72">
        <v>0</v>
      </c>
      <c r="P35" s="244"/>
      <c r="Q35" s="71">
        <v>0</v>
      </c>
      <c r="R35" s="71">
        <v>0</v>
      </c>
      <c r="S35" s="71">
        <v>0</v>
      </c>
      <c r="T35" s="71">
        <v>0</v>
      </c>
      <c r="U35" s="71">
        <v>0</v>
      </c>
      <c r="V35" s="72">
        <v>0</v>
      </c>
      <c r="W35" s="73">
        <v>0</v>
      </c>
      <c r="X35" s="70">
        <v>0</v>
      </c>
      <c r="Y35" s="71">
        <v>0</v>
      </c>
      <c r="Z35" s="72">
        <v>0</v>
      </c>
      <c r="AA35" s="244"/>
      <c r="AB35" s="71">
        <v>0</v>
      </c>
      <c r="AC35" s="71">
        <v>0</v>
      </c>
      <c r="AD35" s="71">
        <v>0</v>
      </c>
      <c r="AE35" s="71">
        <v>0</v>
      </c>
      <c r="AF35" s="71">
        <v>0</v>
      </c>
      <c r="AG35" s="72">
        <v>0</v>
      </c>
      <c r="AH35" s="73">
        <v>0</v>
      </c>
      <c r="AI35" s="70">
        <v>1</v>
      </c>
      <c r="AJ35" s="71">
        <v>0</v>
      </c>
      <c r="AK35" s="72">
        <v>1</v>
      </c>
      <c r="AL35" s="244"/>
      <c r="AM35" s="71">
        <v>2</v>
      </c>
      <c r="AN35" s="71">
        <v>0</v>
      </c>
      <c r="AO35" s="71">
        <v>0</v>
      </c>
      <c r="AP35" s="71">
        <v>1</v>
      </c>
      <c r="AQ35" s="71">
        <v>0</v>
      </c>
      <c r="AR35" s="72">
        <v>3</v>
      </c>
      <c r="AS35" s="73">
        <v>4</v>
      </c>
      <c r="AT35" s="70">
        <v>0</v>
      </c>
      <c r="AU35" s="71">
        <v>0</v>
      </c>
      <c r="AV35" s="72">
        <v>0</v>
      </c>
      <c r="AW35" s="244"/>
      <c r="AX35" s="71">
        <v>2</v>
      </c>
      <c r="AY35" s="71">
        <v>1</v>
      </c>
      <c r="AZ35" s="71">
        <v>1</v>
      </c>
      <c r="BA35" s="71">
        <v>0</v>
      </c>
      <c r="BB35" s="71">
        <v>2</v>
      </c>
      <c r="BC35" s="72">
        <v>6</v>
      </c>
      <c r="BD35" s="73">
        <v>6</v>
      </c>
      <c r="BE35" s="70">
        <v>0</v>
      </c>
      <c r="BF35" s="71">
        <v>3</v>
      </c>
      <c r="BG35" s="72">
        <v>3</v>
      </c>
      <c r="BH35" s="244"/>
      <c r="BI35" s="71">
        <v>4</v>
      </c>
      <c r="BJ35" s="71">
        <v>5</v>
      </c>
      <c r="BK35" s="71">
        <v>1</v>
      </c>
      <c r="BL35" s="71">
        <v>1</v>
      </c>
      <c r="BM35" s="71">
        <v>1</v>
      </c>
      <c r="BN35" s="72">
        <v>12</v>
      </c>
      <c r="BO35" s="73">
        <v>15</v>
      </c>
      <c r="BP35" s="70">
        <v>0</v>
      </c>
      <c r="BQ35" s="71">
        <v>1</v>
      </c>
      <c r="BR35" s="72">
        <v>1</v>
      </c>
      <c r="BS35" s="244"/>
      <c r="BT35" s="71">
        <v>3</v>
      </c>
      <c r="BU35" s="71">
        <v>4</v>
      </c>
      <c r="BV35" s="71">
        <v>1</v>
      </c>
      <c r="BW35" s="71">
        <v>1</v>
      </c>
      <c r="BX35" s="71">
        <v>0</v>
      </c>
      <c r="BY35" s="72">
        <v>9</v>
      </c>
      <c r="BZ35" s="73">
        <v>10</v>
      </c>
      <c r="CA35" s="70">
        <v>0</v>
      </c>
      <c r="CB35" s="71">
        <v>0</v>
      </c>
      <c r="CC35" s="72">
        <v>0</v>
      </c>
      <c r="CD35" s="244"/>
      <c r="CE35" s="71">
        <v>0</v>
      </c>
      <c r="CF35" s="71">
        <v>0</v>
      </c>
      <c r="CG35" s="71">
        <v>0</v>
      </c>
      <c r="CH35" s="71">
        <v>0</v>
      </c>
      <c r="CI35" s="71">
        <v>0</v>
      </c>
      <c r="CJ35" s="72">
        <v>0</v>
      </c>
      <c r="CK35" s="73">
        <v>0</v>
      </c>
      <c r="CL35" s="70">
        <v>1</v>
      </c>
      <c r="CM35" s="71">
        <v>4</v>
      </c>
      <c r="CN35" s="72">
        <v>5</v>
      </c>
      <c r="CO35" s="244"/>
      <c r="CP35" s="71">
        <v>11</v>
      </c>
      <c r="CQ35" s="71">
        <v>10</v>
      </c>
      <c r="CR35" s="71">
        <v>3</v>
      </c>
      <c r="CS35" s="71">
        <v>3</v>
      </c>
      <c r="CT35" s="71">
        <v>3</v>
      </c>
      <c r="CU35" s="72">
        <v>30</v>
      </c>
      <c r="CV35" s="73">
        <v>35</v>
      </c>
      <c r="CW35" s="123">
        <v>0</v>
      </c>
      <c r="CX35" s="82">
        <v>0</v>
      </c>
      <c r="CY35" s="83">
        <v>0</v>
      </c>
      <c r="CZ35" s="241"/>
      <c r="DA35" s="82">
        <v>1</v>
      </c>
      <c r="DB35" s="82">
        <v>1</v>
      </c>
      <c r="DC35" s="82">
        <v>5</v>
      </c>
      <c r="DD35" s="82">
        <v>3</v>
      </c>
      <c r="DE35" s="82">
        <v>1</v>
      </c>
      <c r="DF35" s="84">
        <v>11</v>
      </c>
      <c r="DG35" s="85">
        <v>11</v>
      </c>
      <c r="DH35" s="70">
        <v>0</v>
      </c>
      <c r="DI35" s="71">
        <v>0</v>
      </c>
      <c r="DJ35" s="72">
        <v>0</v>
      </c>
      <c r="DK35" s="244"/>
      <c r="DL35" s="71">
        <v>1</v>
      </c>
      <c r="DM35" s="71">
        <v>0</v>
      </c>
      <c r="DN35" s="71">
        <v>0</v>
      </c>
      <c r="DO35" s="71">
        <v>0</v>
      </c>
      <c r="DP35" s="71">
        <v>0</v>
      </c>
      <c r="DQ35" s="72">
        <v>1</v>
      </c>
      <c r="DR35" s="73">
        <v>1</v>
      </c>
      <c r="DS35" s="70">
        <v>0</v>
      </c>
      <c r="DT35" s="71">
        <v>0</v>
      </c>
      <c r="DU35" s="72">
        <v>0</v>
      </c>
      <c r="DV35" s="244"/>
      <c r="DW35" s="71">
        <v>0</v>
      </c>
      <c r="DX35" s="71">
        <v>0</v>
      </c>
      <c r="DY35" s="71">
        <v>0</v>
      </c>
      <c r="DZ35" s="71">
        <v>0</v>
      </c>
      <c r="EA35" s="71">
        <v>0</v>
      </c>
      <c r="EB35" s="72">
        <v>0</v>
      </c>
      <c r="EC35" s="73">
        <v>0</v>
      </c>
      <c r="ED35" s="70">
        <v>0</v>
      </c>
      <c r="EE35" s="71">
        <v>0</v>
      </c>
      <c r="EF35" s="72">
        <v>0</v>
      </c>
      <c r="EG35" s="244"/>
      <c r="EH35" s="71">
        <v>0</v>
      </c>
      <c r="EI35" s="71">
        <v>0</v>
      </c>
      <c r="EJ35" s="71">
        <v>0</v>
      </c>
      <c r="EK35" s="71">
        <v>0</v>
      </c>
      <c r="EL35" s="71">
        <v>0</v>
      </c>
      <c r="EM35" s="72">
        <v>0</v>
      </c>
      <c r="EN35" s="73">
        <v>0</v>
      </c>
      <c r="EO35" s="70">
        <v>0</v>
      </c>
      <c r="EP35" s="71">
        <v>0</v>
      </c>
      <c r="EQ35" s="72">
        <v>0</v>
      </c>
      <c r="ER35" s="244"/>
      <c r="ES35" s="71">
        <v>0</v>
      </c>
      <c r="ET35" s="71">
        <v>0</v>
      </c>
      <c r="EU35" s="71">
        <v>1</v>
      </c>
      <c r="EV35" s="71">
        <v>0</v>
      </c>
      <c r="EW35" s="71">
        <v>0</v>
      </c>
      <c r="EX35" s="72">
        <v>1</v>
      </c>
      <c r="EY35" s="73">
        <v>1</v>
      </c>
      <c r="EZ35" s="70">
        <v>0</v>
      </c>
      <c r="FA35" s="71">
        <v>0</v>
      </c>
      <c r="FB35" s="72">
        <v>0</v>
      </c>
      <c r="FC35" s="244"/>
      <c r="FD35" s="71">
        <v>0</v>
      </c>
      <c r="FE35" s="71">
        <v>0</v>
      </c>
      <c r="FF35" s="71">
        <v>3</v>
      </c>
      <c r="FG35" s="71">
        <v>1</v>
      </c>
      <c r="FH35" s="71">
        <v>0</v>
      </c>
      <c r="FI35" s="72">
        <v>4</v>
      </c>
      <c r="FJ35" s="73">
        <v>4</v>
      </c>
      <c r="FK35" s="70">
        <v>0</v>
      </c>
      <c r="FL35" s="71">
        <v>0</v>
      </c>
      <c r="FM35" s="72">
        <v>0</v>
      </c>
      <c r="FN35" s="244"/>
      <c r="FO35" s="71">
        <v>0</v>
      </c>
      <c r="FP35" s="71">
        <v>1</v>
      </c>
      <c r="FQ35" s="71">
        <v>1</v>
      </c>
      <c r="FR35" s="71">
        <v>2</v>
      </c>
      <c r="FS35" s="71">
        <v>1</v>
      </c>
      <c r="FT35" s="72">
        <v>5</v>
      </c>
      <c r="FU35" s="73">
        <v>5</v>
      </c>
      <c r="FV35" s="70">
        <v>0</v>
      </c>
      <c r="FW35" s="71">
        <v>0</v>
      </c>
      <c r="FX35" s="72">
        <v>0</v>
      </c>
      <c r="FY35" s="244"/>
      <c r="FZ35" s="71">
        <v>0</v>
      </c>
      <c r="GA35" s="71">
        <v>0</v>
      </c>
      <c r="GB35" s="71">
        <v>0</v>
      </c>
      <c r="GC35" s="71">
        <v>0</v>
      </c>
      <c r="GD35" s="71">
        <v>0</v>
      </c>
      <c r="GE35" s="72">
        <v>0</v>
      </c>
      <c r="GF35" s="73">
        <v>0</v>
      </c>
      <c r="GG35" s="70">
        <v>0</v>
      </c>
      <c r="GH35" s="71">
        <v>0</v>
      </c>
      <c r="GI35" s="72">
        <v>0</v>
      </c>
      <c r="GJ35" s="244"/>
      <c r="GK35" s="71">
        <v>1</v>
      </c>
      <c r="GL35" s="71">
        <v>1</v>
      </c>
      <c r="GM35" s="71">
        <v>5</v>
      </c>
      <c r="GN35" s="71">
        <v>3</v>
      </c>
      <c r="GO35" s="71">
        <v>1</v>
      </c>
      <c r="GP35" s="72">
        <v>11</v>
      </c>
      <c r="GQ35" s="73">
        <v>11</v>
      </c>
      <c r="GR35" s="123">
        <v>1</v>
      </c>
      <c r="GS35" s="82">
        <v>4</v>
      </c>
      <c r="GT35" s="83">
        <v>5</v>
      </c>
      <c r="GU35" s="241"/>
      <c r="GV35" s="82">
        <v>12</v>
      </c>
      <c r="GW35" s="82">
        <v>11</v>
      </c>
      <c r="GX35" s="82">
        <v>8</v>
      </c>
      <c r="GY35" s="82">
        <v>6</v>
      </c>
      <c r="GZ35" s="82">
        <v>4</v>
      </c>
      <c r="HA35" s="84">
        <v>41</v>
      </c>
      <c r="HB35" s="85">
        <v>46</v>
      </c>
      <c r="HC35" s="70">
        <v>0</v>
      </c>
      <c r="HD35" s="71">
        <v>0</v>
      </c>
      <c r="HE35" s="72">
        <v>0</v>
      </c>
      <c r="HF35" s="244"/>
      <c r="HG35" s="71">
        <v>1</v>
      </c>
      <c r="HH35" s="71">
        <v>0</v>
      </c>
      <c r="HI35" s="71">
        <v>0</v>
      </c>
      <c r="HJ35" s="71">
        <v>0</v>
      </c>
      <c r="HK35" s="71">
        <v>0</v>
      </c>
      <c r="HL35" s="72">
        <v>1</v>
      </c>
      <c r="HM35" s="73">
        <v>1</v>
      </c>
      <c r="HN35" s="70">
        <v>0</v>
      </c>
      <c r="HO35" s="71">
        <v>0</v>
      </c>
      <c r="HP35" s="72">
        <v>0</v>
      </c>
      <c r="HQ35" s="244"/>
      <c r="HR35" s="71">
        <v>0</v>
      </c>
      <c r="HS35" s="71">
        <v>0</v>
      </c>
      <c r="HT35" s="71">
        <v>0</v>
      </c>
      <c r="HU35" s="71">
        <v>0</v>
      </c>
      <c r="HV35" s="71">
        <v>0</v>
      </c>
      <c r="HW35" s="72">
        <v>0</v>
      </c>
      <c r="HX35" s="73">
        <v>0</v>
      </c>
      <c r="HY35" s="70">
        <v>1</v>
      </c>
      <c r="HZ35" s="71">
        <v>0</v>
      </c>
      <c r="IA35" s="72">
        <v>1</v>
      </c>
      <c r="IB35" s="244"/>
      <c r="IC35" s="71">
        <v>2</v>
      </c>
      <c r="ID35" s="71">
        <v>0</v>
      </c>
      <c r="IE35" s="71">
        <v>0</v>
      </c>
      <c r="IF35" s="71">
        <v>1</v>
      </c>
      <c r="IG35" s="71">
        <v>0</v>
      </c>
      <c r="IH35" s="72">
        <v>3</v>
      </c>
      <c r="II35" s="73">
        <v>4</v>
      </c>
      <c r="IJ35" s="70">
        <v>0</v>
      </c>
      <c r="IK35" s="71">
        <v>0</v>
      </c>
      <c r="IL35" s="72">
        <v>0</v>
      </c>
      <c r="IM35" s="244"/>
      <c r="IN35" s="71">
        <v>2</v>
      </c>
      <c r="IO35" s="71">
        <v>1</v>
      </c>
      <c r="IP35" s="71">
        <v>2</v>
      </c>
      <c r="IQ35" s="71">
        <v>0</v>
      </c>
      <c r="IR35" s="71">
        <v>2</v>
      </c>
      <c r="IS35" s="72">
        <v>7</v>
      </c>
      <c r="IT35" s="73">
        <v>7</v>
      </c>
      <c r="IU35" s="70">
        <v>0</v>
      </c>
      <c r="IV35" s="71">
        <v>3</v>
      </c>
      <c r="IW35" s="72">
        <v>3</v>
      </c>
      <c r="IX35" s="244"/>
      <c r="IY35" s="71">
        <v>4</v>
      </c>
      <c r="IZ35" s="71">
        <v>5</v>
      </c>
      <c r="JA35" s="71">
        <v>4</v>
      </c>
      <c r="JB35" s="71">
        <v>2</v>
      </c>
      <c r="JC35" s="71">
        <v>1</v>
      </c>
      <c r="JD35" s="72">
        <v>16</v>
      </c>
      <c r="JE35" s="73">
        <v>19</v>
      </c>
      <c r="JF35" s="70">
        <v>0</v>
      </c>
      <c r="JG35" s="71">
        <v>1</v>
      </c>
      <c r="JH35" s="72">
        <v>1</v>
      </c>
      <c r="JI35" s="244"/>
      <c r="JJ35" s="71">
        <v>3</v>
      </c>
      <c r="JK35" s="71">
        <v>5</v>
      </c>
      <c r="JL35" s="71">
        <v>2</v>
      </c>
      <c r="JM35" s="71">
        <v>3</v>
      </c>
      <c r="JN35" s="71">
        <v>1</v>
      </c>
      <c r="JO35" s="72">
        <v>14</v>
      </c>
      <c r="JP35" s="73">
        <v>15</v>
      </c>
      <c r="JQ35" s="70">
        <v>0</v>
      </c>
      <c r="JR35" s="71">
        <v>0</v>
      </c>
      <c r="JS35" s="72">
        <v>0</v>
      </c>
      <c r="JT35" s="244"/>
      <c r="JU35" s="71">
        <v>0</v>
      </c>
      <c r="JV35" s="71">
        <v>0</v>
      </c>
      <c r="JW35" s="71">
        <v>0</v>
      </c>
      <c r="JX35" s="71">
        <v>0</v>
      </c>
      <c r="JY35" s="71">
        <v>0</v>
      </c>
      <c r="JZ35" s="72">
        <v>0</v>
      </c>
      <c r="KA35" s="73">
        <v>0</v>
      </c>
      <c r="KB35" s="70">
        <v>1</v>
      </c>
      <c r="KC35" s="71">
        <v>4</v>
      </c>
      <c r="KD35" s="72">
        <v>5</v>
      </c>
      <c r="KE35" s="244"/>
      <c r="KF35" s="71">
        <v>12</v>
      </c>
      <c r="KG35" s="71">
        <v>11</v>
      </c>
      <c r="KH35" s="71">
        <v>8</v>
      </c>
      <c r="KI35" s="71">
        <v>6</v>
      </c>
      <c r="KJ35" s="71">
        <v>4</v>
      </c>
      <c r="KK35" s="72">
        <v>41</v>
      </c>
      <c r="KL35" s="73">
        <v>46</v>
      </c>
    </row>
    <row r="36" spans="1:298" ht="19.5" customHeight="1" x14ac:dyDescent="0.2">
      <c r="A36" s="126" t="s">
        <v>33</v>
      </c>
      <c r="B36" s="316">
        <v>4</v>
      </c>
      <c r="C36" s="82">
        <v>1</v>
      </c>
      <c r="D36" s="83">
        <v>5</v>
      </c>
      <c r="E36" s="241"/>
      <c r="F36" s="82">
        <v>7</v>
      </c>
      <c r="G36" s="82">
        <v>4</v>
      </c>
      <c r="H36" s="82">
        <v>3</v>
      </c>
      <c r="I36" s="82">
        <v>0</v>
      </c>
      <c r="J36" s="82">
        <v>2</v>
      </c>
      <c r="K36" s="84">
        <v>16</v>
      </c>
      <c r="L36" s="85">
        <v>21</v>
      </c>
      <c r="M36" s="70">
        <v>0</v>
      </c>
      <c r="N36" s="71">
        <v>0</v>
      </c>
      <c r="O36" s="72">
        <v>0</v>
      </c>
      <c r="P36" s="244"/>
      <c r="Q36" s="71">
        <v>0</v>
      </c>
      <c r="R36" s="71">
        <v>0</v>
      </c>
      <c r="S36" s="71">
        <v>1</v>
      </c>
      <c r="T36" s="71">
        <v>0</v>
      </c>
      <c r="U36" s="71">
        <v>0</v>
      </c>
      <c r="V36" s="72">
        <v>1</v>
      </c>
      <c r="W36" s="73">
        <v>1</v>
      </c>
      <c r="X36" s="70">
        <v>1</v>
      </c>
      <c r="Y36" s="71">
        <v>0</v>
      </c>
      <c r="Z36" s="72">
        <v>1</v>
      </c>
      <c r="AA36" s="244"/>
      <c r="AB36" s="71">
        <v>0</v>
      </c>
      <c r="AC36" s="71">
        <v>1</v>
      </c>
      <c r="AD36" s="71">
        <v>0</v>
      </c>
      <c r="AE36" s="71">
        <v>0</v>
      </c>
      <c r="AF36" s="71">
        <v>0</v>
      </c>
      <c r="AG36" s="72">
        <v>1</v>
      </c>
      <c r="AH36" s="73">
        <v>2</v>
      </c>
      <c r="AI36" s="70">
        <v>2</v>
      </c>
      <c r="AJ36" s="71">
        <v>0</v>
      </c>
      <c r="AK36" s="72">
        <v>2</v>
      </c>
      <c r="AL36" s="244"/>
      <c r="AM36" s="71">
        <v>1</v>
      </c>
      <c r="AN36" s="71">
        <v>0</v>
      </c>
      <c r="AO36" s="71">
        <v>0</v>
      </c>
      <c r="AP36" s="71">
        <v>0</v>
      </c>
      <c r="AQ36" s="71">
        <v>1</v>
      </c>
      <c r="AR36" s="72">
        <v>2</v>
      </c>
      <c r="AS36" s="73">
        <v>4</v>
      </c>
      <c r="AT36" s="70">
        <v>0</v>
      </c>
      <c r="AU36" s="71">
        <v>0</v>
      </c>
      <c r="AV36" s="72">
        <v>0</v>
      </c>
      <c r="AW36" s="244"/>
      <c r="AX36" s="71">
        <v>2</v>
      </c>
      <c r="AY36" s="71">
        <v>1</v>
      </c>
      <c r="AZ36" s="71">
        <v>1</v>
      </c>
      <c r="BA36" s="71">
        <v>0</v>
      </c>
      <c r="BB36" s="71">
        <v>1</v>
      </c>
      <c r="BC36" s="72">
        <v>5</v>
      </c>
      <c r="BD36" s="73">
        <v>5</v>
      </c>
      <c r="BE36" s="70">
        <v>1</v>
      </c>
      <c r="BF36" s="71">
        <v>0</v>
      </c>
      <c r="BG36" s="72">
        <v>1</v>
      </c>
      <c r="BH36" s="244"/>
      <c r="BI36" s="71">
        <v>0</v>
      </c>
      <c r="BJ36" s="71">
        <v>1</v>
      </c>
      <c r="BK36" s="71">
        <v>1</v>
      </c>
      <c r="BL36" s="71">
        <v>0</v>
      </c>
      <c r="BM36" s="71">
        <v>0</v>
      </c>
      <c r="BN36" s="72">
        <v>2</v>
      </c>
      <c r="BO36" s="73">
        <v>3</v>
      </c>
      <c r="BP36" s="70">
        <v>0</v>
      </c>
      <c r="BQ36" s="71">
        <v>1</v>
      </c>
      <c r="BR36" s="72">
        <v>1</v>
      </c>
      <c r="BS36" s="244"/>
      <c r="BT36" s="71">
        <v>4</v>
      </c>
      <c r="BU36" s="71">
        <v>1</v>
      </c>
      <c r="BV36" s="71">
        <v>0</v>
      </c>
      <c r="BW36" s="71">
        <v>0</v>
      </c>
      <c r="BX36" s="71">
        <v>0</v>
      </c>
      <c r="BY36" s="72">
        <v>5</v>
      </c>
      <c r="BZ36" s="73">
        <v>6</v>
      </c>
      <c r="CA36" s="70">
        <v>0</v>
      </c>
      <c r="CB36" s="71">
        <v>0</v>
      </c>
      <c r="CC36" s="72">
        <v>0</v>
      </c>
      <c r="CD36" s="244"/>
      <c r="CE36" s="71">
        <v>0</v>
      </c>
      <c r="CF36" s="71">
        <v>0</v>
      </c>
      <c r="CG36" s="71">
        <v>0</v>
      </c>
      <c r="CH36" s="71">
        <v>0</v>
      </c>
      <c r="CI36" s="71">
        <v>0</v>
      </c>
      <c r="CJ36" s="72">
        <v>0</v>
      </c>
      <c r="CK36" s="73">
        <v>0</v>
      </c>
      <c r="CL36" s="70">
        <v>4</v>
      </c>
      <c r="CM36" s="71">
        <v>1</v>
      </c>
      <c r="CN36" s="72">
        <v>5</v>
      </c>
      <c r="CO36" s="244"/>
      <c r="CP36" s="71">
        <v>7</v>
      </c>
      <c r="CQ36" s="71">
        <v>4</v>
      </c>
      <c r="CR36" s="71">
        <v>3</v>
      </c>
      <c r="CS36" s="71">
        <v>0</v>
      </c>
      <c r="CT36" s="71">
        <v>2</v>
      </c>
      <c r="CU36" s="72">
        <v>16</v>
      </c>
      <c r="CV36" s="73">
        <v>21</v>
      </c>
      <c r="CW36" s="123">
        <v>1</v>
      </c>
      <c r="CX36" s="82">
        <v>2</v>
      </c>
      <c r="CY36" s="83">
        <v>3</v>
      </c>
      <c r="CZ36" s="241"/>
      <c r="DA36" s="82">
        <v>0</v>
      </c>
      <c r="DB36" s="82">
        <v>0</v>
      </c>
      <c r="DC36" s="82">
        <v>0</v>
      </c>
      <c r="DD36" s="82">
        <v>1</v>
      </c>
      <c r="DE36" s="82">
        <v>0</v>
      </c>
      <c r="DF36" s="84">
        <v>1</v>
      </c>
      <c r="DG36" s="85">
        <v>4</v>
      </c>
      <c r="DH36" s="70">
        <v>0</v>
      </c>
      <c r="DI36" s="71">
        <v>0</v>
      </c>
      <c r="DJ36" s="72">
        <v>0</v>
      </c>
      <c r="DK36" s="244"/>
      <c r="DL36" s="71">
        <v>0</v>
      </c>
      <c r="DM36" s="71">
        <v>0</v>
      </c>
      <c r="DN36" s="71">
        <v>0</v>
      </c>
      <c r="DO36" s="71">
        <v>0</v>
      </c>
      <c r="DP36" s="71">
        <v>0</v>
      </c>
      <c r="DQ36" s="72">
        <v>0</v>
      </c>
      <c r="DR36" s="73">
        <v>0</v>
      </c>
      <c r="DS36" s="70">
        <v>0</v>
      </c>
      <c r="DT36" s="71">
        <v>0</v>
      </c>
      <c r="DU36" s="72">
        <v>0</v>
      </c>
      <c r="DV36" s="244"/>
      <c r="DW36" s="71">
        <v>0</v>
      </c>
      <c r="DX36" s="71">
        <v>0</v>
      </c>
      <c r="DY36" s="71">
        <v>0</v>
      </c>
      <c r="DZ36" s="71">
        <v>0</v>
      </c>
      <c r="EA36" s="71">
        <v>0</v>
      </c>
      <c r="EB36" s="72">
        <v>0</v>
      </c>
      <c r="EC36" s="73">
        <v>0</v>
      </c>
      <c r="ED36" s="70">
        <v>0</v>
      </c>
      <c r="EE36" s="71">
        <v>0</v>
      </c>
      <c r="EF36" s="72">
        <v>0</v>
      </c>
      <c r="EG36" s="244"/>
      <c r="EH36" s="71">
        <v>0</v>
      </c>
      <c r="EI36" s="71">
        <v>0</v>
      </c>
      <c r="EJ36" s="71">
        <v>0</v>
      </c>
      <c r="EK36" s="71">
        <v>0</v>
      </c>
      <c r="EL36" s="71">
        <v>0</v>
      </c>
      <c r="EM36" s="72">
        <v>0</v>
      </c>
      <c r="EN36" s="73">
        <v>0</v>
      </c>
      <c r="EO36" s="70">
        <v>0</v>
      </c>
      <c r="EP36" s="71">
        <v>0</v>
      </c>
      <c r="EQ36" s="72">
        <v>0</v>
      </c>
      <c r="ER36" s="244"/>
      <c r="ES36" s="71">
        <v>0</v>
      </c>
      <c r="ET36" s="71">
        <v>0</v>
      </c>
      <c r="EU36" s="71">
        <v>0</v>
      </c>
      <c r="EV36" s="71">
        <v>0</v>
      </c>
      <c r="EW36" s="71">
        <v>0</v>
      </c>
      <c r="EX36" s="72">
        <v>0</v>
      </c>
      <c r="EY36" s="73">
        <v>0</v>
      </c>
      <c r="EZ36" s="70">
        <v>1</v>
      </c>
      <c r="FA36" s="71">
        <v>0</v>
      </c>
      <c r="FB36" s="72">
        <v>1</v>
      </c>
      <c r="FC36" s="244"/>
      <c r="FD36" s="71">
        <v>0</v>
      </c>
      <c r="FE36" s="71">
        <v>0</v>
      </c>
      <c r="FF36" s="71">
        <v>0</v>
      </c>
      <c r="FG36" s="71">
        <v>1</v>
      </c>
      <c r="FH36" s="71">
        <v>0</v>
      </c>
      <c r="FI36" s="72">
        <v>1</v>
      </c>
      <c r="FJ36" s="73">
        <v>2</v>
      </c>
      <c r="FK36" s="70">
        <v>0</v>
      </c>
      <c r="FL36" s="71">
        <v>2</v>
      </c>
      <c r="FM36" s="72">
        <v>2</v>
      </c>
      <c r="FN36" s="244"/>
      <c r="FO36" s="71">
        <v>0</v>
      </c>
      <c r="FP36" s="71">
        <v>0</v>
      </c>
      <c r="FQ36" s="71">
        <v>0</v>
      </c>
      <c r="FR36" s="71">
        <v>0</v>
      </c>
      <c r="FS36" s="71">
        <v>0</v>
      </c>
      <c r="FT36" s="72">
        <v>0</v>
      </c>
      <c r="FU36" s="73">
        <v>2</v>
      </c>
      <c r="FV36" s="70">
        <v>0</v>
      </c>
      <c r="FW36" s="71">
        <v>0</v>
      </c>
      <c r="FX36" s="72">
        <v>0</v>
      </c>
      <c r="FY36" s="244"/>
      <c r="FZ36" s="71">
        <v>0</v>
      </c>
      <c r="GA36" s="71">
        <v>0</v>
      </c>
      <c r="GB36" s="71">
        <v>0</v>
      </c>
      <c r="GC36" s="71">
        <v>0</v>
      </c>
      <c r="GD36" s="71">
        <v>0</v>
      </c>
      <c r="GE36" s="72">
        <v>0</v>
      </c>
      <c r="GF36" s="73">
        <v>0</v>
      </c>
      <c r="GG36" s="70">
        <v>1</v>
      </c>
      <c r="GH36" s="71">
        <v>2</v>
      </c>
      <c r="GI36" s="72">
        <v>3</v>
      </c>
      <c r="GJ36" s="244"/>
      <c r="GK36" s="71">
        <v>0</v>
      </c>
      <c r="GL36" s="71">
        <v>0</v>
      </c>
      <c r="GM36" s="71">
        <v>0</v>
      </c>
      <c r="GN36" s="71">
        <v>1</v>
      </c>
      <c r="GO36" s="71">
        <v>0</v>
      </c>
      <c r="GP36" s="72">
        <v>1</v>
      </c>
      <c r="GQ36" s="73">
        <v>4</v>
      </c>
      <c r="GR36" s="123">
        <v>5</v>
      </c>
      <c r="GS36" s="82">
        <v>3</v>
      </c>
      <c r="GT36" s="83">
        <v>8</v>
      </c>
      <c r="GU36" s="241"/>
      <c r="GV36" s="82">
        <v>7</v>
      </c>
      <c r="GW36" s="82">
        <v>4</v>
      </c>
      <c r="GX36" s="82">
        <v>3</v>
      </c>
      <c r="GY36" s="82">
        <v>1</v>
      </c>
      <c r="GZ36" s="82">
        <v>2</v>
      </c>
      <c r="HA36" s="84">
        <v>17</v>
      </c>
      <c r="HB36" s="85">
        <v>25</v>
      </c>
      <c r="HC36" s="70">
        <v>0</v>
      </c>
      <c r="HD36" s="71">
        <v>0</v>
      </c>
      <c r="HE36" s="72">
        <v>0</v>
      </c>
      <c r="HF36" s="244"/>
      <c r="HG36" s="71">
        <v>0</v>
      </c>
      <c r="HH36" s="71">
        <v>0</v>
      </c>
      <c r="HI36" s="71">
        <v>1</v>
      </c>
      <c r="HJ36" s="71">
        <v>0</v>
      </c>
      <c r="HK36" s="71">
        <v>0</v>
      </c>
      <c r="HL36" s="72">
        <v>1</v>
      </c>
      <c r="HM36" s="73">
        <v>1</v>
      </c>
      <c r="HN36" s="70">
        <v>1</v>
      </c>
      <c r="HO36" s="71">
        <v>0</v>
      </c>
      <c r="HP36" s="72">
        <v>1</v>
      </c>
      <c r="HQ36" s="244"/>
      <c r="HR36" s="71">
        <v>0</v>
      </c>
      <c r="HS36" s="71">
        <v>1</v>
      </c>
      <c r="HT36" s="71">
        <v>0</v>
      </c>
      <c r="HU36" s="71">
        <v>0</v>
      </c>
      <c r="HV36" s="71">
        <v>0</v>
      </c>
      <c r="HW36" s="72">
        <v>1</v>
      </c>
      <c r="HX36" s="73">
        <v>2</v>
      </c>
      <c r="HY36" s="70">
        <v>2</v>
      </c>
      <c r="HZ36" s="71">
        <v>0</v>
      </c>
      <c r="IA36" s="72">
        <v>2</v>
      </c>
      <c r="IB36" s="244"/>
      <c r="IC36" s="71">
        <v>1</v>
      </c>
      <c r="ID36" s="71">
        <v>0</v>
      </c>
      <c r="IE36" s="71">
        <v>0</v>
      </c>
      <c r="IF36" s="71">
        <v>0</v>
      </c>
      <c r="IG36" s="71">
        <v>1</v>
      </c>
      <c r="IH36" s="72">
        <v>2</v>
      </c>
      <c r="II36" s="73">
        <v>4</v>
      </c>
      <c r="IJ36" s="70">
        <v>0</v>
      </c>
      <c r="IK36" s="71">
        <v>0</v>
      </c>
      <c r="IL36" s="72">
        <v>0</v>
      </c>
      <c r="IM36" s="244"/>
      <c r="IN36" s="71">
        <v>2</v>
      </c>
      <c r="IO36" s="71">
        <v>1</v>
      </c>
      <c r="IP36" s="71">
        <v>1</v>
      </c>
      <c r="IQ36" s="71">
        <v>0</v>
      </c>
      <c r="IR36" s="71">
        <v>1</v>
      </c>
      <c r="IS36" s="72">
        <v>5</v>
      </c>
      <c r="IT36" s="73">
        <v>5</v>
      </c>
      <c r="IU36" s="70">
        <v>2</v>
      </c>
      <c r="IV36" s="71">
        <v>0</v>
      </c>
      <c r="IW36" s="72">
        <v>2</v>
      </c>
      <c r="IX36" s="244"/>
      <c r="IY36" s="71">
        <v>0</v>
      </c>
      <c r="IZ36" s="71">
        <v>1</v>
      </c>
      <c r="JA36" s="71">
        <v>1</v>
      </c>
      <c r="JB36" s="71">
        <v>1</v>
      </c>
      <c r="JC36" s="71">
        <v>0</v>
      </c>
      <c r="JD36" s="72">
        <v>3</v>
      </c>
      <c r="JE36" s="73">
        <v>5</v>
      </c>
      <c r="JF36" s="70">
        <v>0</v>
      </c>
      <c r="JG36" s="71">
        <v>3</v>
      </c>
      <c r="JH36" s="72">
        <v>3</v>
      </c>
      <c r="JI36" s="244"/>
      <c r="JJ36" s="71">
        <v>4</v>
      </c>
      <c r="JK36" s="71">
        <v>1</v>
      </c>
      <c r="JL36" s="71">
        <v>0</v>
      </c>
      <c r="JM36" s="71">
        <v>0</v>
      </c>
      <c r="JN36" s="71">
        <v>0</v>
      </c>
      <c r="JO36" s="72">
        <v>5</v>
      </c>
      <c r="JP36" s="73">
        <v>8</v>
      </c>
      <c r="JQ36" s="70">
        <v>0</v>
      </c>
      <c r="JR36" s="71">
        <v>0</v>
      </c>
      <c r="JS36" s="72">
        <v>0</v>
      </c>
      <c r="JT36" s="244"/>
      <c r="JU36" s="71">
        <v>0</v>
      </c>
      <c r="JV36" s="71">
        <v>0</v>
      </c>
      <c r="JW36" s="71">
        <v>0</v>
      </c>
      <c r="JX36" s="71">
        <v>0</v>
      </c>
      <c r="JY36" s="71">
        <v>0</v>
      </c>
      <c r="JZ36" s="72">
        <v>0</v>
      </c>
      <c r="KA36" s="73">
        <v>0</v>
      </c>
      <c r="KB36" s="70">
        <v>5</v>
      </c>
      <c r="KC36" s="71">
        <v>3</v>
      </c>
      <c r="KD36" s="72">
        <v>8</v>
      </c>
      <c r="KE36" s="244"/>
      <c r="KF36" s="71">
        <v>7</v>
      </c>
      <c r="KG36" s="71">
        <v>4</v>
      </c>
      <c r="KH36" s="71">
        <v>3</v>
      </c>
      <c r="KI36" s="71">
        <v>1</v>
      </c>
      <c r="KJ36" s="71">
        <v>2</v>
      </c>
      <c r="KK36" s="72">
        <v>17</v>
      </c>
      <c r="KL36" s="73">
        <v>25</v>
      </c>
    </row>
    <row r="37" spans="1:298" ht="19.5" customHeight="1" x14ac:dyDescent="0.2">
      <c r="A37" s="126" t="s">
        <v>34</v>
      </c>
      <c r="B37" s="316">
        <v>3</v>
      </c>
      <c r="C37" s="82">
        <v>2</v>
      </c>
      <c r="D37" s="83">
        <v>5</v>
      </c>
      <c r="E37" s="241"/>
      <c r="F37" s="82">
        <v>8</v>
      </c>
      <c r="G37" s="82">
        <v>3</v>
      </c>
      <c r="H37" s="82">
        <v>5</v>
      </c>
      <c r="I37" s="82">
        <v>0</v>
      </c>
      <c r="J37" s="82">
        <v>1</v>
      </c>
      <c r="K37" s="84">
        <v>17</v>
      </c>
      <c r="L37" s="85">
        <v>22</v>
      </c>
      <c r="M37" s="70">
        <v>0</v>
      </c>
      <c r="N37" s="71">
        <v>0</v>
      </c>
      <c r="O37" s="72">
        <v>0</v>
      </c>
      <c r="P37" s="244"/>
      <c r="Q37" s="71">
        <v>1</v>
      </c>
      <c r="R37" s="71">
        <v>1</v>
      </c>
      <c r="S37" s="71">
        <v>0</v>
      </c>
      <c r="T37" s="71">
        <v>0</v>
      </c>
      <c r="U37" s="71">
        <v>0</v>
      </c>
      <c r="V37" s="72">
        <v>2</v>
      </c>
      <c r="W37" s="73">
        <v>2</v>
      </c>
      <c r="X37" s="70">
        <v>0</v>
      </c>
      <c r="Y37" s="71">
        <v>0</v>
      </c>
      <c r="Z37" s="72">
        <v>0</v>
      </c>
      <c r="AA37" s="244"/>
      <c r="AB37" s="71">
        <v>1</v>
      </c>
      <c r="AC37" s="71">
        <v>0</v>
      </c>
      <c r="AD37" s="71">
        <v>0</v>
      </c>
      <c r="AE37" s="71">
        <v>0</v>
      </c>
      <c r="AF37" s="71">
        <v>0</v>
      </c>
      <c r="AG37" s="72">
        <v>1</v>
      </c>
      <c r="AH37" s="73">
        <v>1</v>
      </c>
      <c r="AI37" s="70">
        <v>0</v>
      </c>
      <c r="AJ37" s="71">
        <v>0</v>
      </c>
      <c r="AK37" s="72">
        <v>0</v>
      </c>
      <c r="AL37" s="244"/>
      <c r="AM37" s="71">
        <v>0</v>
      </c>
      <c r="AN37" s="71">
        <v>0</v>
      </c>
      <c r="AO37" s="71">
        <v>0</v>
      </c>
      <c r="AP37" s="71">
        <v>0</v>
      </c>
      <c r="AQ37" s="71">
        <v>0</v>
      </c>
      <c r="AR37" s="72">
        <v>0</v>
      </c>
      <c r="AS37" s="73">
        <v>0</v>
      </c>
      <c r="AT37" s="70">
        <v>1</v>
      </c>
      <c r="AU37" s="71">
        <v>2</v>
      </c>
      <c r="AV37" s="72">
        <v>3</v>
      </c>
      <c r="AW37" s="244"/>
      <c r="AX37" s="71">
        <v>1</v>
      </c>
      <c r="AY37" s="71">
        <v>0</v>
      </c>
      <c r="AZ37" s="71">
        <v>2</v>
      </c>
      <c r="BA37" s="71">
        <v>0</v>
      </c>
      <c r="BB37" s="71">
        <v>0</v>
      </c>
      <c r="BC37" s="72">
        <v>3</v>
      </c>
      <c r="BD37" s="73">
        <v>6</v>
      </c>
      <c r="BE37" s="70">
        <v>1</v>
      </c>
      <c r="BF37" s="71">
        <v>0</v>
      </c>
      <c r="BG37" s="72">
        <v>1</v>
      </c>
      <c r="BH37" s="244"/>
      <c r="BI37" s="71">
        <v>3</v>
      </c>
      <c r="BJ37" s="71">
        <v>1</v>
      </c>
      <c r="BK37" s="71">
        <v>2</v>
      </c>
      <c r="BL37" s="71">
        <v>0</v>
      </c>
      <c r="BM37" s="71">
        <v>0</v>
      </c>
      <c r="BN37" s="72">
        <v>6</v>
      </c>
      <c r="BO37" s="73">
        <v>7</v>
      </c>
      <c r="BP37" s="70">
        <v>1</v>
      </c>
      <c r="BQ37" s="71">
        <v>0</v>
      </c>
      <c r="BR37" s="72">
        <v>1</v>
      </c>
      <c r="BS37" s="244"/>
      <c r="BT37" s="71">
        <v>2</v>
      </c>
      <c r="BU37" s="71">
        <v>1</v>
      </c>
      <c r="BV37" s="71">
        <v>1</v>
      </c>
      <c r="BW37" s="71">
        <v>0</v>
      </c>
      <c r="BX37" s="71">
        <v>1</v>
      </c>
      <c r="BY37" s="72">
        <v>5</v>
      </c>
      <c r="BZ37" s="73">
        <v>6</v>
      </c>
      <c r="CA37" s="70">
        <v>0</v>
      </c>
      <c r="CB37" s="71">
        <v>0</v>
      </c>
      <c r="CC37" s="72">
        <v>0</v>
      </c>
      <c r="CD37" s="244"/>
      <c r="CE37" s="71">
        <v>0</v>
      </c>
      <c r="CF37" s="71">
        <v>0</v>
      </c>
      <c r="CG37" s="71">
        <v>0</v>
      </c>
      <c r="CH37" s="71">
        <v>0</v>
      </c>
      <c r="CI37" s="71">
        <v>0</v>
      </c>
      <c r="CJ37" s="72">
        <v>0</v>
      </c>
      <c r="CK37" s="73">
        <v>0</v>
      </c>
      <c r="CL37" s="70">
        <v>3</v>
      </c>
      <c r="CM37" s="71">
        <v>2</v>
      </c>
      <c r="CN37" s="72">
        <v>5</v>
      </c>
      <c r="CO37" s="244"/>
      <c r="CP37" s="71">
        <v>8</v>
      </c>
      <c r="CQ37" s="71">
        <v>3</v>
      </c>
      <c r="CR37" s="71">
        <v>5</v>
      </c>
      <c r="CS37" s="71">
        <v>0</v>
      </c>
      <c r="CT37" s="71">
        <v>1</v>
      </c>
      <c r="CU37" s="72">
        <v>17</v>
      </c>
      <c r="CV37" s="73">
        <v>22</v>
      </c>
      <c r="CW37" s="123">
        <v>0</v>
      </c>
      <c r="CX37" s="82">
        <v>0</v>
      </c>
      <c r="CY37" s="83">
        <v>0</v>
      </c>
      <c r="CZ37" s="241"/>
      <c r="DA37" s="82">
        <v>1</v>
      </c>
      <c r="DB37" s="82">
        <v>0</v>
      </c>
      <c r="DC37" s="82">
        <v>0</v>
      </c>
      <c r="DD37" s="82">
        <v>0</v>
      </c>
      <c r="DE37" s="82">
        <v>1</v>
      </c>
      <c r="DF37" s="84">
        <v>2</v>
      </c>
      <c r="DG37" s="85">
        <v>2</v>
      </c>
      <c r="DH37" s="70">
        <v>0</v>
      </c>
      <c r="DI37" s="71">
        <v>0</v>
      </c>
      <c r="DJ37" s="72">
        <v>0</v>
      </c>
      <c r="DK37" s="244"/>
      <c r="DL37" s="71">
        <v>0</v>
      </c>
      <c r="DM37" s="71">
        <v>0</v>
      </c>
      <c r="DN37" s="71">
        <v>0</v>
      </c>
      <c r="DO37" s="71">
        <v>0</v>
      </c>
      <c r="DP37" s="71">
        <v>0</v>
      </c>
      <c r="DQ37" s="72">
        <v>0</v>
      </c>
      <c r="DR37" s="73">
        <v>0</v>
      </c>
      <c r="DS37" s="70">
        <v>0</v>
      </c>
      <c r="DT37" s="71">
        <v>0</v>
      </c>
      <c r="DU37" s="72">
        <v>0</v>
      </c>
      <c r="DV37" s="244"/>
      <c r="DW37" s="71">
        <v>0</v>
      </c>
      <c r="DX37" s="71">
        <v>0</v>
      </c>
      <c r="DY37" s="71">
        <v>0</v>
      </c>
      <c r="DZ37" s="71">
        <v>0</v>
      </c>
      <c r="EA37" s="71">
        <v>0</v>
      </c>
      <c r="EB37" s="72">
        <v>0</v>
      </c>
      <c r="EC37" s="73">
        <v>0</v>
      </c>
      <c r="ED37" s="70">
        <v>0</v>
      </c>
      <c r="EE37" s="71">
        <v>0</v>
      </c>
      <c r="EF37" s="72">
        <v>0</v>
      </c>
      <c r="EG37" s="244"/>
      <c r="EH37" s="71">
        <v>0</v>
      </c>
      <c r="EI37" s="71">
        <v>0</v>
      </c>
      <c r="EJ37" s="71">
        <v>0</v>
      </c>
      <c r="EK37" s="71">
        <v>0</v>
      </c>
      <c r="EL37" s="71">
        <v>0</v>
      </c>
      <c r="EM37" s="72">
        <v>0</v>
      </c>
      <c r="EN37" s="73">
        <v>0</v>
      </c>
      <c r="EO37" s="70">
        <v>0</v>
      </c>
      <c r="EP37" s="71">
        <v>0</v>
      </c>
      <c r="EQ37" s="72">
        <v>0</v>
      </c>
      <c r="ER37" s="244"/>
      <c r="ES37" s="71">
        <v>0</v>
      </c>
      <c r="ET37" s="71">
        <v>0</v>
      </c>
      <c r="EU37" s="71">
        <v>0</v>
      </c>
      <c r="EV37" s="71">
        <v>0</v>
      </c>
      <c r="EW37" s="71">
        <v>0</v>
      </c>
      <c r="EX37" s="72">
        <v>0</v>
      </c>
      <c r="EY37" s="73">
        <v>0</v>
      </c>
      <c r="EZ37" s="70">
        <v>0</v>
      </c>
      <c r="FA37" s="71">
        <v>0</v>
      </c>
      <c r="FB37" s="72">
        <v>0</v>
      </c>
      <c r="FC37" s="244"/>
      <c r="FD37" s="71">
        <v>0</v>
      </c>
      <c r="FE37" s="71">
        <v>0</v>
      </c>
      <c r="FF37" s="71">
        <v>0</v>
      </c>
      <c r="FG37" s="71">
        <v>0</v>
      </c>
      <c r="FH37" s="71">
        <v>0</v>
      </c>
      <c r="FI37" s="72">
        <v>0</v>
      </c>
      <c r="FJ37" s="73">
        <v>0</v>
      </c>
      <c r="FK37" s="70">
        <v>0</v>
      </c>
      <c r="FL37" s="71">
        <v>0</v>
      </c>
      <c r="FM37" s="72">
        <v>0</v>
      </c>
      <c r="FN37" s="244"/>
      <c r="FO37" s="71">
        <v>1</v>
      </c>
      <c r="FP37" s="71">
        <v>0</v>
      </c>
      <c r="FQ37" s="71">
        <v>0</v>
      </c>
      <c r="FR37" s="71">
        <v>0</v>
      </c>
      <c r="FS37" s="71">
        <v>1</v>
      </c>
      <c r="FT37" s="72">
        <v>2</v>
      </c>
      <c r="FU37" s="73">
        <v>2</v>
      </c>
      <c r="FV37" s="70">
        <v>0</v>
      </c>
      <c r="FW37" s="71">
        <v>0</v>
      </c>
      <c r="FX37" s="72">
        <v>0</v>
      </c>
      <c r="FY37" s="244"/>
      <c r="FZ37" s="71">
        <v>0</v>
      </c>
      <c r="GA37" s="71">
        <v>0</v>
      </c>
      <c r="GB37" s="71">
        <v>0</v>
      </c>
      <c r="GC37" s="71">
        <v>0</v>
      </c>
      <c r="GD37" s="71">
        <v>0</v>
      </c>
      <c r="GE37" s="72">
        <v>0</v>
      </c>
      <c r="GF37" s="73">
        <v>0</v>
      </c>
      <c r="GG37" s="70">
        <v>0</v>
      </c>
      <c r="GH37" s="71">
        <v>0</v>
      </c>
      <c r="GI37" s="72">
        <v>0</v>
      </c>
      <c r="GJ37" s="244"/>
      <c r="GK37" s="71">
        <v>1</v>
      </c>
      <c r="GL37" s="71">
        <v>0</v>
      </c>
      <c r="GM37" s="71">
        <v>0</v>
      </c>
      <c r="GN37" s="71">
        <v>0</v>
      </c>
      <c r="GO37" s="71">
        <v>1</v>
      </c>
      <c r="GP37" s="72">
        <v>2</v>
      </c>
      <c r="GQ37" s="73">
        <v>2</v>
      </c>
      <c r="GR37" s="123">
        <v>3</v>
      </c>
      <c r="GS37" s="82">
        <v>2</v>
      </c>
      <c r="GT37" s="83">
        <v>5</v>
      </c>
      <c r="GU37" s="241"/>
      <c r="GV37" s="82">
        <v>9</v>
      </c>
      <c r="GW37" s="82">
        <v>3</v>
      </c>
      <c r="GX37" s="82">
        <v>5</v>
      </c>
      <c r="GY37" s="82">
        <v>0</v>
      </c>
      <c r="GZ37" s="82">
        <v>2</v>
      </c>
      <c r="HA37" s="84">
        <v>19</v>
      </c>
      <c r="HB37" s="85">
        <v>24</v>
      </c>
      <c r="HC37" s="70">
        <v>0</v>
      </c>
      <c r="HD37" s="71">
        <v>0</v>
      </c>
      <c r="HE37" s="72">
        <v>0</v>
      </c>
      <c r="HF37" s="244"/>
      <c r="HG37" s="71">
        <v>1</v>
      </c>
      <c r="HH37" s="71">
        <v>1</v>
      </c>
      <c r="HI37" s="71">
        <v>0</v>
      </c>
      <c r="HJ37" s="71">
        <v>0</v>
      </c>
      <c r="HK37" s="71">
        <v>0</v>
      </c>
      <c r="HL37" s="72">
        <v>2</v>
      </c>
      <c r="HM37" s="73">
        <v>2</v>
      </c>
      <c r="HN37" s="70">
        <v>0</v>
      </c>
      <c r="HO37" s="71">
        <v>0</v>
      </c>
      <c r="HP37" s="72">
        <v>0</v>
      </c>
      <c r="HQ37" s="244"/>
      <c r="HR37" s="71">
        <v>1</v>
      </c>
      <c r="HS37" s="71">
        <v>0</v>
      </c>
      <c r="HT37" s="71">
        <v>0</v>
      </c>
      <c r="HU37" s="71">
        <v>0</v>
      </c>
      <c r="HV37" s="71">
        <v>0</v>
      </c>
      <c r="HW37" s="72">
        <v>1</v>
      </c>
      <c r="HX37" s="73">
        <v>1</v>
      </c>
      <c r="HY37" s="70">
        <v>0</v>
      </c>
      <c r="HZ37" s="71">
        <v>0</v>
      </c>
      <c r="IA37" s="72">
        <v>0</v>
      </c>
      <c r="IB37" s="244"/>
      <c r="IC37" s="71">
        <v>0</v>
      </c>
      <c r="ID37" s="71">
        <v>0</v>
      </c>
      <c r="IE37" s="71">
        <v>0</v>
      </c>
      <c r="IF37" s="71">
        <v>0</v>
      </c>
      <c r="IG37" s="71">
        <v>0</v>
      </c>
      <c r="IH37" s="72">
        <v>0</v>
      </c>
      <c r="II37" s="73">
        <v>0</v>
      </c>
      <c r="IJ37" s="70">
        <v>1</v>
      </c>
      <c r="IK37" s="71">
        <v>2</v>
      </c>
      <c r="IL37" s="72">
        <v>3</v>
      </c>
      <c r="IM37" s="244"/>
      <c r="IN37" s="71">
        <v>1</v>
      </c>
      <c r="IO37" s="71">
        <v>0</v>
      </c>
      <c r="IP37" s="71">
        <v>2</v>
      </c>
      <c r="IQ37" s="71">
        <v>0</v>
      </c>
      <c r="IR37" s="71">
        <v>0</v>
      </c>
      <c r="IS37" s="72">
        <v>3</v>
      </c>
      <c r="IT37" s="73">
        <v>6</v>
      </c>
      <c r="IU37" s="70">
        <v>1</v>
      </c>
      <c r="IV37" s="71">
        <v>0</v>
      </c>
      <c r="IW37" s="72">
        <v>1</v>
      </c>
      <c r="IX37" s="244"/>
      <c r="IY37" s="71">
        <v>3</v>
      </c>
      <c r="IZ37" s="71">
        <v>1</v>
      </c>
      <c r="JA37" s="71">
        <v>2</v>
      </c>
      <c r="JB37" s="71">
        <v>0</v>
      </c>
      <c r="JC37" s="71">
        <v>0</v>
      </c>
      <c r="JD37" s="72">
        <v>6</v>
      </c>
      <c r="JE37" s="73">
        <v>7</v>
      </c>
      <c r="JF37" s="70">
        <v>1</v>
      </c>
      <c r="JG37" s="71">
        <v>0</v>
      </c>
      <c r="JH37" s="72">
        <v>1</v>
      </c>
      <c r="JI37" s="244"/>
      <c r="JJ37" s="71">
        <v>3</v>
      </c>
      <c r="JK37" s="71">
        <v>1</v>
      </c>
      <c r="JL37" s="71">
        <v>1</v>
      </c>
      <c r="JM37" s="71">
        <v>0</v>
      </c>
      <c r="JN37" s="71">
        <v>2</v>
      </c>
      <c r="JO37" s="72">
        <v>7</v>
      </c>
      <c r="JP37" s="73">
        <v>8</v>
      </c>
      <c r="JQ37" s="70">
        <v>0</v>
      </c>
      <c r="JR37" s="71">
        <v>0</v>
      </c>
      <c r="JS37" s="72">
        <v>0</v>
      </c>
      <c r="JT37" s="244"/>
      <c r="JU37" s="71">
        <v>0</v>
      </c>
      <c r="JV37" s="71">
        <v>0</v>
      </c>
      <c r="JW37" s="71">
        <v>0</v>
      </c>
      <c r="JX37" s="71">
        <v>0</v>
      </c>
      <c r="JY37" s="71">
        <v>0</v>
      </c>
      <c r="JZ37" s="72">
        <v>0</v>
      </c>
      <c r="KA37" s="73">
        <v>0</v>
      </c>
      <c r="KB37" s="70">
        <v>3</v>
      </c>
      <c r="KC37" s="71">
        <v>2</v>
      </c>
      <c r="KD37" s="72">
        <v>5</v>
      </c>
      <c r="KE37" s="244"/>
      <c r="KF37" s="71">
        <v>9</v>
      </c>
      <c r="KG37" s="71">
        <v>3</v>
      </c>
      <c r="KH37" s="71">
        <v>5</v>
      </c>
      <c r="KI37" s="71">
        <v>0</v>
      </c>
      <c r="KJ37" s="71">
        <v>2</v>
      </c>
      <c r="KK37" s="72">
        <v>19</v>
      </c>
      <c r="KL37" s="73">
        <v>24</v>
      </c>
    </row>
    <row r="38" spans="1:298" ht="19.5" customHeight="1" x14ac:dyDescent="0.2">
      <c r="A38" s="126" t="s">
        <v>35</v>
      </c>
      <c r="B38" s="316">
        <v>11</v>
      </c>
      <c r="C38" s="82">
        <v>6</v>
      </c>
      <c r="D38" s="83">
        <v>17</v>
      </c>
      <c r="E38" s="241"/>
      <c r="F38" s="82">
        <v>19</v>
      </c>
      <c r="G38" s="82">
        <v>11</v>
      </c>
      <c r="H38" s="82">
        <v>6</v>
      </c>
      <c r="I38" s="82">
        <v>5</v>
      </c>
      <c r="J38" s="82">
        <v>3</v>
      </c>
      <c r="K38" s="84">
        <v>44</v>
      </c>
      <c r="L38" s="85">
        <v>61</v>
      </c>
      <c r="M38" s="70">
        <v>0</v>
      </c>
      <c r="N38" s="71">
        <v>0</v>
      </c>
      <c r="O38" s="72">
        <v>0</v>
      </c>
      <c r="P38" s="244"/>
      <c r="Q38" s="71">
        <v>0</v>
      </c>
      <c r="R38" s="71">
        <v>0</v>
      </c>
      <c r="S38" s="71">
        <v>0</v>
      </c>
      <c r="T38" s="71">
        <v>0</v>
      </c>
      <c r="U38" s="71">
        <v>0</v>
      </c>
      <c r="V38" s="72">
        <v>0</v>
      </c>
      <c r="W38" s="73">
        <v>0</v>
      </c>
      <c r="X38" s="70">
        <v>1</v>
      </c>
      <c r="Y38" s="71">
        <v>1</v>
      </c>
      <c r="Z38" s="72">
        <v>2</v>
      </c>
      <c r="AA38" s="244"/>
      <c r="AB38" s="71">
        <v>0</v>
      </c>
      <c r="AC38" s="71">
        <v>0</v>
      </c>
      <c r="AD38" s="71">
        <v>0</v>
      </c>
      <c r="AE38" s="71">
        <v>0</v>
      </c>
      <c r="AF38" s="71">
        <v>0</v>
      </c>
      <c r="AG38" s="72">
        <v>0</v>
      </c>
      <c r="AH38" s="73">
        <v>2</v>
      </c>
      <c r="AI38" s="70">
        <v>0</v>
      </c>
      <c r="AJ38" s="71">
        <v>1</v>
      </c>
      <c r="AK38" s="72">
        <v>1</v>
      </c>
      <c r="AL38" s="244"/>
      <c r="AM38" s="71">
        <v>3</v>
      </c>
      <c r="AN38" s="71">
        <v>1</v>
      </c>
      <c r="AO38" s="71">
        <v>1</v>
      </c>
      <c r="AP38" s="71">
        <v>1</v>
      </c>
      <c r="AQ38" s="71">
        <v>0</v>
      </c>
      <c r="AR38" s="72">
        <v>6</v>
      </c>
      <c r="AS38" s="73">
        <v>7</v>
      </c>
      <c r="AT38" s="70">
        <v>3</v>
      </c>
      <c r="AU38" s="71">
        <v>1</v>
      </c>
      <c r="AV38" s="72">
        <v>4</v>
      </c>
      <c r="AW38" s="244"/>
      <c r="AX38" s="71">
        <v>5</v>
      </c>
      <c r="AY38" s="71">
        <v>2</v>
      </c>
      <c r="AZ38" s="71">
        <v>2</v>
      </c>
      <c r="BA38" s="71">
        <v>1</v>
      </c>
      <c r="BB38" s="71">
        <v>0</v>
      </c>
      <c r="BC38" s="72">
        <v>10</v>
      </c>
      <c r="BD38" s="73">
        <v>14</v>
      </c>
      <c r="BE38" s="70">
        <v>3</v>
      </c>
      <c r="BF38" s="71">
        <v>2</v>
      </c>
      <c r="BG38" s="72">
        <v>5</v>
      </c>
      <c r="BH38" s="244"/>
      <c r="BI38" s="71">
        <v>4</v>
      </c>
      <c r="BJ38" s="71">
        <v>3</v>
      </c>
      <c r="BK38" s="71">
        <v>1</v>
      </c>
      <c r="BL38" s="71">
        <v>1</v>
      </c>
      <c r="BM38" s="71">
        <v>1</v>
      </c>
      <c r="BN38" s="72">
        <v>10</v>
      </c>
      <c r="BO38" s="73">
        <v>15</v>
      </c>
      <c r="BP38" s="70">
        <v>4</v>
      </c>
      <c r="BQ38" s="71">
        <v>1</v>
      </c>
      <c r="BR38" s="72">
        <v>5</v>
      </c>
      <c r="BS38" s="244"/>
      <c r="BT38" s="71">
        <v>7</v>
      </c>
      <c r="BU38" s="71">
        <v>5</v>
      </c>
      <c r="BV38" s="71">
        <v>2</v>
      </c>
      <c r="BW38" s="71">
        <v>2</v>
      </c>
      <c r="BX38" s="71">
        <v>2</v>
      </c>
      <c r="BY38" s="72">
        <v>18</v>
      </c>
      <c r="BZ38" s="73">
        <v>23</v>
      </c>
      <c r="CA38" s="70">
        <v>0</v>
      </c>
      <c r="CB38" s="71">
        <v>0</v>
      </c>
      <c r="CC38" s="72">
        <v>0</v>
      </c>
      <c r="CD38" s="244"/>
      <c r="CE38" s="71">
        <v>0</v>
      </c>
      <c r="CF38" s="71">
        <v>0</v>
      </c>
      <c r="CG38" s="71">
        <v>0</v>
      </c>
      <c r="CH38" s="71">
        <v>0</v>
      </c>
      <c r="CI38" s="71">
        <v>0</v>
      </c>
      <c r="CJ38" s="72">
        <v>0</v>
      </c>
      <c r="CK38" s="73">
        <v>0</v>
      </c>
      <c r="CL38" s="70">
        <v>11</v>
      </c>
      <c r="CM38" s="71">
        <v>6</v>
      </c>
      <c r="CN38" s="72">
        <v>17</v>
      </c>
      <c r="CO38" s="244"/>
      <c r="CP38" s="71">
        <v>19</v>
      </c>
      <c r="CQ38" s="71">
        <v>11</v>
      </c>
      <c r="CR38" s="71">
        <v>6</v>
      </c>
      <c r="CS38" s="71">
        <v>5</v>
      </c>
      <c r="CT38" s="71">
        <v>3</v>
      </c>
      <c r="CU38" s="72">
        <v>44</v>
      </c>
      <c r="CV38" s="73">
        <v>61</v>
      </c>
      <c r="CW38" s="123">
        <v>3</v>
      </c>
      <c r="CX38" s="82">
        <v>0</v>
      </c>
      <c r="CY38" s="83">
        <v>3</v>
      </c>
      <c r="CZ38" s="241"/>
      <c r="DA38" s="82">
        <v>4</v>
      </c>
      <c r="DB38" s="82">
        <v>4</v>
      </c>
      <c r="DC38" s="82">
        <v>0</v>
      </c>
      <c r="DD38" s="82">
        <v>5</v>
      </c>
      <c r="DE38" s="82">
        <v>0</v>
      </c>
      <c r="DF38" s="84">
        <v>13</v>
      </c>
      <c r="DG38" s="85">
        <v>16</v>
      </c>
      <c r="DH38" s="70">
        <v>0</v>
      </c>
      <c r="DI38" s="71">
        <v>0</v>
      </c>
      <c r="DJ38" s="72">
        <v>0</v>
      </c>
      <c r="DK38" s="244"/>
      <c r="DL38" s="71">
        <v>0</v>
      </c>
      <c r="DM38" s="71">
        <v>0</v>
      </c>
      <c r="DN38" s="71">
        <v>0</v>
      </c>
      <c r="DO38" s="71">
        <v>0</v>
      </c>
      <c r="DP38" s="71">
        <v>0</v>
      </c>
      <c r="DQ38" s="72">
        <v>0</v>
      </c>
      <c r="DR38" s="73">
        <v>0</v>
      </c>
      <c r="DS38" s="70">
        <v>0</v>
      </c>
      <c r="DT38" s="71">
        <v>0</v>
      </c>
      <c r="DU38" s="72">
        <v>0</v>
      </c>
      <c r="DV38" s="244"/>
      <c r="DW38" s="71">
        <v>1</v>
      </c>
      <c r="DX38" s="71">
        <v>0</v>
      </c>
      <c r="DY38" s="71">
        <v>0</v>
      </c>
      <c r="DZ38" s="71">
        <v>0</v>
      </c>
      <c r="EA38" s="71">
        <v>0</v>
      </c>
      <c r="EB38" s="72">
        <v>1</v>
      </c>
      <c r="EC38" s="73">
        <v>1</v>
      </c>
      <c r="ED38" s="70">
        <v>0</v>
      </c>
      <c r="EE38" s="71">
        <v>0</v>
      </c>
      <c r="EF38" s="72">
        <v>0</v>
      </c>
      <c r="EG38" s="244"/>
      <c r="EH38" s="71">
        <v>0</v>
      </c>
      <c r="EI38" s="71">
        <v>0</v>
      </c>
      <c r="EJ38" s="71">
        <v>0</v>
      </c>
      <c r="EK38" s="71">
        <v>0</v>
      </c>
      <c r="EL38" s="71">
        <v>0</v>
      </c>
      <c r="EM38" s="72">
        <v>0</v>
      </c>
      <c r="EN38" s="73">
        <v>0</v>
      </c>
      <c r="EO38" s="70">
        <v>1</v>
      </c>
      <c r="EP38" s="71">
        <v>0</v>
      </c>
      <c r="EQ38" s="72">
        <v>1</v>
      </c>
      <c r="ER38" s="244"/>
      <c r="ES38" s="71">
        <v>0</v>
      </c>
      <c r="ET38" s="71">
        <v>1</v>
      </c>
      <c r="EU38" s="71">
        <v>0</v>
      </c>
      <c r="EV38" s="71">
        <v>0</v>
      </c>
      <c r="EW38" s="71">
        <v>0</v>
      </c>
      <c r="EX38" s="72">
        <v>1</v>
      </c>
      <c r="EY38" s="73">
        <v>2</v>
      </c>
      <c r="EZ38" s="70">
        <v>0</v>
      </c>
      <c r="FA38" s="71">
        <v>0</v>
      </c>
      <c r="FB38" s="72">
        <v>0</v>
      </c>
      <c r="FC38" s="244"/>
      <c r="FD38" s="71">
        <v>2</v>
      </c>
      <c r="FE38" s="71">
        <v>1</v>
      </c>
      <c r="FF38" s="71">
        <v>0</v>
      </c>
      <c r="FG38" s="71">
        <v>1</v>
      </c>
      <c r="FH38" s="71">
        <v>0</v>
      </c>
      <c r="FI38" s="72">
        <v>4</v>
      </c>
      <c r="FJ38" s="73">
        <v>4</v>
      </c>
      <c r="FK38" s="70">
        <v>2</v>
      </c>
      <c r="FL38" s="71">
        <v>0</v>
      </c>
      <c r="FM38" s="72">
        <v>2</v>
      </c>
      <c r="FN38" s="244"/>
      <c r="FO38" s="71">
        <v>1</v>
      </c>
      <c r="FP38" s="71">
        <v>2</v>
      </c>
      <c r="FQ38" s="71">
        <v>0</v>
      </c>
      <c r="FR38" s="71">
        <v>4</v>
      </c>
      <c r="FS38" s="71">
        <v>0</v>
      </c>
      <c r="FT38" s="72">
        <v>7</v>
      </c>
      <c r="FU38" s="73">
        <v>9</v>
      </c>
      <c r="FV38" s="70">
        <v>0</v>
      </c>
      <c r="FW38" s="71">
        <v>0</v>
      </c>
      <c r="FX38" s="72">
        <v>0</v>
      </c>
      <c r="FY38" s="244"/>
      <c r="FZ38" s="71">
        <v>0</v>
      </c>
      <c r="GA38" s="71">
        <v>0</v>
      </c>
      <c r="GB38" s="71">
        <v>0</v>
      </c>
      <c r="GC38" s="71">
        <v>0</v>
      </c>
      <c r="GD38" s="71">
        <v>0</v>
      </c>
      <c r="GE38" s="72">
        <v>0</v>
      </c>
      <c r="GF38" s="73">
        <v>0</v>
      </c>
      <c r="GG38" s="70">
        <v>3</v>
      </c>
      <c r="GH38" s="71">
        <v>0</v>
      </c>
      <c r="GI38" s="72">
        <v>3</v>
      </c>
      <c r="GJ38" s="244"/>
      <c r="GK38" s="71">
        <v>4</v>
      </c>
      <c r="GL38" s="71">
        <v>4</v>
      </c>
      <c r="GM38" s="71">
        <v>0</v>
      </c>
      <c r="GN38" s="71">
        <v>5</v>
      </c>
      <c r="GO38" s="71">
        <v>0</v>
      </c>
      <c r="GP38" s="72">
        <v>13</v>
      </c>
      <c r="GQ38" s="73">
        <v>16</v>
      </c>
      <c r="GR38" s="123">
        <v>14</v>
      </c>
      <c r="GS38" s="82">
        <v>6</v>
      </c>
      <c r="GT38" s="83">
        <v>20</v>
      </c>
      <c r="GU38" s="241"/>
      <c r="GV38" s="82">
        <v>23</v>
      </c>
      <c r="GW38" s="82">
        <v>15</v>
      </c>
      <c r="GX38" s="82">
        <v>6</v>
      </c>
      <c r="GY38" s="82">
        <v>10</v>
      </c>
      <c r="GZ38" s="82">
        <v>3</v>
      </c>
      <c r="HA38" s="84">
        <v>57</v>
      </c>
      <c r="HB38" s="85">
        <v>77</v>
      </c>
      <c r="HC38" s="70">
        <v>0</v>
      </c>
      <c r="HD38" s="71">
        <v>0</v>
      </c>
      <c r="HE38" s="72">
        <v>0</v>
      </c>
      <c r="HF38" s="244"/>
      <c r="HG38" s="71">
        <v>0</v>
      </c>
      <c r="HH38" s="71">
        <v>0</v>
      </c>
      <c r="HI38" s="71">
        <v>0</v>
      </c>
      <c r="HJ38" s="71">
        <v>0</v>
      </c>
      <c r="HK38" s="71">
        <v>0</v>
      </c>
      <c r="HL38" s="72">
        <v>0</v>
      </c>
      <c r="HM38" s="73">
        <v>0</v>
      </c>
      <c r="HN38" s="70">
        <v>1</v>
      </c>
      <c r="HO38" s="71">
        <v>1</v>
      </c>
      <c r="HP38" s="72">
        <v>2</v>
      </c>
      <c r="HQ38" s="244"/>
      <c r="HR38" s="71">
        <v>1</v>
      </c>
      <c r="HS38" s="71">
        <v>0</v>
      </c>
      <c r="HT38" s="71">
        <v>0</v>
      </c>
      <c r="HU38" s="71">
        <v>0</v>
      </c>
      <c r="HV38" s="71">
        <v>0</v>
      </c>
      <c r="HW38" s="72">
        <v>1</v>
      </c>
      <c r="HX38" s="73">
        <v>3</v>
      </c>
      <c r="HY38" s="70">
        <v>0</v>
      </c>
      <c r="HZ38" s="71">
        <v>1</v>
      </c>
      <c r="IA38" s="72">
        <v>1</v>
      </c>
      <c r="IB38" s="244"/>
      <c r="IC38" s="71">
        <v>3</v>
      </c>
      <c r="ID38" s="71">
        <v>1</v>
      </c>
      <c r="IE38" s="71">
        <v>1</v>
      </c>
      <c r="IF38" s="71">
        <v>1</v>
      </c>
      <c r="IG38" s="71">
        <v>0</v>
      </c>
      <c r="IH38" s="72">
        <v>6</v>
      </c>
      <c r="II38" s="73">
        <v>7</v>
      </c>
      <c r="IJ38" s="70">
        <v>4</v>
      </c>
      <c r="IK38" s="71">
        <v>1</v>
      </c>
      <c r="IL38" s="72">
        <v>5</v>
      </c>
      <c r="IM38" s="244"/>
      <c r="IN38" s="71">
        <v>5</v>
      </c>
      <c r="IO38" s="71">
        <v>3</v>
      </c>
      <c r="IP38" s="71">
        <v>2</v>
      </c>
      <c r="IQ38" s="71">
        <v>1</v>
      </c>
      <c r="IR38" s="71">
        <v>0</v>
      </c>
      <c r="IS38" s="72">
        <v>11</v>
      </c>
      <c r="IT38" s="73">
        <v>16</v>
      </c>
      <c r="IU38" s="70">
        <v>3</v>
      </c>
      <c r="IV38" s="71">
        <v>2</v>
      </c>
      <c r="IW38" s="72">
        <v>5</v>
      </c>
      <c r="IX38" s="244"/>
      <c r="IY38" s="71">
        <v>6</v>
      </c>
      <c r="IZ38" s="71">
        <v>4</v>
      </c>
      <c r="JA38" s="71">
        <v>1</v>
      </c>
      <c r="JB38" s="71">
        <v>2</v>
      </c>
      <c r="JC38" s="71">
        <v>1</v>
      </c>
      <c r="JD38" s="72">
        <v>14</v>
      </c>
      <c r="JE38" s="73">
        <v>19</v>
      </c>
      <c r="JF38" s="70">
        <v>6</v>
      </c>
      <c r="JG38" s="71">
        <v>1</v>
      </c>
      <c r="JH38" s="72">
        <v>7</v>
      </c>
      <c r="JI38" s="244"/>
      <c r="JJ38" s="71">
        <v>8</v>
      </c>
      <c r="JK38" s="71">
        <v>7</v>
      </c>
      <c r="JL38" s="71">
        <v>2</v>
      </c>
      <c r="JM38" s="71">
        <v>6</v>
      </c>
      <c r="JN38" s="71">
        <v>2</v>
      </c>
      <c r="JO38" s="72">
        <v>25</v>
      </c>
      <c r="JP38" s="73">
        <v>32</v>
      </c>
      <c r="JQ38" s="70">
        <v>0</v>
      </c>
      <c r="JR38" s="71">
        <v>0</v>
      </c>
      <c r="JS38" s="72">
        <v>0</v>
      </c>
      <c r="JT38" s="244"/>
      <c r="JU38" s="71">
        <v>0</v>
      </c>
      <c r="JV38" s="71">
        <v>0</v>
      </c>
      <c r="JW38" s="71">
        <v>0</v>
      </c>
      <c r="JX38" s="71">
        <v>0</v>
      </c>
      <c r="JY38" s="71">
        <v>0</v>
      </c>
      <c r="JZ38" s="72">
        <v>0</v>
      </c>
      <c r="KA38" s="73">
        <v>0</v>
      </c>
      <c r="KB38" s="70">
        <v>14</v>
      </c>
      <c r="KC38" s="71">
        <v>6</v>
      </c>
      <c r="KD38" s="72">
        <v>20</v>
      </c>
      <c r="KE38" s="244"/>
      <c r="KF38" s="71">
        <v>23</v>
      </c>
      <c r="KG38" s="71">
        <v>15</v>
      </c>
      <c r="KH38" s="71">
        <v>6</v>
      </c>
      <c r="KI38" s="71">
        <v>10</v>
      </c>
      <c r="KJ38" s="71">
        <v>3</v>
      </c>
      <c r="KK38" s="72">
        <v>57</v>
      </c>
      <c r="KL38" s="73">
        <v>77</v>
      </c>
    </row>
    <row r="39" spans="1:298" ht="19.5" customHeight="1" x14ac:dyDescent="0.2">
      <c r="A39" s="126" t="s">
        <v>36</v>
      </c>
      <c r="B39" s="316">
        <v>4</v>
      </c>
      <c r="C39" s="82">
        <v>10</v>
      </c>
      <c r="D39" s="83">
        <v>14</v>
      </c>
      <c r="E39" s="241"/>
      <c r="F39" s="82">
        <v>13</v>
      </c>
      <c r="G39" s="82">
        <v>8</v>
      </c>
      <c r="H39" s="82">
        <v>7</v>
      </c>
      <c r="I39" s="82">
        <v>9</v>
      </c>
      <c r="J39" s="82">
        <v>2</v>
      </c>
      <c r="K39" s="84">
        <v>39</v>
      </c>
      <c r="L39" s="85">
        <v>53</v>
      </c>
      <c r="M39" s="70">
        <v>0</v>
      </c>
      <c r="N39" s="71">
        <v>0</v>
      </c>
      <c r="O39" s="72">
        <v>0</v>
      </c>
      <c r="P39" s="244"/>
      <c r="Q39" s="71">
        <v>1</v>
      </c>
      <c r="R39" s="71">
        <v>2</v>
      </c>
      <c r="S39" s="71">
        <v>0</v>
      </c>
      <c r="T39" s="71">
        <v>0</v>
      </c>
      <c r="U39" s="71">
        <v>0</v>
      </c>
      <c r="V39" s="72">
        <v>3</v>
      </c>
      <c r="W39" s="73">
        <v>3</v>
      </c>
      <c r="X39" s="70">
        <v>2</v>
      </c>
      <c r="Y39" s="71">
        <v>0</v>
      </c>
      <c r="Z39" s="72">
        <v>2</v>
      </c>
      <c r="AA39" s="244"/>
      <c r="AB39" s="71">
        <v>1</v>
      </c>
      <c r="AC39" s="71">
        <v>0</v>
      </c>
      <c r="AD39" s="71">
        <v>0</v>
      </c>
      <c r="AE39" s="71">
        <v>3</v>
      </c>
      <c r="AF39" s="71">
        <v>0</v>
      </c>
      <c r="AG39" s="72">
        <v>4</v>
      </c>
      <c r="AH39" s="73">
        <v>6</v>
      </c>
      <c r="AI39" s="70">
        <v>0</v>
      </c>
      <c r="AJ39" s="71">
        <v>1</v>
      </c>
      <c r="AK39" s="72">
        <v>1</v>
      </c>
      <c r="AL39" s="244"/>
      <c r="AM39" s="71">
        <v>1</v>
      </c>
      <c r="AN39" s="71">
        <v>0</v>
      </c>
      <c r="AO39" s="71">
        <v>1</v>
      </c>
      <c r="AP39" s="71">
        <v>0</v>
      </c>
      <c r="AQ39" s="71">
        <v>0</v>
      </c>
      <c r="AR39" s="72">
        <v>2</v>
      </c>
      <c r="AS39" s="73">
        <v>3</v>
      </c>
      <c r="AT39" s="70">
        <v>0</v>
      </c>
      <c r="AU39" s="71">
        <v>2</v>
      </c>
      <c r="AV39" s="72">
        <v>2</v>
      </c>
      <c r="AW39" s="244"/>
      <c r="AX39" s="71">
        <v>2</v>
      </c>
      <c r="AY39" s="71">
        <v>1</v>
      </c>
      <c r="AZ39" s="71">
        <v>0</v>
      </c>
      <c r="BA39" s="71">
        <v>0</v>
      </c>
      <c r="BB39" s="71">
        <v>0</v>
      </c>
      <c r="BC39" s="72">
        <v>3</v>
      </c>
      <c r="BD39" s="73">
        <v>5</v>
      </c>
      <c r="BE39" s="70">
        <v>1</v>
      </c>
      <c r="BF39" s="71">
        <v>5</v>
      </c>
      <c r="BG39" s="72">
        <v>6</v>
      </c>
      <c r="BH39" s="244"/>
      <c r="BI39" s="71">
        <v>4</v>
      </c>
      <c r="BJ39" s="71">
        <v>3</v>
      </c>
      <c r="BK39" s="71">
        <v>3</v>
      </c>
      <c r="BL39" s="71">
        <v>4</v>
      </c>
      <c r="BM39" s="71">
        <v>1</v>
      </c>
      <c r="BN39" s="72">
        <v>15</v>
      </c>
      <c r="BO39" s="73">
        <v>21</v>
      </c>
      <c r="BP39" s="70">
        <v>1</v>
      </c>
      <c r="BQ39" s="71">
        <v>2</v>
      </c>
      <c r="BR39" s="72">
        <v>3</v>
      </c>
      <c r="BS39" s="244"/>
      <c r="BT39" s="71">
        <v>4</v>
      </c>
      <c r="BU39" s="71">
        <v>2</v>
      </c>
      <c r="BV39" s="71">
        <v>3</v>
      </c>
      <c r="BW39" s="71">
        <v>2</v>
      </c>
      <c r="BX39" s="71">
        <v>1</v>
      </c>
      <c r="BY39" s="72">
        <v>12</v>
      </c>
      <c r="BZ39" s="73">
        <v>15</v>
      </c>
      <c r="CA39" s="70">
        <v>0</v>
      </c>
      <c r="CB39" s="71">
        <v>0</v>
      </c>
      <c r="CC39" s="72">
        <v>0</v>
      </c>
      <c r="CD39" s="244"/>
      <c r="CE39" s="71">
        <v>0</v>
      </c>
      <c r="CF39" s="71">
        <v>0</v>
      </c>
      <c r="CG39" s="71">
        <v>0</v>
      </c>
      <c r="CH39" s="71">
        <v>0</v>
      </c>
      <c r="CI39" s="71">
        <v>0</v>
      </c>
      <c r="CJ39" s="72">
        <v>0</v>
      </c>
      <c r="CK39" s="73">
        <v>0</v>
      </c>
      <c r="CL39" s="70">
        <v>4</v>
      </c>
      <c r="CM39" s="71">
        <v>10</v>
      </c>
      <c r="CN39" s="72">
        <v>14</v>
      </c>
      <c r="CO39" s="244"/>
      <c r="CP39" s="71">
        <v>13</v>
      </c>
      <c r="CQ39" s="71">
        <v>8</v>
      </c>
      <c r="CR39" s="71">
        <v>7</v>
      </c>
      <c r="CS39" s="71">
        <v>9</v>
      </c>
      <c r="CT39" s="71">
        <v>2</v>
      </c>
      <c r="CU39" s="72">
        <v>39</v>
      </c>
      <c r="CV39" s="73">
        <v>53</v>
      </c>
      <c r="CW39" s="123">
        <v>2</v>
      </c>
      <c r="CX39" s="82">
        <v>3</v>
      </c>
      <c r="CY39" s="83">
        <v>5</v>
      </c>
      <c r="CZ39" s="241"/>
      <c r="DA39" s="82">
        <v>0</v>
      </c>
      <c r="DB39" s="82">
        <v>0</v>
      </c>
      <c r="DC39" s="82">
        <v>0</v>
      </c>
      <c r="DD39" s="82">
        <v>0</v>
      </c>
      <c r="DE39" s="82">
        <v>5</v>
      </c>
      <c r="DF39" s="84">
        <v>5</v>
      </c>
      <c r="DG39" s="85">
        <v>10</v>
      </c>
      <c r="DH39" s="70">
        <v>0</v>
      </c>
      <c r="DI39" s="71">
        <v>0</v>
      </c>
      <c r="DJ39" s="72">
        <v>0</v>
      </c>
      <c r="DK39" s="244"/>
      <c r="DL39" s="71">
        <v>0</v>
      </c>
      <c r="DM39" s="71">
        <v>0</v>
      </c>
      <c r="DN39" s="71">
        <v>0</v>
      </c>
      <c r="DO39" s="71">
        <v>0</v>
      </c>
      <c r="DP39" s="71">
        <v>0</v>
      </c>
      <c r="DQ39" s="72">
        <v>0</v>
      </c>
      <c r="DR39" s="73">
        <v>0</v>
      </c>
      <c r="DS39" s="70">
        <v>0</v>
      </c>
      <c r="DT39" s="71">
        <v>0</v>
      </c>
      <c r="DU39" s="72">
        <v>0</v>
      </c>
      <c r="DV39" s="244"/>
      <c r="DW39" s="71">
        <v>0</v>
      </c>
      <c r="DX39" s="71">
        <v>0</v>
      </c>
      <c r="DY39" s="71">
        <v>0</v>
      </c>
      <c r="DZ39" s="71">
        <v>0</v>
      </c>
      <c r="EA39" s="71">
        <v>0</v>
      </c>
      <c r="EB39" s="72">
        <v>0</v>
      </c>
      <c r="EC39" s="73">
        <v>0</v>
      </c>
      <c r="ED39" s="70">
        <v>0</v>
      </c>
      <c r="EE39" s="71">
        <v>0</v>
      </c>
      <c r="EF39" s="72">
        <v>0</v>
      </c>
      <c r="EG39" s="244"/>
      <c r="EH39" s="71">
        <v>0</v>
      </c>
      <c r="EI39" s="71">
        <v>0</v>
      </c>
      <c r="EJ39" s="71">
        <v>0</v>
      </c>
      <c r="EK39" s="71">
        <v>0</v>
      </c>
      <c r="EL39" s="71">
        <v>0</v>
      </c>
      <c r="EM39" s="72">
        <v>0</v>
      </c>
      <c r="EN39" s="73">
        <v>0</v>
      </c>
      <c r="EO39" s="70">
        <v>0</v>
      </c>
      <c r="EP39" s="71">
        <v>2</v>
      </c>
      <c r="EQ39" s="72">
        <v>2</v>
      </c>
      <c r="ER39" s="244"/>
      <c r="ES39" s="71">
        <v>0</v>
      </c>
      <c r="ET39" s="71">
        <v>0</v>
      </c>
      <c r="EU39" s="71">
        <v>0</v>
      </c>
      <c r="EV39" s="71">
        <v>0</v>
      </c>
      <c r="EW39" s="71">
        <v>0</v>
      </c>
      <c r="EX39" s="72">
        <v>0</v>
      </c>
      <c r="EY39" s="73">
        <v>2</v>
      </c>
      <c r="EZ39" s="70">
        <v>1</v>
      </c>
      <c r="FA39" s="71">
        <v>1</v>
      </c>
      <c r="FB39" s="72">
        <v>2</v>
      </c>
      <c r="FC39" s="244"/>
      <c r="FD39" s="71">
        <v>0</v>
      </c>
      <c r="FE39" s="71">
        <v>0</v>
      </c>
      <c r="FF39" s="71">
        <v>0</v>
      </c>
      <c r="FG39" s="71">
        <v>0</v>
      </c>
      <c r="FH39" s="71">
        <v>1</v>
      </c>
      <c r="FI39" s="72">
        <v>1</v>
      </c>
      <c r="FJ39" s="73">
        <v>3</v>
      </c>
      <c r="FK39" s="70">
        <v>1</v>
      </c>
      <c r="FL39" s="71">
        <v>0</v>
      </c>
      <c r="FM39" s="72">
        <v>1</v>
      </c>
      <c r="FN39" s="244"/>
      <c r="FO39" s="71">
        <v>0</v>
      </c>
      <c r="FP39" s="71">
        <v>0</v>
      </c>
      <c r="FQ39" s="71">
        <v>0</v>
      </c>
      <c r="FR39" s="71">
        <v>0</v>
      </c>
      <c r="FS39" s="71">
        <v>4</v>
      </c>
      <c r="FT39" s="72">
        <v>4</v>
      </c>
      <c r="FU39" s="73">
        <v>5</v>
      </c>
      <c r="FV39" s="70">
        <v>0</v>
      </c>
      <c r="FW39" s="71">
        <v>0</v>
      </c>
      <c r="FX39" s="72">
        <v>0</v>
      </c>
      <c r="FY39" s="244"/>
      <c r="FZ39" s="71">
        <v>0</v>
      </c>
      <c r="GA39" s="71">
        <v>0</v>
      </c>
      <c r="GB39" s="71">
        <v>0</v>
      </c>
      <c r="GC39" s="71">
        <v>0</v>
      </c>
      <c r="GD39" s="71">
        <v>0</v>
      </c>
      <c r="GE39" s="72">
        <v>0</v>
      </c>
      <c r="GF39" s="73">
        <v>0</v>
      </c>
      <c r="GG39" s="70">
        <v>2</v>
      </c>
      <c r="GH39" s="71">
        <v>3</v>
      </c>
      <c r="GI39" s="72">
        <v>5</v>
      </c>
      <c r="GJ39" s="244"/>
      <c r="GK39" s="71">
        <v>0</v>
      </c>
      <c r="GL39" s="71">
        <v>0</v>
      </c>
      <c r="GM39" s="71">
        <v>0</v>
      </c>
      <c r="GN39" s="71">
        <v>0</v>
      </c>
      <c r="GO39" s="71">
        <v>5</v>
      </c>
      <c r="GP39" s="72">
        <v>5</v>
      </c>
      <c r="GQ39" s="73">
        <v>10</v>
      </c>
      <c r="GR39" s="123">
        <v>6</v>
      </c>
      <c r="GS39" s="82">
        <v>13</v>
      </c>
      <c r="GT39" s="83">
        <v>19</v>
      </c>
      <c r="GU39" s="241"/>
      <c r="GV39" s="82">
        <v>13</v>
      </c>
      <c r="GW39" s="82">
        <v>8</v>
      </c>
      <c r="GX39" s="82">
        <v>7</v>
      </c>
      <c r="GY39" s="82">
        <v>9</v>
      </c>
      <c r="GZ39" s="82">
        <v>7</v>
      </c>
      <c r="HA39" s="84">
        <v>44</v>
      </c>
      <c r="HB39" s="85">
        <v>63</v>
      </c>
      <c r="HC39" s="70">
        <v>0</v>
      </c>
      <c r="HD39" s="71">
        <v>0</v>
      </c>
      <c r="HE39" s="72">
        <v>0</v>
      </c>
      <c r="HF39" s="244"/>
      <c r="HG39" s="71">
        <v>1</v>
      </c>
      <c r="HH39" s="71">
        <v>2</v>
      </c>
      <c r="HI39" s="71">
        <v>0</v>
      </c>
      <c r="HJ39" s="71">
        <v>0</v>
      </c>
      <c r="HK39" s="71">
        <v>0</v>
      </c>
      <c r="HL39" s="72">
        <v>3</v>
      </c>
      <c r="HM39" s="73">
        <v>3</v>
      </c>
      <c r="HN39" s="70">
        <v>2</v>
      </c>
      <c r="HO39" s="71">
        <v>0</v>
      </c>
      <c r="HP39" s="72">
        <v>2</v>
      </c>
      <c r="HQ39" s="244"/>
      <c r="HR39" s="71">
        <v>1</v>
      </c>
      <c r="HS39" s="71">
        <v>0</v>
      </c>
      <c r="HT39" s="71">
        <v>0</v>
      </c>
      <c r="HU39" s="71">
        <v>3</v>
      </c>
      <c r="HV39" s="71">
        <v>0</v>
      </c>
      <c r="HW39" s="72">
        <v>4</v>
      </c>
      <c r="HX39" s="73">
        <v>6</v>
      </c>
      <c r="HY39" s="70">
        <v>0</v>
      </c>
      <c r="HZ39" s="71">
        <v>1</v>
      </c>
      <c r="IA39" s="72">
        <v>1</v>
      </c>
      <c r="IB39" s="244"/>
      <c r="IC39" s="71">
        <v>1</v>
      </c>
      <c r="ID39" s="71">
        <v>0</v>
      </c>
      <c r="IE39" s="71">
        <v>1</v>
      </c>
      <c r="IF39" s="71">
        <v>0</v>
      </c>
      <c r="IG39" s="71">
        <v>0</v>
      </c>
      <c r="IH39" s="72">
        <v>2</v>
      </c>
      <c r="II39" s="73">
        <v>3</v>
      </c>
      <c r="IJ39" s="70">
        <v>0</v>
      </c>
      <c r="IK39" s="71">
        <v>4</v>
      </c>
      <c r="IL39" s="72">
        <v>4</v>
      </c>
      <c r="IM39" s="244"/>
      <c r="IN39" s="71">
        <v>2</v>
      </c>
      <c r="IO39" s="71">
        <v>1</v>
      </c>
      <c r="IP39" s="71">
        <v>0</v>
      </c>
      <c r="IQ39" s="71">
        <v>0</v>
      </c>
      <c r="IR39" s="71">
        <v>0</v>
      </c>
      <c r="IS39" s="72">
        <v>3</v>
      </c>
      <c r="IT39" s="73">
        <v>7</v>
      </c>
      <c r="IU39" s="70">
        <v>2</v>
      </c>
      <c r="IV39" s="71">
        <v>6</v>
      </c>
      <c r="IW39" s="72">
        <v>8</v>
      </c>
      <c r="IX39" s="244"/>
      <c r="IY39" s="71">
        <v>4</v>
      </c>
      <c r="IZ39" s="71">
        <v>3</v>
      </c>
      <c r="JA39" s="71">
        <v>3</v>
      </c>
      <c r="JB39" s="71">
        <v>4</v>
      </c>
      <c r="JC39" s="71">
        <v>2</v>
      </c>
      <c r="JD39" s="72">
        <v>16</v>
      </c>
      <c r="JE39" s="73">
        <v>24</v>
      </c>
      <c r="JF39" s="70">
        <v>2</v>
      </c>
      <c r="JG39" s="71">
        <v>2</v>
      </c>
      <c r="JH39" s="72">
        <v>4</v>
      </c>
      <c r="JI39" s="244"/>
      <c r="JJ39" s="71">
        <v>4</v>
      </c>
      <c r="JK39" s="71">
        <v>2</v>
      </c>
      <c r="JL39" s="71">
        <v>3</v>
      </c>
      <c r="JM39" s="71">
        <v>2</v>
      </c>
      <c r="JN39" s="71">
        <v>5</v>
      </c>
      <c r="JO39" s="72">
        <v>16</v>
      </c>
      <c r="JP39" s="73">
        <v>20</v>
      </c>
      <c r="JQ39" s="70">
        <v>0</v>
      </c>
      <c r="JR39" s="71">
        <v>0</v>
      </c>
      <c r="JS39" s="72">
        <v>0</v>
      </c>
      <c r="JT39" s="244"/>
      <c r="JU39" s="71">
        <v>0</v>
      </c>
      <c r="JV39" s="71">
        <v>0</v>
      </c>
      <c r="JW39" s="71">
        <v>0</v>
      </c>
      <c r="JX39" s="71">
        <v>0</v>
      </c>
      <c r="JY39" s="71">
        <v>0</v>
      </c>
      <c r="JZ39" s="72">
        <v>0</v>
      </c>
      <c r="KA39" s="73">
        <v>0</v>
      </c>
      <c r="KB39" s="70">
        <v>6</v>
      </c>
      <c r="KC39" s="71">
        <v>13</v>
      </c>
      <c r="KD39" s="72">
        <v>19</v>
      </c>
      <c r="KE39" s="244"/>
      <c r="KF39" s="71">
        <v>13</v>
      </c>
      <c r="KG39" s="71">
        <v>8</v>
      </c>
      <c r="KH39" s="71">
        <v>7</v>
      </c>
      <c r="KI39" s="71">
        <v>9</v>
      </c>
      <c r="KJ39" s="71">
        <v>7</v>
      </c>
      <c r="KK39" s="72">
        <v>44</v>
      </c>
      <c r="KL39" s="73">
        <v>63</v>
      </c>
    </row>
    <row r="40" spans="1:298" ht="19.5" customHeight="1" thickBot="1" x14ac:dyDescent="0.25">
      <c r="A40" s="127" t="s">
        <v>37</v>
      </c>
      <c r="B40" s="317">
        <v>1</v>
      </c>
      <c r="C40" s="87">
        <v>0</v>
      </c>
      <c r="D40" s="88">
        <v>1</v>
      </c>
      <c r="E40" s="242"/>
      <c r="F40" s="87">
        <v>1</v>
      </c>
      <c r="G40" s="87">
        <v>2</v>
      </c>
      <c r="H40" s="87">
        <v>1</v>
      </c>
      <c r="I40" s="87">
        <v>0</v>
      </c>
      <c r="J40" s="87">
        <v>2</v>
      </c>
      <c r="K40" s="89">
        <v>6</v>
      </c>
      <c r="L40" s="90">
        <v>7</v>
      </c>
      <c r="M40" s="74">
        <v>0</v>
      </c>
      <c r="N40" s="75">
        <v>0</v>
      </c>
      <c r="O40" s="76">
        <v>0</v>
      </c>
      <c r="P40" s="245"/>
      <c r="Q40" s="75">
        <v>0</v>
      </c>
      <c r="R40" s="75">
        <v>0</v>
      </c>
      <c r="S40" s="75">
        <v>0</v>
      </c>
      <c r="T40" s="75">
        <v>0</v>
      </c>
      <c r="U40" s="75">
        <v>0</v>
      </c>
      <c r="V40" s="76">
        <v>0</v>
      </c>
      <c r="W40" s="77">
        <v>0</v>
      </c>
      <c r="X40" s="74">
        <v>1</v>
      </c>
      <c r="Y40" s="75">
        <v>0</v>
      </c>
      <c r="Z40" s="76">
        <v>1</v>
      </c>
      <c r="AA40" s="245"/>
      <c r="AB40" s="75">
        <v>0</v>
      </c>
      <c r="AC40" s="75">
        <v>0</v>
      </c>
      <c r="AD40" s="75">
        <v>1</v>
      </c>
      <c r="AE40" s="75">
        <v>0</v>
      </c>
      <c r="AF40" s="75">
        <v>0</v>
      </c>
      <c r="AG40" s="76">
        <v>1</v>
      </c>
      <c r="AH40" s="77">
        <v>2</v>
      </c>
      <c r="AI40" s="74">
        <v>0</v>
      </c>
      <c r="AJ40" s="75">
        <v>0</v>
      </c>
      <c r="AK40" s="76">
        <v>0</v>
      </c>
      <c r="AL40" s="245"/>
      <c r="AM40" s="75">
        <v>0</v>
      </c>
      <c r="AN40" s="75">
        <v>1</v>
      </c>
      <c r="AO40" s="75">
        <v>0</v>
      </c>
      <c r="AP40" s="75">
        <v>0</v>
      </c>
      <c r="AQ40" s="75">
        <v>0</v>
      </c>
      <c r="AR40" s="76">
        <v>1</v>
      </c>
      <c r="AS40" s="77">
        <v>1</v>
      </c>
      <c r="AT40" s="74">
        <v>0</v>
      </c>
      <c r="AU40" s="75">
        <v>0</v>
      </c>
      <c r="AV40" s="76">
        <v>0</v>
      </c>
      <c r="AW40" s="245"/>
      <c r="AX40" s="75">
        <v>1</v>
      </c>
      <c r="AY40" s="75">
        <v>0</v>
      </c>
      <c r="AZ40" s="75">
        <v>0</v>
      </c>
      <c r="BA40" s="75">
        <v>0</v>
      </c>
      <c r="BB40" s="75">
        <v>0</v>
      </c>
      <c r="BC40" s="76">
        <v>1</v>
      </c>
      <c r="BD40" s="77">
        <v>1</v>
      </c>
      <c r="BE40" s="74">
        <v>0</v>
      </c>
      <c r="BF40" s="75">
        <v>0</v>
      </c>
      <c r="BG40" s="76">
        <v>0</v>
      </c>
      <c r="BH40" s="245"/>
      <c r="BI40" s="75">
        <v>0</v>
      </c>
      <c r="BJ40" s="75">
        <v>1</v>
      </c>
      <c r="BK40" s="75">
        <v>0</v>
      </c>
      <c r="BL40" s="75">
        <v>0</v>
      </c>
      <c r="BM40" s="75">
        <v>2</v>
      </c>
      <c r="BN40" s="76">
        <v>3</v>
      </c>
      <c r="BO40" s="77">
        <v>3</v>
      </c>
      <c r="BP40" s="74">
        <v>0</v>
      </c>
      <c r="BQ40" s="75">
        <v>0</v>
      </c>
      <c r="BR40" s="76">
        <v>0</v>
      </c>
      <c r="BS40" s="245"/>
      <c r="BT40" s="75">
        <v>0</v>
      </c>
      <c r="BU40" s="75">
        <v>0</v>
      </c>
      <c r="BV40" s="75">
        <v>0</v>
      </c>
      <c r="BW40" s="75">
        <v>0</v>
      </c>
      <c r="BX40" s="75">
        <v>0</v>
      </c>
      <c r="BY40" s="76">
        <v>0</v>
      </c>
      <c r="BZ40" s="77">
        <v>0</v>
      </c>
      <c r="CA40" s="74">
        <v>0</v>
      </c>
      <c r="CB40" s="75">
        <v>0</v>
      </c>
      <c r="CC40" s="76">
        <v>0</v>
      </c>
      <c r="CD40" s="245"/>
      <c r="CE40" s="75">
        <v>0</v>
      </c>
      <c r="CF40" s="75">
        <v>0</v>
      </c>
      <c r="CG40" s="75">
        <v>0</v>
      </c>
      <c r="CH40" s="75">
        <v>0</v>
      </c>
      <c r="CI40" s="75">
        <v>0</v>
      </c>
      <c r="CJ40" s="76">
        <v>0</v>
      </c>
      <c r="CK40" s="77">
        <v>0</v>
      </c>
      <c r="CL40" s="74">
        <v>1</v>
      </c>
      <c r="CM40" s="75">
        <v>0</v>
      </c>
      <c r="CN40" s="76">
        <v>1</v>
      </c>
      <c r="CO40" s="245"/>
      <c r="CP40" s="75">
        <v>1</v>
      </c>
      <c r="CQ40" s="75">
        <v>2</v>
      </c>
      <c r="CR40" s="75">
        <v>1</v>
      </c>
      <c r="CS40" s="75">
        <v>0</v>
      </c>
      <c r="CT40" s="75">
        <v>2</v>
      </c>
      <c r="CU40" s="76">
        <v>6</v>
      </c>
      <c r="CV40" s="77">
        <v>7</v>
      </c>
      <c r="CW40" s="124">
        <v>0</v>
      </c>
      <c r="CX40" s="87">
        <v>0</v>
      </c>
      <c r="CY40" s="88">
        <v>0</v>
      </c>
      <c r="CZ40" s="242"/>
      <c r="DA40" s="87">
        <v>0</v>
      </c>
      <c r="DB40" s="87">
        <v>0</v>
      </c>
      <c r="DC40" s="87">
        <v>0</v>
      </c>
      <c r="DD40" s="87">
        <v>0</v>
      </c>
      <c r="DE40" s="87">
        <v>1</v>
      </c>
      <c r="DF40" s="89">
        <v>1</v>
      </c>
      <c r="DG40" s="90">
        <v>1</v>
      </c>
      <c r="DH40" s="74">
        <v>0</v>
      </c>
      <c r="DI40" s="75">
        <v>0</v>
      </c>
      <c r="DJ40" s="76">
        <v>0</v>
      </c>
      <c r="DK40" s="245"/>
      <c r="DL40" s="75">
        <v>0</v>
      </c>
      <c r="DM40" s="75">
        <v>0</v>
      </c>
      <c r="DN40" s="75">
        <v>0</v>
      </c>
      <c r="DO40" s="75">
        <v>0</v>
      </c>
      <c r="DP40" s="75">
        <v>0</v>
      </c>
      <c r="DQ40" s="76">
        <v>0</v>
      </c>
      <c r="DR40" s="77">
        <v>0</v>
      </c>
      <c r="DS40" s="74">
        <v>0</v>
      </c>
      <c r="DT40" s="75">
        <v>0</v>
      </c>
      <c r="DU40" s="76">
        <v>0</v>
      </c>
      <c r="DV40" s="245"/>
      <c r="DW40" s="75">
        <v>0</v>
      </c>
      <c r="DX40" s="75">
        <v>0</v>
      </c>
      <c r="DY40" s="75">
        <v>0</v>
      </c>
      <c r="DZ40" s="75">
        <v>0</v>
      </c>
      <c r="EA40" s="75">
        <v>0</v>
      </c>
      <c r="EB40" s="76">
        <v>0</v>
      </c>
      <c r="EC40" s="77">
        <v>0</v>
      </c>
      <c r="ED40" s="74">
        <v>0</v>
      </c>
      <c r="EE40" s="75">
        <v>0</v>
      </c>
      <c r="EF40" s="76">
        <v>0</v>
      </c>
      <c r="EG40" s="245"/>
      <c r="EH40" s="75">
        <v>0</v>
      </c>
      <c r="EI40" s="75">
        <v>0</v>
      </c>
      <c r="EJ40" s="75">
        <v>0</v>
      </c>
      <c r="EK40" s="75">
        <v>0</v>
      </c>
      <c r="EL40" s="75">
        <v>0</v>
      </c>
      <c r="EM40" s="76">
        <v>0</v>
      </c>
      <c r="EN40" s="77">
        <v>0</v>
      </c>
      <c r="EO40" s="74">
        <v>0</v>
      </c>
      <c r="EP40" s="75">
        <v>0</v>
      </c>
      <c r="EQ40" s="76">
        <v>0</v>
      </c>
      <c r="ER40" s="245"/>
      <c r="ES40" s="75">
        <v>0</v>
      </c>
      <c r="ET40" s="75">
        <v>0</v>
      </c>
      <c r="EU40" s="75">
        <v>0</v>
      </c>
      <c r="EV40" s="75">
        <v>0</v>
      </c>
      <c r="EW40" s="75">
        <v>0</v>
      </c>
      <c r="EX40" s="76">
        <v>0</v>
      </c>
      <c r="EY40" s="77">
        <v>0</v>
      </c>
      <c r="EZ40" s="74">
        <v>0</v>
      </c>
      <c r="FA40" s="75">
        <v>0</v>
      </c>
      <c r="FB40" s="76">
        <v>0</v>
      </c>
      <c r="FC40" s="245"/>
      <c r="FD40" s="75">
        <v>0</v>
      </c>
      <c r="FE40" s="75">
        <v>0</v>
      </c>
      <c r="FF40" s="75">
        <v>0</v>
      </c>
      <c r="FG40" s="75">
        <v>0</v>
      </c>
      <c r="FH40" s="75">
        <v>0</v>
      </c>
      <c r="FI40" s="76">
        <v>0</v>
      </c>
      <c r="FJ40" s="77">
        <v>0</v>
      </c>
      <c r="FK40" s="74">
        <v>0</v>
      </c>
      <c r="FL40" s="75">
        <v>0</v>
      </c>
      <c r="FM40" s="76">
        <v>0</v>
      </c>
      <c r="FN40" s="245"/>
      <c r="FO40" s="75">
        <v>0</v>
      </c>
      <c r="FP40" s="75">
        <v>0</v>
      </c>
      <c r="FQ40" s="75">
        <v>0</v>
      </c>
      <c r="FR40" s="75">
        <v>0</v>
      </c>
      <c r="FS40" s="75">
        <v>1</v>
      </c>
      <c r="FT40" s="76">
        <v>1</v>
      </c>
      <c r="FU40" s="77">
        <v>1</v>
      </c>
      <c r="FV40" s="74">
        <v>0</v>
      </c>
      <c r="FW40" s="75">
        <v>0</v>
      </c>
      <c r="FX40" s="76">
        <v>0</v>
      </c>
      <c r="FY40" s="245"/>
      <c r="FZ40" s="75">
        <v>0</v>
      </c>
      <c r="GA40" s="75">
        <v>0</v>
      </c>
      <c r="GB40" s="75">
        <v>0</v>
      </c>
      <c r="GC40" s="75">
        <v>0</v>
      </c>
      <c r="GD40" s="75">
        <v>0</v>
      </c>
      <c r="GE40" s="76">
        <v>0</v>
      </c>
      <c r="GF40" s="77">
        <v>0</v>
      </c>
      <c r="GG40" s="74">
        <v>0</v>
      </c>
      <c r="GH40" s="75">
        <v>0</v>
      </c>
      <c r="GI40" s="76">
        <v>0</v>
      </c>
      <c r="GJ40" s="245"/>
      <c r="GK40" s="75">
        <v>0</v>
      </c>
      <c r="GL40" s="75">
        <v>0</v>
      </c>
      <c r="GM40" s="75">
        <v>0</v>
      </c>
      <c r="GN40" s="75">
        <v>0</v>
      </c>
      <c r="GO40" s="75">
        <v>1</v>
      </c>
      <c r="GP40" s="76">
        <v>1</v>
      </c>
      <c r="GQ40" s="77">
        <v>1</v>
      </c>
      <c r="GR40" s="124">
        <v>1</v>
      </c>
      <c r="GS40" s="87">
        <v>0</v>
      </c>
      <c r="GT40" s="88">
        <v>1</v>
      </c>
      <c r="GU40" s="242"/>
      <c r="GV40" s="87">
        <v>1</v>
      </c>
      <c r="GW40" s="87">
        <v>2</v>
      </c>
      <c r="GX40" s="87">
        <v>1</v>
      </c>
      <c r="GY40" s="87">
        <v>0</v>
      </c>
      <c r="GZ40" s="87">
        <v>3</v>
      </c>
      <c r="HA40" s="89">
        <v>7</v>
      </c>
      <c r="HB40" s="90">
        <v>8</v>
      </c>
      <c r="HC40" s="74">
        <v>0</v>
      </c>
      <c r="HD40" s="75">
        <v>0</v>
      </c>
      <c r="HE40" s="76">
        <v>0</v>
      </c>
      <c r="HF40" s="245"/>
      <c r="HG40" s="75">
        <v>0</v>
      </c>
      <c r="HH40" s="75">
        <v>0</v>
      </c>
      <c r="HI40" s="75">
        <v>0</v>
      </c>
      <c r="HJ40" s="75">
        <v>0</v>
      </c>
      <c r="HK40" s="75">
        <v>0</v>
      </c>
      <c r="HL40" s="76">
        <v>0</v>
      </c>
      <c r="HM40" s="77">
        <v>0</v>
      </c>
      <c r="HN40" s="74">
        <v>1</v>
      </c>
      <c r="HO40" s="75">
        <v>0</v>
      </c>
      <c r="HP40" s="76">
        <v>1</v>
      </c>
      <c r="HQ40" s="245"/>
      <c r="HR40" s="75">
        <v>0</v>
      </c>
      <c r="HS40" s="75">
        <v>0</v>
      </c>
      <c r="HT40" s="75">
        <v>1</v>
      </c>
      <c r="HU40" s="75">
        <v>0</v>
      </c>
      <c r="HV40" s="75">
        <v>0</v>
      </c>
      <c r="HW40" s="76">
        <v>1</v>
      </c>
      <c r="HX40" s="77">
        <v>2</v>
      </c>
      <c r="HY40" s="74">
        <v>0</v>
      </c>
      <c r="HZ40" s="75">
        <v>0</v>
      </c>
      <c r="IA40" s="76">
        <v>0</v>
      </c>
      <c r="IB40" s="245"/>
      <c r="IC40" s="75">
        <v>0</v>
      </c>
      <c r="ID40" s="75">
        <v>1</v>
      </c>
      <c r="IE40" s="75">
        <v>0</v>
      </c>
      <c r="IF40" s="75">
        <v>0</v>
      </c>
      <c r="IG40" s="75">
        <v>0</v>
      </c>
      <c r="IH40" s="76">
        <v>1</v>
      </c>
      <c r="II40" s="77">
        <v>1</v>
      </c>
      <c r="IJ40" s="74">
        <v>0</v>
      </c>
      <c r="IK40" s="75">
        <v>0</v>
      </c>
      <c r="IL40" s="76">
        <v>0</v>
      </c>
      <c r="IM40" s="245"/>
      <c r="IN40" s="75">
        <v>1</v>
      </c>
      <c r="IO40" s="75">
        <v>0</v>
      </c>
      <c r="IP40" s="75">
        <v>0</v>
      </c>
      <c r="IQ40" s="75">
        <v>0</v>
      </c>
      <c r="IR40" s="75">
        <v>0</v>
      </c>
      <c r="IS40" s="76">
        <v>1</v>
      </c>
      <c r="IT40" s="77">
        <v>1</v>
      </c>
      <c r="IU40" s="74">
        <v>0</v>
      </c>
      <c r="IV40" s="75">
        <v>0</v>
      </c>
      <c r="IW40" s="76">
        <v>0</v>
      </c>
      <c r="IX40" s="245"/>
      <c r="IY40" s="75">
        <v>0</v>
      </c>
      <c r="IZ40" s="75">
        <v>1</v>
      </c>
      <c r="JA40" s="75">
        <v>0</v>
      </c>
      <c r="JB40" s="75">
        <v>0</v>
      </c>
      <c r="JC40" s="75">
        <v>2</v>
      </c>
      <c r="JD40" s="76">
        <v>3</v>
      </c>
      <c r="JE40" s="77">
        <v>3</v>
      </c>
      <c r="JF40" s="74">
        <v>0</v>
      </c>
      <c r="JG40" s="75">
        <v>0</v>
      </c>
      <c r="JH40" s="76">
        <v>0</v>
      </c>
      <c r="JI40" s="245"/>
      <c r="JJ40" s="75">
        <v>0</v>
      </c>
      <c r="JK40" s="75">
        <v>0</v>
      </c>
      <c r="JL40" s="75">
        <v>0</v>
      </c>
      <c r="JM40" s="75">
        <v>0</v>
      </c>
      <c r="JN40" s="75">
        <v>1</v>
      </c>
      <c r="JO40" s="76">
        <v>1</v>
      </c>
      <c r="JP40" s="77">
        <v>1</v>
      </c>
      <c r="JQ40" s="74">
        <v>0</v>
      </c>
      <c r="JR40" s="75">
        <v>0</v>
      </c>
      <c r="JS40" s="76">
        <v>0</v>
      </c>
      <c r="JT40" s="245"/>
      <c r="JU40" s="75">
        <v>0</v>
      </c>
      <c r="JV40" s="75">
        <v>0</v>
      </c>
      <c r="JW40" s="75">
        <v>0</v>
      </c>
      <c r="JX40" s="75">
        <v>0</v>
      </c>
      <c r="JY40" s="75">
        <v>0</v>
      </c>
      <c r="JZ40" s="76">
        <v>0</v>
      </c>
      <c r="KA40" s="77">
        <v>0</v>
      </c>
      <c r="KB40" s="74">
        <v>1</v>
      </c>
      <c r="KC40" s="75">
        <v>0</v>
      </c>
      <c r="KD40" s="76">
        <v>1</v>
      </c>
      <c r="KE40" s="245"/>
      <c r="KF40" s="75">
        <v>1</v>
      </c>
      <c r="KG40" s="75">
        <v>2</v>
      </c>
      <c r="KH40" s="75">
        <v>1</v>
      </c>
      <c r="KI40" s="75">
        <v>0</v>
      </c>
      <c r="KJ40" s="75">
        <v>3</v>
      </c>
      <c r="KK40" s="76">
        <v>7</v>
      </c>
      <c r="KL40" s="77">
        <v>8</v>
      </c>
    </row>
    <row r="41" spans="1:298" ht="32.25" customHeight="1" x14ac:dyDescent="0.2">
      <c r="B41" s="311" t="s">
        <v>126</v>
      </c>
    </row>
  </sheetData>
  <mergeCells count="36">
    <mergeCell ref="GR5:HB5"/>
    <mergeCell ref="DH5:DR5"/>
    <mergeCell ref="DS5:EC5"/>
    <mergeCell ref="ED5:EN5"/>
    <mergeCell ref="GR3:KL3"/>
    <mergeCell ref="GR4:JP4"/>
    <mergeCell ref="JQ4:KA5"/>
    <mergeCell ref="KB4:KL5"/>
    <mergeCell ref="IJ5:IT5"/>
    <mergeCell ref="IU5:JE5"/>
    <mergeCell ref="JF5:JP5"/>
    <mergeCell ref="HC5:HM5"/>
    <mergeCell ref="HN5:HX5"/>
    <mergeCell ref="HY5:II5"/>
    <mergeCell ref="CW4:FU4"/>
    <mergeCell ref="FV4:GF5"/>
    <mergeCell ref="H1:I1"/>
    <mergeCell ref="E1:F1"/>
    <mergeCell ref="CA4:CK5"/>
    <mergeCell ref="A3:A5"/>
    <mergeCell ref="B3:CV3"/>
    <mergeCell ref="CW3:GQ3"/>
    <mergeCell ref="B5:L5"/>
    <mergeCell ref="M5:W5"/>
    <mergeCell ref="X5:AH5"/>
    <mergeCell ref="AI5:AS5"/>
    <mergeCell ref="AT5:BD5"/>
    <mergeCell ref="EO5:EY5"/>
    <mergeCell ref="GG4:GQ5"/>
    <mergeCell ref="BP5:BZ5"/>
    <mergeCell ref="CW5:DG5"/>
    <mergeCell ref="EZ5:FJ5"/>
    <mergeCell ref="FK5:FU5"/>
    <mergeCell ref="B4:BZ4"/>
    <mergeCell ref="CL4:CV5"/>
    <mergeCell ref="BE5:BO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21</v>
      </c>
      <c r="E1" s="523">
        <f>第１表!F2</f>
        <v>4</v>
      </c>
      <c r="F1" s="523"/>
      <c r="G1" s="248">
        <f>第１表!G2</f>
        <v>5</v>
      </c>
      <c r="H1" s="505">
        <f>G1</f>
        <v>5</v>
      </c>
      <c r="I1" s="505"/>
    </row>
    <row r="2" spans="1:298" ht="16.5" customHeight="1" thickBot="1" x14ac:dyDescent="0.25">
      <c r="A2" s="20" t="s">
        <v>153</v>
      </c>
    </row>
    <row r="3" spans="1:298" ht="22.5" customHeight="1" thickBot="1" x14ac:dyDescent="0.25">
      <c r="A3" s="506" t="s">
        <v>38</v>
      </c>
      <c r="B3" s="518" t="s">
        <v>96</v>
      </c>
      <c r="C3" s="518"/>
      <c r="D3" s="518"/>
      <c r="E3" s="518"/>
      <c r="F3" s="518"/>
      <c r="G3" s="518"/>
      <c r="H3" s="518"/>
      <c r="I3" s="518"/>
      <c r="J3" s="518"/>
      <c r="K3" s="518"/>
      <c r="L3" s="518"/>
      <c r="M3" s="518"/>
      <c r="N3" s="518"/>
      <c r="O3" s="518"/>
      <c r="P3" s="518"/>
      <c r="Q3" s="518"/>
      <c r="R3" s="518"/>
      <c r="S3" s="518"/>
      <c r="T3" s="518"/>
      <c r="U3" s="518"/>
      <c r="V3" s="518"/>
      <c r="W3" s="518"/>
      <c r="X3" s="518"/>
      <c r="Y3" s="518"/>
      <c r="Z3" s="518"/>
      <c r="AA3" s="518"/>
      <c r="AB3" s="518"/>
      <c r="AC3" s="518"/>
      <c r="AD3" s="518"/>
      <c r="AE3" s="518"/>
      <c r="AF3" s="518"/>
      <c r="AG3" s="518"/>
      <c r="AH3" s="518"/>
      <c r="AI3" s="518"/>
      <c r="AJ3" s="518"/>
      <c r="AK3" s="518"/>
      <c r="AL3" s="518"/>
      <c r="AM3" s="518"/>
      <c r="AN3" s="518"/>
      <c r="AO3" s="518"/>
      <c r="AP3" s="518"/>
      <c r="AQ3" s="518"/>
      <c r="AR3" s="518"/>
      <c r="AS3" s="518"/>
      <c r="AT3" s="518"/>
      <c r="AU3" s="518"/>
      <c r="AV3" s="518"/>
      <c r="AW3" s="518"/>
      <c r="AX3" s="518"/>
      <c r="AY3" s="518"/>
      <c r="AZ3" s="518"/>
      <c r="BA3" s="518"/>
      <c r="BB3" s="518"/>
      <c r="BC3" s="518"/>
      <c r="BD3" s="518"/>
      <c r="BE3" s="518"/>
      <c r="BF3" s="518"/>
      <c r="BG3" s="518"/>
      <c r="BH3" s="518"/>
      <c r="BI3" s="518"/>
      <c r="BJ3" s="518"/>
      <c r="BK3" s="518"/>
      <c r="BL3" s="518"/>
      <c r="BM3" s="518"/>
      <c r="BN3" s="518"/>
      <c r="BO3" s="518"/>
      <c r="BP3" s="518"/>
      <c r="BQ3" s="518"/>
      <c r="BR3" s="518"/>
      <c r="BS3" s="518"/>
      <c r="BT3" s="518"/>
      <c r="BU3" s="518"/>
      <c r="BV3" s="518"/>
      <c r="BW3" s="518"/>
      <c r="BX3" s="518"/>
      <c r="BY3" s="518"/>
      <c r="BZ3" s="518"/>
      <c r="CA3" s="518"/>
      <c r="CB3" s="518"/>
      <c r="CC3" s="518"/>
      <c r="CD3" s="518"/>
      <c r="CE3" s="518"/>
      <c r="CF3" s="518"/>
      <c r="CG3" s="518"/>
      <c r="CH3" s="518"/>
      <c r="CI3" s="518"/>
      <c r="CJ3" s="518"/>
      <c r="CK3" s="518"/>
      <c r="CL3" s="518"/>
      <c r="CM3" s="518"/>
      <c r="CN3" s="518"/>
      <c r="CO3" s="518"/>
      <c r="CP3" s="518"/>
      <c r="CQ3" s="518"/>
      <c r="CR3" s="518"/>
      <c r="CS3" s="518"/>
      <c r="CT3" s="518"/>
      <c r="CU3" s="518"/>
      <c r="CV3" s="519"/>
      <c r="CW3" s="518" t="s">
        <v>103</v>
      </c>
      <c r="CX3" s="518"/>
      <c r="CY3" s="518"/>
      <c r="CZ3" s="518"/>
      <c r="DA3" s="518"/>
      <c r="DB3" s="518"/>
      <c r="DC3" s="518"/>
      <c r="DD3" s="518"/>
      <c r="DE3" s="518"/>
      <c r="DF3" s="518"/>
      <c r="DG3" s="518"/>
      <c r="DH3" s="518"/>
      <c r="DI3" s="518"/>
      <c r="DJ3" s="518"/>
      <c r="DK3" s="518"/>
      <c r="DL3" s="518"/>
      <c r="DM3" s="518"/>
      <c r="DN3" s="518"/>
      <c r="DO3" s="518"/>
      <c r="DP3" s="518"/>
      <c r="DQ3" s="518"/>
      <c r="DR3" s="518"/>
      <c r="DS3" s="518"/>
      <c r="DT3" s="518"/>
      <c r="DU3" s="518"/>
      <c r="DV3" s="518"/>
      <c r="DW3" s="518"/>
      <c r="DX3" s="518"/>
      <c r="DY3" s="518"/>
      <c r="DZ3" s="518"/>
      <c r="EA3" s="518"/>
      <c r="EB3" s="518"/>
      <c r="EC3" s="518"/>
      <c r="ED3" s="518"/>
      <c r="EE3" s="518"/>
      <c r="EF3" s="518"/>
      <c r="EG3" s="518"/>
      <c r="EH3" s="518"/>
      <c r="EI3" s="518"/>
      <c r="EJ3" s="518"/>
      <c r="EK3" s="518"/>
      <c r="EL3" s="518"/>
      <c r="EM3" s="518"/>
      <c r="EN3" s="518"/>
      <c r="EO3" s="518"/>
      <c r="EP3" s="518"/>
      <c r="EQ3" s="518"/>
      <c r="ER3" s="518"/>
      <c r="ES3" s="518"/>
      <c r="ET3" s="518"/>
      <c r="EU3" s="518"/>
      <c r="EV3" s="518"/>
      <c r="EW3" s="518"/>
      <c r="EX3" s="518"/>
      <c r="EY3" s="518"/>
      <c r="EZ3" s="518"/>
      <c r="FA3" s="518"/>
      <c r="FB3" s="518"/>
      <c r="FC3" s="518"/>
      <c r="FD3" s="518"/>
      <c r="FE3" s="518"/>
      <c r="FF3" s="518"/>
      <c r="FG3" s="518"/>
      <c r="FH3" s="518"/>
      <c r="FI3" s="518"/>
      <c r="FJ3" s="518"/>
      <c r="FK3" s="518"/>
      <c r="FL3" s="518"/>
      <c r="FM3" s="518"/>
      <c r="FN3" s="518"/>
      <c r="FO3" s="518"/>
      <c r="FP3" s="518"/>
      <c r="FQ3" s="518"/>
      <c r="FR3" s="518"/>
      <c r="FS3" s="518"/>
      <c r="FT3" s="518"/>
      <c r="FU3" s="518"/>
      <c r="FV3" s="518"/>
      <c r="FW3" s="518"/>
      <c r="FX3" s="518"/>
      <c r="FY3" s="518"/>
      <c r="FZ3" s="518"/>
      <c r="GA3" s="518"/>
      <c r="GB3" s="518"/>
      <c r="GC3" s="518"/>
      <c r="GD3" s="518"/>
      <c r="GE3" s="518"/>
      <c r="GF3" s="518"/>
      <c r="GG3" s="518"/>
      <c r="GH3" s="518"/>
      <c r="GI3" s="518"/>
      <c r="GJ3" s="518"/>
      <c r="GK3" s="518"/>
      <c r="GL3" s="518"/>
      <c r="GM3" s="518"/>
      <c r="GN3" s="518"/>
      <c r="GO3" s="518"/>
      <c r="GP3" s="518"/>
      <c r="GQ3" s="519"/>
      <c r="GR3" s="518" t="s">
        <v>104</v>
      </c>
      <c r="GS3" s="518"/>
      <c r="GT3" s="518"/>
      <c r="GU3" s="518"/>
      <c r="GV3" s="518"/>
      <c r="GW3" s="518"/>
      <c r="GX3" s="518"/>
      <c r="GY3" s="518"/>
      <c r="GZ3" s="518"/>
      <c r="HA3" s="518"/>
      <c r="HB3" s="518"/>
      <c r="HC3" s="518"/>
      <c r="HD3" s="518"/>
      <c r="HE3" s="518"/>
      <c r="HF3" s="518"/>
      <c r="HG3" s="518"/>
      <c r="HH3" s="518"/>
      <c r="HI3" s="518"/>
      <c r="HJ3" s="518"/>
      <c r="HK3" s="518"/>
      <c r="HL3" s="518"/>
      <c r="HM3" s="518"/>
      <c r="HN3" s="518"/>
      <c r="HO3" s="518"/>
      <c r="HP3" s="518"/>
      <c r="HQ3" s="518"/>
      <c r="HR3" s="518"/>
      <c r="HS3" s="518"/>
      <c r="HT3" s="518"/>
      <c r="HU3" s="518"/>
      <c r="HV3" s="518"/>
      <c r="HW3" s="518"/>
      <c r="HX3" s="518"/>
      <c r="HY3" s="518"/>
      <c r="HZ3" s="518"/>
      <c r="IA3" s="518"/>
      <c r="IB3" s="518"/>
      <c r="IC3" s="518"/>
      <c r="ID3" s="518"/>
      <c r="IE3" s="518"/>
      <c r="IF3" s="518"/>
      <c r="IG3" s="518"/>
      <c r="IH3" s="518"/>
      <c r="II3" s="518"/>
      <c r="IJ3" s="518"/>
      <c r="IK3" s="518"/>
      <c r="IL3" s="518"/>
      <c r="IM3" s="518"/>
      <c r="IN3" s="518"/>
      <c r="IO3" s="518"/>
      <c r="IP3" s="518"/>
      <c r="IQ3" s="518"/>
      <c r="IR3" s="518"/>
      <c r="IS3" s="518"/>
      <c r="IT3" s="518"/>
      <c r="IU3" s="518"/>
      <c r="IV3" s="518"/>
      <c r="IW3" s="518"/>
      <c r="IX3" s="518"/>
      <c r="IY3" s="518"/>
      <c r="IZ3" s="518"/>
      <c r="JA3" s="518"/>
      <c r="JB3" s="518"/>
      <c r="JC3" s="518"/>
      <c r="JD3" s="518"/>
      <c r="JE3" s="518"/>
      <c r="JF3" s="518"/>
      <c r="JG3" s="518"/>
      <c r="JH3" s="518"/>
      <c r="JI3" s="518"/>
      <c r="JJ3" s="518"/>
      <c r="JK3" s="518"/>
      <c r="JL3" s="518"/>
      <c r="JM3" s="518"/>
      <c r="JN3" s="518"/>
      <c r="JO3" s="518"/>
      <c r="JP3" s="518"/>
      <c r="JQ3" s="518"/>
      <c r="JR3" s="518"/>
      <c r="JS3" s="518"/>
      <c r="JT3" s="518"/>
      <c r="JU3" s="518"/>
      <c r="JV3" s="518"/>
      <c r="JW3" s="518"/>
      <c r="JX3" s="518"/>
      <c r="JY3" s="518"/>
      <c r="JZ3" s="518"/>
      <c r="KA3" s="518"/>
      <c r="KB3" s="518"/>
      <c r="KC3" s="518"/>
      <c r="KD3" s="518"/>
      <c r="KE3" s="518"/>
      <c r="KF3" s="518"/>
      <c r="KG3" s="518"/>
      <c r="KH3" s="518"/>
      <c r="KI3" s="518"/>
      <c r="KJ3" s="518"/>
      <c r="KK3" s="518"/>
      <c r="KL3" s="519"/>
    </row>
    <row r="4" spans="1:298" ht="27.75" customHeight="1" thickBot="1" x14ac:dyDescent="0.25">
      <c r="A4" s="524"/>
      <c r="B4" s="520" t="s">
        <v>39</v>
      </c>
      <c r="C4" s="521"/>
      <c r="D4" s="521"/>
      <c r="E4" s="521"/>
      <c r="F4" s="521"/>
      <c r="G4" s="521"/>
      <c r="H4" s="521"/>
      <c r="I4" s="521"/>
      <c r="J4" s="521"/>
      <c r="K4" s="521"/>
      <c r="L4" s="521"/>
      <c r="M4" s="521"/>
      <c r="N4" s="521"/>
      <c r="O4" s="521"/>
      <c r="P4" s="521"/>
      <c r="Q4" s="521"/>
      <c r="R4" s="521"/>
      <c r="S4" s="521"/>
      <c r="T4" s="521"/>
      <c r="U4" s="521"/>
      <c r="V4" s="521"/>
      <c r="W4" s="521"/>
      <c r="X4" s="521"/>
      <c r="Y4" s="521"/>
      <c r="Z4" s="521"/>
      <c r="AA4" s="521"/>
      <c r="AB4" s="521"/>
      <c r="AC4" s="521"/>
      <c r="AD4" s="521"/>
      <c r="AE4" s="521"/>
      <c r="AF4" s="521"/>
      <c r="AG4" s="521"/>
      <c r="AH4" s="521"/>
      <c r="AI4" s="521"/>
      <c r="AJ4" s="521"/>
      <c r="AK4" s="521"/>
      <c r="AL4" s="521"/>
      <c r="AM4" s="521"/>
      <c r="AN4" s="521"/>
      <c r="AO4" s="521"/>
      <c r="AP4" s="521"/>
      <c r="AQ4" s="521"/>
      <c r="AR4" s="521"/>
      <c r="AS4" s="521"/>
      <c r="AT4" s="521"/>
      <c r="AU4" s="521"/>
      <c r="AV4" s="521"/>
      <c r="AW4" s="521"/>
      <c r="AX4" s="521"/>
      <c r="AY4" s="521"/>
      <c r="AZ4" s="521"/>
      <c r="BA4" s="521"/>
      <c r="BB4" s="521"/>
      <c r="BC4" s="521"/>
      <c r="BD4" s="521"/>
      <c r="BE4" s="521"/>
      <c r="BF4" s="521"/>
      <c r="BG4" s="521"/>
      <c r="BH4" s="521"/>
      <c r="BI4" s="521"/>
      <c r="BJ4" s="521"/>
      <c r="BK4" s="521"/>
      <c r="BL4" s="521"/>
      <c r="BM4" s="521"/>
      <c r="BN4" s="521"/>
      <c r="BO4" s="521"/>
      <c r="BP4" s="521"/>
      <c r="BQ4" s="521"/>
      <c r="BR4" s="521"/>
      <c r="BS4" s="521"/>
      <c r="BT4" s="521"/>
      <c r="BU4" s="521"/>
      <c r="BV4" s="521"/>
      <c r="BW4" s="521"/>
      <c r="BX4" s="521"/>
      <c r="BY4" s="521"/>
      <c r="BZ4" s="522"/>
      <c r="CA4" s="506" t="s">
        <v>40</v>
      </c>
      <c r="CB4" s="507"/>
      <c r="CC4" s="507"/>
      <c r="CD4" s="507"/>
      <c r="CE4" s="507"/>
      <c r="CF4" s="507"/>
      <c r="CG4" s="507"/>
      <c r="CH4" s="507"/>
      <c r="CI4" s="507"/>
      <c r="CJ4" s="507"/>
      <c r="CK4" s="508"/>
      <c r="CL4" s="506" t="s">
        <v>41</v>
      </c>
      <c r="CM4" s="507"/>
      <c r="CN4" s="507"/>
      <c r="CO4" s="507"/>
      <c r="CP4" s="507"/>
      <c r="CQ4" s="507"/>
      <c r="CR4" s="507"/>
      <c r="CS4" s="507"/>
      <c r="CT4" s="507"/>
      <c r="CU4" s="507"/>
      <c r="CV4" s="508"/>
      <c r="CW4" s="520" t="s">
        <v>39</v>
      </c>
      <c r="CX4" s="521"/>
      <c r="CY4" s="521"/>
      <c r="CZ4" s="521"/>
      <c r="DA4" s="521"/>
      <c r="DB4" s="521"/>
      <c r="DC4" s="521"/>
      <c r="DD4" s="521"/>
      <c r="DE4" s="521"/>
      <c r="DF4" s="521"/>
      <c r="DG4" s="521"/>
      <c r="DH4" s="521"/>
      <c r="DI4" s="521"/>
      <c r="DJ4" s="521"/>
      <c r="DK4" s="521"/>
      <c r="DL4" s="521"/>
      <c r="DM4" s="521"/>
      <c r="DN4" s="521"/>
      <c r="DO4" s="521"/>
      <c r="DP4" s="521"/>
      <c r="DQ4" s="521"/>
      <c r="DR4" s="521"/>
      <c r="DS4" s="521"/>
      <c r="DT4" s="521"/>
      <c r="DU4" s="521"/>
      <c r="DV4" s="521"/>
      <c r="DW4" s="521"/>
      <c r="DX4" s="521"/>
      <c r="DY4" s="521"/>
      <c r="DZ4" s="521"/>
      <c r="EA4" s="521"/>
      <c r="EB4" s="521"/>
      <c r="EC4" s="521"/>
      <c r="ED4" s="521"/>
      <c r="EE4" s="521"/>
      <c r="EF4" s="521"/>
      <c r="EG4" s="521"/>
      <c r="EH4" s="521"/>
      <c r="EI4" s="521"/>
      <c r="EJ4" s="521"/>
      <c r="EK4" s="521"/>
      <c r="EL4" s="521"/>
      <c r="EM4" s="521"/>
      <c r="EN4" s="521"/>
      <c r="EO4" s="521"/>
      <c r="EP4" s="521"/>
      <c r="EQ4" s="521"/>
      <c r="ER4" s="521"/>
      <c r="ES4" s="521"/>
      <c r="ET4" s="521"/>
      <c r="EU4" s="521"/>
      <c r="EV4" s="521"/>
      <c r="EW4" s="521"/>
      <c r="EX4" s="521"/>
      <c r="EY4" s="521"/>
      <c r="EZ4" s="521"/>
      <c r="FA4" s="521"/>
      <c r="FB4" s="521"/>
      <c r="FC4" s="521"/>
      <c r="FD4" s="521"/>
      <c r="FE4" s="521"/>
      <c r="FF4" s="521"/>
      <c r="FG4" s="521"/>
      <c r="FH4" s="521"/>
      <c r="FI4" s="521"/>
      <c r="FJ4" s="521"/>
      <c r="FK4" s="521"/>
      <c r="FL4" s="521"/>
      <c r="FM4" s="521"/>
      <c r="FN4" s="521"/>
      <c r="FO4" s="521"/>
      <c r="FP4" s="521"/>
      <c r="FQ4" s="521"/>
      <c r="FR4" s="521"/>
      <c r="FS4" s="521"/>
      <c r="FT4" s="521"/>
      <c r="FU4" s="522"/>
      <c r="FV4" s="506" t="s">
        <v>40</v>
      </c>
      <c r="FW4" s="507"/>
      <c r="FX4" s="507"/>
      <c r="FY4" s="507"/>
      <c r="FZ4" s="507"/>
      <c r="GA4" s="507"/>
      <c r="GB4" s="507"/>
      <c r="GC4" s="507"/>
      <c r="GD4" s="507"/>
      <c r="GE4" s="507"/>
      <c r="GF4" s="508"/>
      <c r="GG4" s="506" t="s">
        <v>41</v>
      </c>
      <c r="GH4" s="507"/>
      <c r="GI4" s="507"/>
      <c r="GJ4" s="507"/>
      <c r="GK4" s="507"/>
      <c r="GL4" s="507"/>
      <c r="GM4" s="507"/>
      <c r="GN4" s="507"/>
      <c r="GO4" s="507"/>
      <c r="GP4" s="507"/>
      <c r="GQ4" s="508"/>
      <c r="GR4" s="520" t="s">
        <v>39</v>
      </c>
      <c r="GS4" s="521"/>
      <c r="GT4" s="521"/>
      <c r="GU4" s="521"/>
      <c r="GV4" s="521"/>
      <c r="GW4" s="521"/>
      <c r="GX4" s="521"/>
      <c r="GY4" s="521"/>
      <c r="GZ4" s="521"/>
      <c r="HA4" s="521"/>
      <c r="HB4" s="521"/>
      <c r="HC4" s="521"/>
      <c r="HD4" s="521"/>
      <c r="HE4" s="521"/>
      <c r="HF4" s="521"/>
      <c r="HG4" s="521"/>
      <c r="HH4" s="521"/>
      <c r="HI4" s="521"/>
      <c r="HJ4" s="521"/>
      <c r="HK4" s="521"/>
      <c r="HL4" s="521"/>
      <c r="HM4" s="521"/>
      <c r="HN4" s="521"/>
      <c r="HO4" s="521"/>
      <c r="HP4" s="521"/>
      <c r="HQ4" s="521"/>
      <c r="HR4" s="521"/>
      <c r="HS4" s="521"/>
      <c r="HT4" s="521"/>
      <c r="HU4" s="521"/>
      <c r="HV4" s="521"/>
      <c r="HW4" s="521"/>
      <c r="HX4" s="521"/>
      <c r="HY4" s="521"/>
      <c r="HZ4" s="521"/>
      <c r="IA4" s="521"/>
      <c r="IB4" s="521"/>
      <c r="IC4" s="521"/>
      <c r="ID4" s="521"/>
      <c r="IE4" s="521"/>
      <c r="IF4" s="521"/>
      <c r="IG4" s="521"/>
      <c r="IH4" s="521"/>
      <c r="II4" s="521"/>
      <c r="IJ4" s="521"/>
      <c r="IK4" s="521"/>
      <c r="IL4" s="521"/>
      <c r="IM4" s="521"/>
      <c r="IN4" s="521"/>
      <c r="IO4" s="521"/>
      <c r="IP4" s="521"/>
      <c r="IQ4" s="521"/>
      <c r="IR4" s="521"/>
      <c r="IS4" s="521"/>
      <c r="IT4" s="521"/>
      <c r="IU4" s="521"/>
      <c r="IV4" s="521"/>
      <c r="IW4" s="521"/>
      <c r="IX4" s="521"/>
      <c r="IY4" s="521"/>
      <c r="IZ4" s="521"/>
      <c r="JA4" s="521"/>
      <c r="JB4" s="521"/>
      <c r="JC4" s="521"/>
      <c r="JD4" s="521"/>
      <c r="JE4" s="521"/>
      <c r="JF4" s="521"/>
      <c r="JG4" s="521"/>
      <c r="JH4" s="521"/>
      <c r="JI4" s="521"/>
      <c r="JJ4" s="521"/>
      <c r="JK4" s="521"/>
      <c r="JL4" s="521"/>
      <c r="JM4" s="521"/>
      <c r="JN4" s="521"/>
      <c r="JO4" s="521"/>
      <c r="JP4" s="522"/>
      <c r="JQ4" s="506" t="s">
        <v>40</v>
      </c>
      <c r="JR4" s="507"/>
      <c r="JS4" s="507"/>
      <c r="JT4" s="507"/>
      <c r="JU4" s="507"/>
      <c r="JV4" s="507"/>
      <c r="JW4" s="507"/>
      <c r="JX4" s="507"/>
      <c r="JY4" s="507"/>
      <c r="JZ4" s="507"/>
      <c r="KA4" s="508"/>
      <c r="KB4" s="506" t="s">
        <v>41</v>
      </c>
      <c r="KC4" s="507"/>
      <c r="KD4" s="507"/>
      <c r="KE4" s="507"/>
      <c r="KF4" s="507"/>
      <c r="KG4" s="507"/>
      <c r="KH4" s="507"/>
      <c r="KI4" s="507"/>
      <c r="KJ4" s="507"/>
      <c r="KK4" s="507"/>
      <c r="KL4" s="508"/>
    </row>
    <row r="5" spans="1:298" ht="27.75" customHeight="1" thickBot="1" x14ac:dyDescent="0.25">
      <c r="A5" s="512"/>
      <c r="B5" s="512"/>
      <c r="C5" s="513"/>
      <c r="D5" s="513"/>
      <c r="E5" s="513"/>
      <c r="F5" s="513"/>
      <c r="G5" s="513"/>
      <c r="H5" s="513"/>
      <c r="I5" s="513"/>
      <c r="J5" s="513"/>
      <c r="K5" s="513"/>
      <c r="L5" s="514"/>
      <c r="M5" s="515" t="s">
        <v>97</v>
      </c>
      <c r="N5" s="516"/>
      <c r="O5" s="516"/>
      <c r="P5" s="516"/>
      <c r="Q5" s="516"/>
      <c r="R5" s="516"/>
      <c r="S5" s="516"/>
      <c r="T5" s="516"/>
      <c r="U5" s="516"/>
      <c r="V5" s="516"/>
      <c r="W5" s="517"/>
      <c r="X5" s="515" t="s">
        <v>98</v>
      </c>
      <c r="Y5" s="516"/>
      <c r="Z5" s="516"/>
      <c r="AA5" s="516"/>
      <c r="AB5" s="516"/>
      <c r="AC5" s="516"/>
      <c r="AD5" s="516"/>
      <c r="AE5" s="516"/>
      <c r="AF5" s="516"/>
      <c r="AG5" s="516"/>
      <c r="AH5" s="517"/>
      <c r="AI5" s="515" t="s">
        <v>99</v>
      </c>
      <c r="AJ5" s="516"/>
      <c r="AK5" s="516"/>
      <c r="AL5" s="516"/>
      <c r="AM5" s="516"/>
      <c r="AN5" s="516"/>
      <c r="AO5" s="516"/>
      <c r="AP5" s="516"/>
      <c r="AQ5" s="516"/>
      <c r="AR5" s="516"/>
      <c r="AS5" s="517"/>
      <c r="AT5" s="515" t="s">
        <v>100</v>
      </c>
      <c r="AU5" s="516"/>
      <c r="AV5" s="516"/>
      <c r="AW5" s="516"/>
      <c r="AX5" s="516"/>
      <c r="AY5" s="516"/>
      <c r="AZ5" s="516"/>
      <c r="BA5" s="516"/>
      <c r="BB5" s="516"/>
      <c r="BC5" s="516"/>
      <c r="BD5" s="517"/>
      <c r="BE5" s="515" t="s">
        <v>101</v>
      </c>
      <c r="BF5" s="516"/>
      <c r="BG5" s="516"/>
      <c r="BH5" s="516"/>
      <c r="BI5" s="516"/>
      <c r="BJ5" s="516"/>
      <c r="BK5" s="516"/>
      <c r="BL5" s="516"/>
      <c r="BM5" s="516"/>
      <c r="BN5" s="516"/>
      <c r="BO5" s="517"/>
      <c r="BP5" s="515" t="s">
        <v>102</v>
      </c>
      <c r="BQ5" s="516"/>
      <c r="BR5" s="516"/>
      <c r="BS5" s="516"/>
      <c r="BT5" s="516"/>
      <c r="BU5" s="516"/>
      <c r="BV5" s="516"/>
      <c r="BW5" s="516"/>
      <c r="BX5" s="516"/>
      <c r="BY5" s="516"/>
      <c r="BZ5" s="517"/>
      <c r="CA5" s="509"/>
      <c r="CB5" s="510"/>
      <c r="CC5" s="510"/>
      <c r="CD5" s="510"/>
      <c r="CE5" s="510"/>
      <c r="CF5" s="510"/>
      <c r="CG5" s="510"/>
      <c r="CH5" s="510"/>
      <c r="CI5" s="510"/>
      <c r="CJ5" s="510"/>
      <c r="CK5" s="511"/>
      <c r="CL5" s="509"/>
      <c r="CM5" s="510"/>
      <c r="CN5" s="510"/>
      <c r="CO5" s="510"/>
      <c r="CP5" s="510"/>
      <c r="CQ5" s="510"/>
      <c r="CR5" s="510"/>
      <c r="CS5" s="510"/>
      <c r="CT5" s="510"/>
      <c r="CU5" s="510"/>
      <c r="CV5" s="511"/>
      <c r="CW5" s="512"/>
      <c r="CX5" s="513"/>
      <c r="CY5" s="513"/>
      <c r="CZ5" s="513"/>
      <c r="DA5" s="513"/>
      <c r="DB5" s="513"/>
      <c r="DC5" s="513"/>
      <c r="DD5" s="513"/>
      <c r="DE5" s="513"/>
      <c r="DF5" s="513"/>
      <c r="DG5" s="514"/>
      <c r="DH5" s="515" t="s">
        <v>97</v>
      </c>
      <c r="DI5" s="516"/>
      <c r="DJ5" s="516"/>
      <c r="DK5" s="516"/>
      <c r="DL5" s="516"/>
      <c r="DM5" s="516"/>
      <c r="DN5" s="516"/>
      <c r="DO5" s="516"/>
      <c r="DP5" s="516"/>
      <c r="DQ5" s="516"/>
      <c r="DR5" s="517"/>
      <c r="DS5" s="515" t="s">
        <v>98</v>
      </c>
      <c r="DT5" s="516"/>
      <c r="DU5" s="516"/>
      <c r="DV5" s="516"/>
      <c r="DW5" s="516"/>
      <c r="DX5" s="516"/>
      <c r="DY5" s="516"/>
      <c r="DZ5" s="516"/>
      <c r="EA5" s="516"/>
      <c r="EB5" s="516"/>
      <c r="EC5" s="517"/>
      <c r="ED5" s="515" t="s">
        <v>99</v>
      </c>
      <c r="EE5" s="516"/>
      <c r="EF5" s="516"/>
      <c r="EG5" s="516"/>
      <c r="EH5" s="516"/>
      <c r="EI5" s="516"/>
      <c r="EJ5" s="516"/>
      <c r="EK5" s="516"/>
      <c r="EL5" s="516"/>
      <c r="EM5" s="516"/>
      <c r="EN5" s="517"/>
      <c r="EO5" s="515" t="s">
        <v>100</v>
      </c>
      <c r="EP5" s="516"/>
      <c r="EQ5" s="516"/>
      <c r="ER5" s="516"/>
      <c r="ES5" s="516"/>
      <c r="ET5" s="516"/>
      <c r="EU5" s="516"/>
      <c r="EV5" s="516"/>
      <c r="EW5" s="516"/>
      <c r="EX5" s="516"/>
      <c r="EY5" s="517"/>
      <c r="EZ5" s="515" t="s">
        <v>101</v>
      </c>
      <c r="FA5" s="516"/>
      <c r="FB5" s="516"/>
      <c r="FC5" s="516"/>
      <c r="FD5" s="516"/>
      <c r="FE5" s="516"/>
      <c r="FF5" s="516"/>
      <c r="FG5" s="516"/>
      <c r="FH5" s="516"/>
      <c r="FI5" s="516"/>
      <c r="FJ5" s="517"/>
      <c r="FK5" s="515" t="s">
        <v>102</v>
      </c>
      <c r="FL5" s="516"/>
      <c r="FM5" s="516"/>
      <c r="FN5" s="516"/>
      <c r="FO5" s="516"/>
      <c r="FP5" s="516"/>
      <c r="FQ5" s="516"/>
      <c r="FR5" s="516"/>
      <c r="FS5" s="516"/>
      <c r="FT5" s="516"/>
      <c r="FU5" s="517"/>
      <c r="FV5" s="509"/>
      <c r="FW5" s="510"/>
      <c r="FX5" s="510"/>
      <c r="FY5" s="510"/>
      <c r="FZ5" s="510"/>
      <c r="GA5" s="510"/>
      <c r="GB5" s="510"/>
      <c r="GC5" s="510"/>
      <c r="GD5" s="510"/>
      <c r="GE5" s="510"/>
      <c r="GF5" s="511"/>
      <c r="GG5" s="509"/>
      <c r="GH5" s="510"/>
      <c r="GI5" s="510"/>
      <c r="GJ5" s="510"/>
      <c r="GK5" s="510"/>
      <c r="GL5" s="510"/>
      <c r="GM5" s="510"/>
      <c r="GN5" s="510"/>
      <c r="GO5" s="510"/>
      <c r="GP5" s="510"/>
      <c r="GQ5" s="511"/>
      <c r="GR5" s="512"/>
      <c r="GS5" s="513"/>
      <c r="GT5" s="513"/>
      <c r="GU5" s="513"/>
      <c r="GV5" s="513"/>
      <c r="GW5" s="513"/>
      <c r="GX5" s="513"/>
      <c r="GY5" s="513"/>
      <c r="GZ5" s="513"/>
      <c r="HA5" s="513"/>
      <c r="HB5" s="514"/>
      <c r="HC5" s="515" t="s">
        <v>97</v>
      </c>
      <c r="HD5" s="516"/>
      <c r="HE5" s="516"/>
      <c r="HF5" s="516"/>
      <c r="HG5" s="516"/>
      <c r="HH5" s="516"/>
      <c r="HI5" s="516"/>
      <c r="HJ5" s="516"/>
      <c r="HK5" s="516"/>
      <c r="HL5" s="516"/>
      <c r="HM5" s="517"/>
      <c r="HN5" s="515" t="s">
        <v>98</v>
      </c>
      <c r="HO5" s="516"/>
      <c r="HP5" s="516"/>
      <c r="HQ5" s="516"/>
      <c r="HR5" s="516"/>
      <c r="HS5" s="516"/>
      <c r="HT5" s="516"/>
      <c r="HU5" s="516"/>
      <c r="HV5" s="516"/>
      <c r="HW5" s="516"/>
      <c r="HX5" s="517"/>
      <c r="HY5" s="515" t="s">
        <v>99</v>
      </c>
      <c r="HZ5" s="516"/>
      <c r="IA5" s="516"/>
      <c r="IB5" s="516"/>
      <c r="IC5" s="516"/>
      <c r="ID5" s="516"/>
      <c r="IE5" s="516"/>
      <c r="IF5" s="516"/>
      <c r="IG5" s="516"/>
      <c r="IH5" s="516"/>
      <c r="II5" s="517"/>
      <c r="IJ5" s="515" t="s">
        <v>100</v>
      </c>
      <c r="IK5" s="516"/>
      <c r="IL5" s="516"/>
      <c r="IM5" s="516"/>
      <c r="IN5" s="516"/>
      <c r="IO5" s="516"/>
      <c r="IP5" s="516"/>
      <c r="IQ5" s="516"/>
      <c r="IR5" s="516"/>
      <c r="IS5" s="516"/>
      <c r="IT5" s="517"/>
      <c r="IU5" s="515" t="s">
        <v>101</v>
      </c>
      <c r="IV5" s="516"/>
      <c r="IW5" s="516"/>
      <c r="IX5" s="516"/>
      <c r="IY5" s="516"/>
      <c r="IZ5" s="516"/>
      <c r="JA5" s="516"/>
      <c r="JB5" s="516"/>
      <c r="JC5" s="516"/>
      <c r="JD5" s="516"/>
      <c r="JE5" s="517"/>
      <c r="JF5" s="515" t="s">
        <v>102</v>
      </c>
      <c r="JG5" s="516"/>
      <c r="JH5" s="516"/>
      <c r="JI5" s="516"/>
      <c r="JJ5" s="516"/>
      <c r="JK5" s="516"/>
      <c r="JL5" s="516"/>
      <c r="JM5" s="516"/>
      <c r="JN5" s="516"/>
      <c r="JO5" s="516"/>
      <c r="JP5" s="517"/>
      <c r="JQ5" s="509"/>
      <c r="JR5" s="510"/>
      <c r="JS5" s="510"/>
      <c r="JT5" s="510"/>
      <c r="JU5" s="510"/>
      <c r="JV5" s="510"/>
      <c r="JW5" s="510"/>
      <c r="JX5" s="510"/>
      <c r="JY5" s="510"/>
      <c r="JZ5" s="510"/>
      <c r="KA5" s="511"/>
      <c r="KB5" s="509"/>
      <c r="KC5" s="510"/>
      <c r="KD5" s="510"/>
      <c r="KE5" s="510"/>
      <c r="KF5" s="510"/>
      <c r="KG5" s="510"/>
      <c r="KH5" s="510"/>
      <c r="KI5" s="510"/>
      <c r="KJ5" s="510"/>
      <c r="KK5" s="510"/>
      <c r="KL5" s="511"/>
    </row>
    <row r="6" spans="1:298" ht="44.25" customHeight="1" thickBot="1" x14ac:dyDescent="0.25">
      <c r="A6" s="354" t="s">
        <v>42</v>
      </c>
      <c r="B6" s="51" t="s">
        <v>43</v>
      </c>
      <c r="C6" s="47" t="s">
        <v>44</v>
      </c>
      <c r="D6" s="48" t="s">
        <v>45</v>
      </c>
      <c r="E6" s="52" t="s">
        <v>46</v>
      </c>
      <c r="F6" s="47" t="s">
        <v>47</v>
      </c>
      <c r="G6" s="47" t="s">
        <v>48</v>
      </c>
      <c r="H6" s="47" t="s">
        <v>49</v>
      </c>
      <c r="I6" s="47" t="s">
        <v>50</v>
      </c>
      <c r="J6" s="47" t="s">
        <v>51</v>
      </c>
      <c r="K6" s="48" t="s">
        <v>45</v>
      </c>
      <c r="L6" s="352" t="s">
        <v>52</v>
      </c>
      <c r="M6" s="357" t="s">
        <v>43</v>
      </c>
      <c r="N6" s="358" t="s">
        <v>44</v>
      </c>
      <c r="O6" s="359" t="s">
        <v>45</v>
      </c>
      <c r="P6" s="360" t="s">
        <v>46</v>
      </c>
      <c r="Q6" s="358" t="s">
        <v>47</v>
      </c>
      <c r="R6" s="358" t="s">
        <v>48</v>
      </c>
      <c r="S6" s="358" t="s">
        <v>49</v>
      </c>
      <c r="T6" s="358" t="s">
        <v>50</v>
      </c>
      <c r="U6" s="358" t="s">
        <v>51</v>
      </c>
      <c r="V6" s="359" t="s">
        <v>45</v>
      </c>
      <c r="W6" s="356" t="s">
        <v>52</v>
      </c>
      <c r="X6" s="357" t="s">
        <v>43</v>
      </c>
      <c r="Y6" s="358" t="s">
        <v>44</v>
      </c>
      <c r="Z6" s="359" t="s">
        <v>45</v>
      </c>
      <c r="AA6" s="360" t="s">
        <v>46</v>
      </c>
      <c r="AB6" s="358" t="s">
        <v>47</v>
      </c>
      <c r="AC6" s="358" t="s">
        <v>48</v>
      </c>
      <c r="AD6" s="358" t="s">
        <v>49</v>
      </c>
      <c r="AE6" s="358" t="s">
        <v>50</v>
      </c>
      <c r="AF6" s="358" t="s">
        <v>51</v>
      </c>
      <c r="AG6" s="359" t="s">
        <v>45</v>
      </c>
      <c r="AH6" s="361" t="s">
        <v>52</v>
      </c>
      <c r="AI6" s="357" t="s">
        <v>43</v>
      </c>
      <c r="AJ6" s="358" t="s">
        <v>44</v>
      </c>
      <c r="AK6" s="359" t="s">
        <v>45</v>
      </c>
      <c r="AL6" s="360" t="s">
        <v>46</v>
      </c>
      <c r="AM6" s="358" t="s">
        <v>47</v>
      </c>
      <c r="AN6" s="358" t="s">
        <v>48</v>
      </c>
      <c r="AO6" s="358" t="s">
        <v>49</v>
      </c>
      <c r="AP6" s="358" t="s">
        <v>50</v>
      </c>
      <c r="AQ6" s="358" t="s">
        <v>51</v>
      </c>
      <c r="AR6" s="359" t="s">
        <v>45</v>
      </c>
      <c r="AS6" s="361" t="s">
        <v>52</v>
      </c>
      <c r="AT6" s="357" t="s">
        <v>43</v>
      </c>
      <c r="AU6" s="358" t="s">
        <v>44</v>
      </c>
      <c r="AV6" s="359" t="s">
        <v>45</v>
      </c>
      <c r="AW6" s="360" t="s">
        <v>46</v>
      </c>
      <c r="AX6" s="358" t="s">
        <v>47</v>
      </c>
      <c r="AY6" s="358" t="s">
        <v>48</v>
      </c>
      <c r="AZ6" s="358" t="s">
        <v>49</v>
      </c>
      <c r="BA6" s="358" t="s">
        <v>50</v>
      </c>
      <c r="BB6" s="358" t="s">
        <v>51</v>
      </c>
      <c r="BC6" s="359" t="s">
        <v>45</v>
      </c>
      <c r="BD6" s="361" t="s">
        <v>52</v>
      </c>
      <c r="BE6" s="357" t="s">
        <v>43</v>
      </c>
      <c r="BF6" s="358" t="s">
        <v>44</v>
      </c>
      <c r="BG6" s="359" t="s">
        <v>45</v>
      </c>
      <c r="BH6" s="360" t="s">
        <v>46</v>
      </c>
      <c r="BI6" s="358" t="s">
        <v>47</v>
      </c>
      <c r="BJ6" s="358" t="s">
        <v>48</v>
      </c>
      <c r="BK6" s="358" t="s">
        <v>49</v>
      </c>
      <c r="BL6" s="358" t="s">
        <v>50</v>
      </c>
      <c r="BM6" s="358" t="s">
        <v>51</v>
      </c>
      <c r="BN6" s="359" t="s">
        <v>45</v>
      </c>
      <c r="BO6" s="361" t="s">
        <v>52</v>
      </c>
      <c r="BP6" s="357" t="s">
        <v>43</v>
      </c>
      <c r="BQ6" s="358" t="s">
        <v>44</v>
      </c>
      <c r="BR6" s="359" t="s">
        <v>45</v>
      </c>
      <c r="BS6" s="360" t="s">
        <v>46</v>
      </c>
      <c r="BT6" s="358" t="s">
        <v>47</v>
      </c>
      <c r="BU6" s="358" t="s">
        <v>48</v>
      </c>
      <c r="BV6" s="358" t="s">
        <v>49</v>
      </c>
      <c r="BW6" s="358" t="s">
        <v>50</v>
      </c>
      <c r="BX6" s="358" t="s">
        <v>51</v>
      </c>
      <c r="BY6" s="359" t="s">
        <v>45</v>
      </c>
      <c r="BZ6" s="361" t="s">
        <v>52</v>
      </c>
      <c r="CA6" s="357" t="s">
        <v>43</v>
      </c>
      <c r="CB6" s="358" t="s">
        <v>44</v>
      </c>
      <c r="CC6" s="359" t="s">
        <v>45</v>
      </c>
      <c r="CD6" s="360" t="s">
        <v>46</v>
      </c>
      <c r="CE6" s="358" t="s">
        <v>47</v>
      </c>
      <c r="CF6" s="358" t="s">
        <v>48</v>
      </c>
      <c r="CG6" s="358" t="s">
        <v>49</v>
      </c>
      <c r="CH6" s="358" t="s">
        <v>50</v>
      </c>
      <c r="CI6" s="358" t="s">
        <v>51</v>
      </c>
      <c r="CJ6" s="359" t="s">
        <v>45</v>
      </c>
      <c r="CK6" s="361" t="s">
        <v>52</v>
      </c>
      <c r="CL6" s="357" t="s">
        <v>43</v>
      </c>
      <c r="CM6" s="358" t="s">
        <v>44</v>
      </c>
      <c r="CN6" s="359" t="s">
        <v>45</v>
      </c>
      <c r="CO6" s="360" t="s">
        <v>46</v>
      </c>
      <c r="CP6" s="358" t="s">
        <v>47</v>
      </c>
      <c r="CQ6" s="358" t="s">
        <v>48</v>
      </c>
      <c r="CR6" s="358" t="s">
        <v>49</v>
      </c>
      <c r="CS6" s="358" t="s">
        <v>50</v>
      </c>
      <c r="CT6" s="358" t="s">
        <v>51</v>
      </c>
      <c r="CU6" s="359" t="s">
        <v>45</v>
      </c>
      <c r="CV6" s="361" t="s">
        <v>52</v>
      </c>
      <c r="CW6" s="51" t="s">
        <v>43</v>
      </c>
      <c r="CX6" s="47" t="s">
        <v>44</v>
      </c>
      <c r="CY6" s="48" t="s">
        <v>45</v>
      </c>
      <c r="CZ6" s="52" t="s">
        <v>46</v>
      </c>
      <c r="DA6" s="47" t="s">
        <v>47</v>
      </c>
      <c r="DB6" s="47" t="s">
        <v>48</v>
      </c>
      <c r="DC6" s="47" t="s">
        <v>49</v>
      </c>
      <c r="DD6" s="47" t="s">
        <v>50</v>
      </c>
      <c r="DE6" s="47" t="s">
        <v>51</v>
      </c>
      <c r="DF6" s="48" t="s">
        <v>45</v>
      </c>
      <c r="DG6" s="352" t="s">
        <v>52</v>
      </c>
      <c r="DH6" s="357" t="s">
        <v>43</v>
      </c>
      <c r="DI6" s="358" t="s">
        <v>44</v>
      </c>
      <c r="DJ6" s="359" t="s">
        <v>45</v>
      </c>
      <c r="DK6" s="360" t="s">
        <v>46</v>
      </c>
      <c r="DL6" s="358" t="s">
        <v>47</v>
      </c>
      <c r="DM6" s="358" t="s">
        <v>48</v>
      </c>
      <c r="DN6" s="358" t="s">
        <v>49</v>
      </c>
      <c r="DO6" s="358" t="s">
        <v>50</v>
      </c>
      <c r="DP6" s="358" t="s">
        <v>51</v>
      </c>
      <c r="DQ6" s="359" t="s">
        <v>45</v>
      </c>
      <c r="DR6" s="361" t="s">
        <v>52</v>
      </c>
      <c r="DS6" s="357" t="s">
        <v>43</v>
      </c>
      <c r="DT6" s="358" t="s">
        <v>44</v>
      </c>
      <c r="DU6" s="359" t="s">
        <v>45</v>
      </c>
      <c r="DV6" s="360" t="s">
        <v>46</v>
      </c>
      <c r="DW6" s="358" t="s">
        <v>47</v>
      </c>
      <c r="DX6" s="358" t="s">
        <v>48</v>
      </c>
      <c r="DY6" s="358" t="s">
        <v>49</v>
      </c>
      <c r="DZ6" s="358" t="s">
        <v>50</v>
      </c>
      <c r="EA6" s="358" t="s">
        <v>51</v>
      </c>
      <c r="EB6" s="359" t="s">
        <v>45</v>
      </c>
      <c r="EC6" s="361" t="s">
        <v>52</v>
      </c>
      <c r="ED6" s="357" t="s">
        <v>43</v>
      </c>
      <c r="EE6" s="358" t="s">
        <v>44</v>
      </c>
      <c r="EF6" s="359" t="s">
        <v>45</v>
      </c>
      <c r="EG6" s="360" t="s">
        <v>46</v>
      </c>
      <c r="EH6" s="358" t="s">
        <v>47</v>
      </c>
      <c r="EI6" s="358" t="s">
        <v>48</v>
      </c>
      <c r="EJ6" s="358" t="s">
        <v>49</v>
      </c>
      <c r="EK6" s="358" t="s">
        <v>50</v>
      </c>
      <c r="EL6" s="358" t="s">
        <v>51</v>
      </c>
      <c r="EM6" s="359" t="s">
        <v>45</v>
      </c>
      <c r="EN6" s="361" t="s">
        <v>52</v>
      </c>
      <c r="EO6" s="357" t="s">
        <v>43</v>
      </c>
      <c r="EP6" s="358" t="s">
        <v>44</v>
      </c>
      <c r="EQ6" s="359" t="s">
        <v>45</v>
      </c>
      <c r="ER6" s="360" t="s">
        <v>46</v>
      </c>
      <c r="ES6" s="358" t="s">
        <v>47</v>
      </c>
      <c r="ET6" s="358" t="s">
        <v>48</v>
      </c>
      <c r="EU6" s="358" t="s">
        <v>49</v>
      </c>
      <c r="EV6" s="358" t="s">
        <v>50</v>
      </c>
      <c r="EW6" s="358" t="s">
        <v>51</v>
      </c>
      <c r="EX6" s="359" t="s">
        <v>45</v>
      </c>
      <c r="EY6" s="361" t="s">
        <v>52</v>
      </c>
      <c r="EZ6" s="357" t="s">
        <v>43</v>
      </c>
      <c r="FA6" s="358" t="s">
        <v>44</v>
      </c>
      <c r="FB6" s="359" t="s">
        <v>45</v>
      </c>
      <c r="FC6" s="360" t="s">
        <v>46</v>
      </c>
      <c r="FD6" s="358" t="s">
        <v>47</v>
      </c>
      <c r="FE6" s="358" t="s">
        <v>48</v>
      </c>
      <c r="FF6" s="358" t="s">
        <v>49</v>
      </c>
      <c r="FG6" s="358" t="s">
        <v>50</v>
      </c>
      <c r="FH6" s="358" t="s">
        <v>51</v>
      </c>
      <c r="FI6" s="359" t="s">
        <v>45</v>
      </c>
      <c r="FJ6" s="361" t="s">
        <v>52</v>
      </c>
      <c r="FK6" s="357" t="s">
        <v>43</v>
      </c>
      <c r="FL6" s="358" t="s">
        <v>44</v>
      </c>
      <c r="FM6" s="359" t="s">
        <v>45</v>
      </c>
      <c r="FN6" s="360" t="s">
        <v>46</v>
      </c>
      <c r="FO6" s="358" t="s">
        <v>47</v>
      </c>
      <c r="FP6" s="358" t="s">
        <v>48</v>
      </c>
      <c r="FQ6" s="358" t="s">
        <v>49</v>
      </c>
      <c r="FR6" s="358" t="s">
        <v>50</v>
      </c>
      <c r="FS6" s="358" t="s">
        <v>51</v>
      </c>
      <c r="FT6" s="359" t="s">
        <v>45</v>
      </c>
      <c r="FU6" s="361" t="s">
        <v>52</v>
      </c>
      <c r="FV6" s="357" t="s">
        <v>43</v>
      </c>
      <c r="FW6" s="358" t="s">
        <v>44</v>
      </c>
      <c r="FX6" s="359" t="s">
        <v>45</v>
      </c>
      <c r="FY6" s="360" t="s">
        <v>46</v>
      </c>
      <c r="FZ6" s="358" t="s">
        <v>47</v>
      </c>
      <c r="GA6" s="358" t="s">
        <v>48</v>
      </c>
      <c r="GB6" s="358" t="s">
        <v>49</v>
      </c>
      <c r="GC6" s="358" t="s">
        <v>50</v>
      </c>
      <c r="GD6" s="358" t="s">
        <v>51</v>
      </c>
      <c r="GE6" s="359" t="s">
        <v>45</v>
      </c>
      <c r="GF6" s="361" t="s">
        <v>52</v>
      </c>
      <c r="GG6" s="357" t="s">
        <v>43</v>
      </c>
      <c r="GH6" s="358" t="s">
        <v>44</v>
      </c>
      <c r="GI6" s="359" t="s">
        <v>45</v>
      </c>
      <c r="GJ6" s="360" t="s">
        <v>46</v>
      </c>
      <c r="GK6" s="358" t="s">
        <v>47</v>
      </c>
      <c r="GL6" s="358" t="s">
        <v>48</v>
      </c>
      <c r="GM6" s="358" t="s">
        <v>49</v>
      </c>
      <c r="GN6" s="358" t="s">
        <v>50</v>
      </c>
      <c r="GO6" s="358" t="s">
        <v>51</v>
      </c>
      <c r="GP6" s="359" t="s">
        <v>45</v>
      </c>
      <c r="GQ6" s="361" t="s">
        <v>52</v>
      </c>
      <c r="GR6" s="51" t="s">
        <v>43</v>
      </c>
      <c r="GS6" s="47" t="s">
        <v>44</v>
      </c>
      <c r="GT6" s="48" t="s">
        <v>45</v>
      </c>
      <c r="GU6" s="52" t="s">
        <v>46</v>
      </c>
      <c r="GV6" s="47" t="s">
        <v>47</v>
      </c>
      <c r="GW6" s="47" t="s">
        <v>48</v>
      </c>
      <c r="GX6" s="47" t="s">
        <v>49</v>
      </c>
      <c r="GY6" s="47" t="s">
        <v>50</v>
      </c>
      <c r="GZ6" s="47" t="s">
        <v>51</v>
      </c>
      <c r="HA6" s="48" t="s">
        <v>45</v>
      </c>
      <c r="HB6" s="352" t="s">
        <v>52</v>
      </c>
      <c r="HC6" s="357" t="s">
        <v>43</v>
      </c>
      <c r="HD6" s="358" t="s">
        <v>44</v>
      </c>
      <c r="HE6" s="359" t="s">
        <v>45</v>
      </c>
      <c r="HF6" s="360" t="s">
        <v>46</v>
      </c>
      <c r="HG6" s="358" t="s">
        <v>47</v>
      </c>
      <c r="HH6" s="358" t="s">
        <v>48</v>
      </c>
      <c r="HI6" s="358" t="s">
        <v>49</v>
      </c>
      <c r="HJ6" s="358" t="s">
        <v>50</v>
      </c>
      <c r="HK6" s="358" t="s">
        <v>51</v>
      </c>
      <c r="HL6" s="359" t="s">
        <v>45</v>
      </c>
      <c r="HM6" s="361" t="s">
        <v>52</v>
      </c>
      <c r="HN6" s="357" t="s">
        <v>43</v>
      </c>
      <c r="HO6" s="358" t="s">
        <v>44</v>
      </c>
      <c r="HP6" s="359" t="s">
        <v>45</v>
      </c>
      <c r="HQ6" s="360" t="s">
        <v>46</v>
      </c>
      <c r="HR6" s="358" t="s">
        <v>47</v>
      </c>
      <c r="HS6" s="358" t="s">
        <v>48</v>
      </c>
      <c r="HT6" s="358" t="s">
        <v>49</v>
      </c>
      <c r="HU6" s="358" t="s">
        <v>50</v>
      </c>
      <c r="HV6" s="358" t="s">
        <v>51</v>
      </c>
      <c r="HW6" s="359" t="s">
        <v>45</v>
      </c>
      <c r="HX6" s="361" t="s">
        <v>52</v>
      </c>
      <c r="HY6" s="357" t="s">
        <v>43</v>
      </c>
      <c r="HZ6" s="358" t="s">
        <v>44</v>
      </c>
      <c r="IA6" s="359" t="s">
        <v>45</v>
      </c>
      <c r="IB6" s="360" t="s">
        <v>46</v>
      </c>
      <c r="IC6" s="358" t="s">
        <v>47</v>
      </c>
      <c r="ID6" s="358" t="s">
        <v>48</v>
      </c>
      <c r="IE6" s="358" t="s">
        <v>49</v>
      </c>
      <c r="IF6" s="358" t="s">
        <v>50</v>
      </c>
      <c r="IG6" s="358" t="s">
        <v>51</v>
      </c>
      <c r="IH6" s="359" t="s">
        <v>45</v>
      </c>
      <c r="II6" s="361" t="s">
        <v>52</v>
      </c>
      <c r="IJ6" s="357" t="s">
        <v>43</v>
      </c>
      <c r="IK6" s="358" t="s">
        <v>44</v>
      </c>
      <c r="IL6" s="359" t="s">
        <v>45</v>
      </c>
      <c r="IM6" s="360" t="s">
        <v>46</v>
      </c>
      <c r="IN6" s="358" t="s">
        <v>47</v>
      </c>
      <c r="IO6" s="358" t="s">
        <v>48</v>
      </c>
      <c r="IP6" s="358" t="s">
        <v>49</v>
      </c>
      <c r="IQ6" s="358" t="s">
        <v>50</v>
      </c>
      <c r="IR6" s="358" t="s">
        <v>51</v>
      </c>
      <c r="IS6" s="359" t="s">
        <v>45</v>
      </c>
      <c r="IT6" s="361" t="s">
        <v>52</v>
      </c>
      <c r="IU6" s="357" t="s">
        <v>43</v>
      </c>
      <c r="IV6" s="358" t="s">
        <v>44</v>
      </c>
      <c r="IW6" s="359" t="s">
        <v>45</v>
      </c>
      <c r="IX6" s="360" t="s">
        <v>46</v>
      </c>
      <c r="IY6" s="358" t="s">
        <v>47</v>
      </c>
      <c r="IZ6" s="358" t="s">
        <v>48</v>
      </c>
      <c r="JA6" s="358" t="s">
        <v>49</v>
      </c>
      <c r="JB6" s="358" t="s">
        <v>50</v>
      </c>
      <c r="JC6" s="358" t="s">
        <v>51</v>
      </c>
      <c r="JD6" s="359" t="s">
        <v>45</v>
      </c>
      <c r="JE6" s="361" t="s">
        <v>52</v>
      </c>
      <c r="JF6" s="357" t="s">
        <v>43</v>
      </c>
      <c r="JG6" s="358" t="s">
        <v>44</v>
      </c>
      <c r="JH6" s="359" t="s">
        <v>45</v>
      </c>
      <c r="JI6" s="360" t="s">
        <v>46</v>
      </c>
      <c r="JJ6" s="358" t="s">
        <v>47</v>
      </c>
      <c r="JK6" s="358" t="s">
        <v>48</v>
      </c>
      <c r="JL6" s="358" t="s">
        <v>49</v>
      </c>
      <c r="JM6" s="358" t="s">
        <v>50</v>
      </c>
      <c r="JN6" s="358" t="s">
        <v>51</v>
      </c>
      <c r="JO6" s="359" t="s">
        <v>45</v>
      </c>
      <c r="JP6" s="361" t="s">
        <v>52</v>
      </c>
      <c r="JQ6" s="357" t="s">
        <v>43</v>
      </c>
      <c r="JR6" s="358" t="s">
        <v>44</v>
      </c>
      <c r="JS6" s="359" t="s">
        <v>45</v>
      </c>
      <c r="JT6" s="360" t="s">
        <v>46</v>
      </c>
      <c r="JU6" s="358" t="s">
        <v>47</v>
      </c>
      <c r="JV6" s="358" t="s">
        <v>48</v>
      </c>
      <c r="JW6" s="358" t="s">
        <v>49</v>
      </c>
      <c r="JX6" s="358" t="s">
        <v>50</v>
      </c>
      <c r="JY6" s="358" t="s">
        <v>51</v>
      </c>
      <c r="JZ6" s="359" t="s">
        <v>45</v>
      </c>
      <c r="KA6" s="361" t="s">
        <v>52</v>
      </c>
      <c r="KB6" s="357" t="s">
        <v>43</v>
      </c>
      <c r="KC6" s="358" t="s">
        <v>44</v>
      </c>
      <c r="KD6" s="359" t="s">
        <v>45</v>
      </c>
      <c r="KE6" s="360" t="s">
        <v>46</v>
      </c>
      <c r="KF6" s="358" t="s">
        <v>47</v>
      </c>
      <c r="KG6" s="358" t="s">
        <v>48</v>
      </c>
      <c r="KH6" s="358" t="s">
        <v>49</v>
      </c>
      <c r="KI6" s="358" t="s">
        <v>50</v>
      </c>
      <c r="KJ6" s="358" t="s">
        <v>51</v>
      </c>
      <c r="KK6" s="359" t="s">
        <v>45</v>
      </c>
      <c r="KL6" s="361" t="s">
        <v>52</v>
      </c>
    </row>
    <row r="7" spans="1:298" ht="19.5" customHeight="1" x14ac:dyDescent="0.2">
      <c r="A7" s="353" t="s">
        <v>4</v>
      </c>
      <c r="B7" s="315">
        <v>3206</v>
      </c>
      <c r="C7" s="78">
        <v>2977</v>
      </c>
      <c r="D7" s="79">
        <v>6183</v>
      </c>
      <c r="E7" s="240"/>
      <c r="F7" s="78">
        <v>4231</v>
      </c>
      <c r="G7" s="78">
        <v>3862</v>
      </c>
      <c r="H7" s="78">
        <v>2348</v>
      </c>
      <c r="I7" s="78">
        <v>2081</v>
      </c>
      <c r="J7" s="78">
        <v>1348</v>
      </c>
      <c r="K7" s="80">
        <v>13870</v>
      </c>
      <c r="L7" s="81">
        <v>20053</v>
      </c>
      <c r="M7" s="66">
        <v>94</v>
      </c>
      <c r="N7" s="67">
        <v>120</v>
      </c>
      <c r="O7" s="68">
        <v>214</v>
      </c>
      <c r="P7" s="243"/>
      <c r="Q7" s="67">
        <v>120</v>
      </c>
      <c r="R7" s="67">
        <v>165</v>
      </c>
      <c r="S7" s="67">
        <v>84</v>
      </c>
      <c r="T7" s="67">
        <v>79</v>
      </c>
      <c r="U7" s="67">
        <v>66</v>
      </c>
      <c r="V7" s="68">
        <v>514</v>
      </c>
      <c r="W7" s="69">
        <v>728</v>
      </c>
      <c r="X7" s="66">
        <v>234</v>
      </c>
      <c r="Y7" s="67">
        <v>263</v>
      </c>
      <c r="Z7" s="68">
        <v>497</v>
      </c>
      <c r="AA7" s="243"/>
      <c r="AB7" s="67">
        <v>309</v>
      </c>
      <c r="AC7" s="67">
        <v>320</v>
      </c>
      <c r="AD7" s="67">
        <v>207</v>
      </c>
      <c r="AE7" s="67">
        <v>187</v>
      </c>
      <c r="AF7" s="67">
        <v>160</v>
      </c>
      <c r="AG7" s="68">
        <v>1183</v>
      </c>
      <c r="AH7" s="69">
        <v>1680</v>
      </c>
      <c r="AI7" s="66">
        <v>382</v>
      </c>
      <c r="AJ7" s="67">
        <v>360</v>
      </c>
      <c r="AK7" s="68">
        <v>742</v>
      </c>
      <c r="AL7" s="243"/>
      <c r="AM7" s="67">
        <v>493</v>
      </c>
      <c r="AN7" s="67">
        <v>442</v>
      </c>
      <c r="AO7" s="67">
        <v>248</v>
      </c>
      <c r="AP7" s="67">
        <v>261</v>
      </c>
      <c r="AQ7" s="67">
        <v>187</v>
      </c>
      <c r="AR7" s="68">
        <v>1631</v>
      </c>
      <c r="AS7" s="69">
        <v>2373</v>
      </c>
      <c r="AT7" s="66">
        <v>743</v>
      </c>
      <c r="AU7" s="67">
        <v>664</v>
      </c>
      <c r="AV7" s="68">
        <v>1407</v>
      </c>
      <c r="AW7" s="243"/>
      <c r="AX7" s="67">
        <v>970</v>
      </c>
      <c r="AY7" s="67">
        <v>776</v>
      </c>
      <c r="AZ7" s="67">
        <v>516</v>
      </c>
      <c r="BA7" s="67">
        <v>397</v>
      </c>
      <c r="BB7" s="67">
        <v>276</v>
      </c>
      <c r="BC7" s="68">
        <v>2935</v>
      </c>
      <c r="BD7" s="69">
        <v>4342</v>
      </c>
      <c r="BE7" s="66">
        <v>1002</v>
      </c>
      <c r="BF7" s="67">
        <v>840</v>
      </c>
      <c r="BG7" s="68">
        <v>1842</v>
      </c>
      <c r="BH7" s="243"/>
      <c r="BI7" s="67">
        <v>1221</v>
      </c>
      <c r="BJ7" s="67">
        <v>1010</v>
      </c>
      <c r="BK7" s="67">
        <v>602</v>
      </c>
      <c r="BL7" s="67">
        <v>541</v>
      </c>
      <c r="BM7" s="67">
        <v>309</v>
      </c>
      <c r="BN7" s="68">
        <v>3683</v>
      </c>
      <c r="BO7" s="69">
        <v>5525</v>
      </c>
      <c r="BP7" s="66">
        <v>751</v>
      </c>
      <c r="BQ7" s="67">
        <v>730</v>
      </c>
      <c r="BR7" s="68">
        <v>1481</v>
      </c>
      <c r="BS7" s="243"/>
      <c r="BT7" s="67">
        <v>1118</v>
      </c>
      <c r="BU7" s="67">
        <v>1149</v>
      </c>
      <c r="BV7" s="67">
        <v>691</v>
      </c>
      <c r="BW7" s="67">
        <v>616</v>
      </c>
      <c r="BX7" s="67">
        <v>350</v>
      </c>
      <c r="BY7" s="68">
        <v>3924</v>
      </c>
      <c r="BZ7" s="69">
        <v>5405</v>
      </c>
      <c r="CA7" s="66">
        <v>0</v>
      </c>
      <c r="CB7" s="67">
        <v>0</v>
      </c>
      <c r="CC7" s="68">
        <v>0</v>
      </c>
      <c r="CD7" s="243"/>
      <c r="CE7" s="67">
        <v>0</v>
      </c>
      <c r="CF7" s="67">
        <v>0</v>
      </c>
      <c r="CG7" s="67">
        <v>0</v>
      </c>
      <c r="CH7" s="67">
        <v>0</v>
      </c>
      <c r="CI7" s="67">
        <v>0</v>
      </c>
      <c r="CJ7" s="68">
        <v>0</v>
      </c>
      <c r="CK7" s="69">
        <v>0</v>
      </c>
      <c r="CL7" s="66">
        <v>3206</v>
      </c>
      <c r="CM7" s="67">
        <v>2977</v>
      </c>
      <c r="CN7" s="68">
        <v>6183</v>
      </c>
      <c r="CO7" s="243"/>
      <c r="CP7" s="67">
        <v>4231</v>
      </c>
      <c r="CQ7" s="67">
        <v>3862</v>
      </c>
      <c r="CR7" s="67">
        <v>2348</v>
      </c>
      <c r="CS7" s="67">
        <v>2081</v>
      </c>
      <c r="CT7" s="67">
        <v>1348</v>
      </c>
      <c r="CU7" s="68">
        <v>13870</v>
      </c>
      <c r="CV7" s="69">
        <v>20053</v>
      </c>
      <c r="CW7" s="122">
        <v>1151</v>
      </c>
      <c r="CX7" s="78">
        <v>1272</v>
      </c>
      <c r="CY7" s="79">
        <v>2423</v>
      </c>
      <c r="CZ7" s="240"/>
      <c r="DA7" s="78">
        <v>1673</v>
      </c>
      <c r="DB7" s="78">
        <v>1545</v>
      </c>
      <c r="DC7" s="78">
        <v>1033</v>
      </c>
      <c r="DD7" s="78">
        <v>1063</v>
      </c>
      <c r="DE7" s="78">
        <v>749</v>
      </c>
      <c r="DF7" s="80">
        <v>6063</v>
      </c>
      <c r="DG7" s="81">
        <v>8486</v>
      </c>
      <c r="DH7" s="66">
        <v>34</v>
      </c>
      <c r="DI7" s="67">
        <v>26</v>
      </c>
      <c r="DJ7" s="68">
        <v>60</v>
      </c>
      <c r="DK7" s="243"/>
      <c r="DL7" s="67">
        <v>24</v>
      </c>
      <c r="DM7" s="67">
        <v>37</v>
      </c>
      <c r="DN7" s="67">
        <v>24</v>
      </c>
      <c r="DO7" s="67">
        <v>16</v>
      </c>
      <c r="DP7" s="67">
        <v>8</v>
      </c>
      <c r="DQ7" s="68">
        <v>109</v>
      </c>
      <c r="DR7" s="69">
        <v>169</v>
      </c>
      <c r="DS7" s="66">
        <v>93</v>
      </c>
      <c r="DT7" s="67">
        <v>77</v>
      </c>
      <c r="DU7" s="68">
        <v>170</v>
      </c>
      <c r="DV7" s="243"/>
      <c r="DW7" s="67">
        <v>98</v>
      </c>
      <c r="DX7" s="67">
        <v>77</v>
      </c>
      <c r="DY7" s="67">
        <v>52</v>
      </c>
      <c r="DZ7" s="67">
        <v>43</v>
      </c>
      <c r="EA7" s="67">
        <v>27</v>
      </c>
      <c r="EB7" s="68">
        <v>297</v>
      </c>
      <c r="EC7" s="69">
        <v>467</v>
      </c>
      <c r="ED7" s="66">
        <v>170</v>
      </c>
      <c r="EE7" s="67">
        <v>167</v>
      </c>
      <c r="EF7" s="68">
        <v>337</v>
      </c>
      <c r="EG7" s="243"/>
      <c r="EH7" s="67">
        <v>190</v>
      </c>
      <c r="EI7" s="67">
        <v>140</v>
      </c>
      <c r="EJ7" s="67">
        <v>74</v>
      </c>
      <c r="EK7" s="67">
        <v>64</v>
      </c>
      <c r="EL7" s="67">
        <v>59</v>
      </c>
      <c r="EM7" s="68">
        <v>527</v>
      </c>
      <c r="EN7" s="69">
        <v>864</v>
      </c>
      <c r="EO7" s="66">
        <v>294</v>
      </c>
      <c r="EP7" s="67">
        <v>294</v>
      </c>
      <c r="EQ7" s="68">
        <v>588</v>
      </c>
      <c r="ER7" s="243"/>
      <c r="ES7" s="67">
        <v>353</v>
      </c>
      <c r="ET7" s="67">
        <v>261</v>
      </c>
      <c r="EU7" s="67">
        <v>150</v>
      </c>
      <c r="EV7" s="67">
        <v>142</v>
      </c>
      <c r="EW7" s="67">
        <v>119</v>
      </c>
      <c r="EX7" s="68">
        <v>1025</v>
      </c>
      <c r="EY7" s="69">
        <v>1613</v>
      </c>
      <c r="EZ7" s="66">
        <v>339</v>
      </c>
      <c r="FA7" s="67">
        <v>377</v>
      </c>
      <c r="FB7" s="68">
        <v>716</v>
      </c>
      <c r="FC7" s="243"/>
      <c r="FD7" s="67">
        <v>497</v>
      </c>
      <c r="FE7" s="67">
        <v>468</v>
      </c>
      <c r="FF7" s="67">
        <v>287</v>
      </c>
      <c r="FG7" s="67">
        <v>233</v>
      </c>
      <c r="FH7" s="67">
        <v>186</v>
      </c>
      <c r="FI7" s="68">
        <v>1671</v>
      </c>
      <c r="FJ7" s="69">
        <v>2387</v>
      </c>
      <c r="FK7" s="66">
        <v>221</v>
      </c>
      <c r="FL7" s="67">
        <v>331</v>
      </c>
      <c r="FM7" s="68">
        <v>552</v>
      </c>
      <c r="FN7" s="243"/>
      <c r="FO7" s="67">
        <v>511</v>
      </c>
      <c r="FP7" s="67">
        <v>562</v>
      </c>
      <c r="FQ7" s="67">
        <v>446</v>
      </c>
      <c r="FR7" s="67">
        <v>565</v>
      </c>
      <c r="FS7" s="67">
        <v>350</v>
      </c>
      <c r="FT7" s="68">
        <v>2434</v>
      </c>
      <c r="FU7" s="69">
        <v>2986</v>
      </c>
      <c r="FV7" s="66">
        <v>0</v>
      </c>
      <c r="FW7" s="67">
        <v>0</v>
      </c>
      <c r="FX7" s="68">
        <v>0</v>
      </c>
      <c r="FY7" s="243"/>
      <c r="FZ7" s="67">
        <v>0</v>
      </c>
      <c r="GA7" s="67">
        <v>0</v>
      </c>
      <c r="GB7" s="67">
        <v>0</v>
      </c>
      <c r="GC7" s="67">
        <v>0</v>
      </c>
      <c r="GD7" s="67">
        <v>0</v>
      </c>
      <c r="GE7" s="68">
        <v>0</v>
      </c>
      <c r="GF7" s="69">
        <v>0</v>
      </c>
      <c r="GG7" s="66">
        <v>1151</v>
      </c>
      <c r="GH7" s="67">
        <v>1272</v>
      </c>
      <c r="GI7" s="68">
        <v>2423</v>
      </c>
      <c r="GJ7" s="243"/>
      <c r="GK7" s="67">
        <v>1673</v>
      </c>
      <c r="GL7" s="67">
        <v>1545</v>
      </c>
      <c r="GM7" s="67">
        <v>1033</v>
      </c>
      <c r="GN7" s="67">
        <v>1063</v>
      </c>
      <c r="GO7" s="67">
        <v>749</v>
      </c>
      <c r="GP7" s="68">
        <v>6063</v>
      </c>
      <c r="GQ7" s="69">
        <v>8486</v>
      </c>
      <c r="GR7" s="122">
        <v>4357</v>
      </c>
      <c r="GS7" s="78">
        <v>4249</v>
      </c>
      <c r="GT7" s="79">
        <v>8606</v>
      </c>
      <c r="GU7" s="240"/>
      <c r="GV7" s="78">
        <v>5904</v>
      </c>
      <c r="GW7" s="78">
        <v>5407</v>
      </c>
      <c r="GX7" s="78">
        <v>3381</v>
      </c>
      <c r="GY7" s="78">
        <v>3144</v>
      </c>
      <c r="GZ7" s="78">
        <v>2097</v>
      </c>
      <c r="HA7" s="80">
        <v>19933</v>
      </c>
      <c r="HB7" s="81">
        <v>28539</v>
      </c>
      <c r="HC7" s="66">
        <v>128</v>
      </c>
      <c r="HD7" s="67">
        <v>146</v>
      </c>
      <c r="HE7" s="68">
        <v>274</v>
      </c>
      <c r="HF7" s="240"/>
      <c r="HG7" s="67">
        <v>144</v>
      </c>
      <c r="HH7" s="67">
        <v>202</v>
      </c>
      <c r="HI7" s="67">
        <v>108</v>
      </c>
      <c r="HJ7" s="67">
        <v>95</v>
      </c>
      <c r="HK7" s="67">
        <v>74</v>
      </c>
      <c r="HL7" s="68">
        <v>623</v>
      </c>
      <c r="HM7" s="69">
        <v>897</v>
      </c>
      <c r="HN7" s="66">
        <v>327</v>
      </c>
      <c r="HO7" s="67">
        <v>340</v>
      </c>
      <c r="HP7" s="68">
        <v>667</v>
      </c>
      <c r="HQ7" s="240"/>
      <c r="HR7" s="67">
        <v>407</v>
      </c>
      <c r="HS7" s="67">
        <v>397</v>
      </c>
      <c r="HT7" s="67">
        <v>259</v>
      </c>
      <c r="HU7" s="67">
        <v>230</v>
      </c>
      <c r="HV7" s="67">
        <v>187</v>
      </c>
      <c r="HW7" s="68">
        <v>1480</v>
      </c>
      <c r="HX7" s="69">
        <v>2147</v>
      </c>
      <c r="HY7" s="66">
        <v>552</v>
      </c>
      <c r="HZ7" s="67">
        <v>527</v>
      </c>
      <c r="IA7" s="68">
        <v>1079</v>
      </c>
      <c r="IB7" s="243"/>
      <c r="IC7" s="67">
        <v>683</v>
      </c>
      <c r="ID7" s="67">
        <v>582</v>
      </c>
      <c r="IE7" s="67">
        <v>322</v>
      </c>
      <c r="IF7" s="67">
        <v>325</v>
      </c>
      <c r="IG7" s="67">
        <v>246</v>
      </c>
      <c r="IH7" s="68">
        <v>2158</v>
      </c>
      <c r="II7" s="69">
        <v>3237</v>
      </c>
      <c r="IJ7" s="66">
        <v>1037</v>
      </c>
      <c r="IK7" s="67">
        <v>958</v>
      </c>
      <c r="IL7" s="68">
        <v>1995</v>
      </c>
      <c r="IM7" s="243"/>
      <c r="IN7" s="67">
        <v>1323</v>
      </c>
      <c r="IO7" s="67">
        <v>1037</v>
      </c>
      <c r="IP7" s="67">
        <v>666</v>
      </c>
      <c r="IQ7" s="67">
        <v>539</v>
      </c>
      <c r="IR7" s="67">
        <v>395</v>
      </c>
      <c r="IS7" s="68">
        <v>3960</v>
      </c>
      <c r="IT7" s="69">
        <v>5955</v>
      </c>
      <c r="IU7" s="66">
        <v>1341</v>
      </c>
      <c r="IV7" s="67">
        <v>1217</v>
      </c>
      <c r="IW7" s="68">
        <v>2558</v>
      </c>
      <c r="IX7" s="243"/>
      <c r="IY7" s="67">
        <v>1718</v>
      </c>
      <c r="IZ7" s="67">
        <v>1478</v>
      </c>
      <c r="JA7" s="67">
        <v>889</v>
      </c>
      <c r="JB7" s="67">
        <v>774</v>
      </c>
      <c r="JC7" s="67">
        <v>495</v>
      </c>
      <c r="JD7" s="68">
        <v>5354</v>
      </c>
      <c r="JE7" s="69">
        <v>7912</v>
      </c>
      <c r="JF7" s="66">
        <v>972</v>
      </c>
      <c r="JG7" s="67">
        <v>1061</v>
      </c>
      <c r="JH7" s="68">
        <v>2033</v>
      </c>
      <c r="JI7" s="243"/>
      <c r="JJ7" s="67">
        <v>1629</v>
      </c>
      <c r="JK7" s="67">
        <v>1711</v>
      </c>
      <c r="JL7" s="67">
        <v>1137</v>
      </c>
      <c r="JM7" s="67">
        <v>1181</v>
      </c>
      <c r="JN7" s="67">
        <v>700</v>
      </c>
      <c r="JO7" s="68">
        <v>6358</v>
      </c>
      <c r="JP7" s="69">
        <v>8391</v>
      </c>
      <c r="JQ7" s="66">
        <v>0</v>
      </c>
      <c r="JR7" s="67">
        <v>0</v>
      </c>
      <c r="JS7" s="68">
        <v>0</v>
      </c>
      <c r="JT7" s="243"/>
      <c r="JU7" s="67">
        <v>0</v>
      </c>
      <c r="JV7" s="67">
        <v>0</v>
      </c>
      <c r="JW7" s="67">
        <v>0</v>
      </c>
      <c r="JX7" s="67">
        <v>0</v>
      </c>
      <c r="JY7" s="67">
        <v>0</v>
      </c>
      <c r="JZ7" s="68">
        <v>0</v>
      </c>
      <c r="KA7" s="69">
        <v>0</v>
      </c>
      <c r="KB7" s="66">
        <v>4357</v>
      </c>
      <c r="KC7" s="67">
        <v>4249</v>
      </c>
      <c r="KD7" s="68">
        <v>8606</v>
      </c>
      <c r="KE7" s="243"/>
      <c r="KF7" s="67">
        <v>5904</v>
      </c>
      <c r="KG7" s="67">
        <v>5407</v>
      </c>
      <c r="KH7" s="67">
        <v>3381</v>
      </c>
      <c r="KI7" s="67">
        <v>3144</v>
      </c>
      <c r="KJ7" s="67">
        <v>2097</v>
      </c>
      <c r="KK7" s="68">
        <v>19933</v>
      </c>
      <c r="KL7" s="69">
        <v>28539</v>
      </c>
    </row>
    <row r="8" spans="1:298" ht="19.5" customHeight="1" x14ac:dyDescent="0.2">
      <c r="A8" s="126" t="s">
        <v>5</v>
      </c>
      <c r="B8" s="316">
        <v>1420</v>
      </c>
      <c r="C8" s="82">
        <v>1554</v>
      </c>
      <c r="D8" s="83">
        <v>2974</v>
      </c>
      <c r="E8" s="241"/>
      <c r="F8" s="82">
        <v>1588</v>
      </c>
      <c r="G8" s="82">
        <v>1902</v>
      </c>
      <c r="H8" s="82">
        <v>1052</v>
      </c>
      <c r="I8" s="82">
        <v>887</v>
      </c>
      <c r="J8" s="82">
        <v>590</v>
      </c>
      <c r="K8" s="84">
        <v>6019</v>
      </c>
      <c r="L8" s="85">
        <v>8993</v>
      </c>
      <c r="M8" s="70">
        <v>41</v>
      </c>
      <c r="N8" s="71">
        <v>59</v>
      </c>
      <c r="O8" s="72">
        <v>100</v>
      </c>
      <c r="P8" s="244"/>
      <c r="Q8" s="71">
        <v>37</v>
      </c>
      <c r="R8" s="71">
        <v>79</v>
      </c>
      <c r="S8" s="71">
        <v>35</v>
      </c>
      <c r="T8" s="71">
        <v>30</v>
      </c>
      <c r="U8" s="71">
        <v>26</v>
      </c>
      <c r="V8" s="72">
        <v>207</v>
      </c>
      <c r="W8" s="73">
        <v>307</v>
      </c>
      <c r="X8" s="70">
        <v>87</v>
      </c>
      <c r="Y8" s="71">
        <v>142</v>
      </c>
      <c r="Z8" s="72">
        <v>229</v>
      </c>
      <c r="AA8" s="244"/>
      <c r="AB8" s="71">
        <v>88</v>
      </c>
      <c r="AC8" s="71">
        <v>127</v>
      </c>
      <c r="AD8" s="71">
        <v>83</v>
      </c>
      <c r="AE8" s="71">
        <v>84</v>
      </c>
      <c r="AF8" s="71">
        <v>69</v>
      </c>
      <c r="AG8" s="72">
        <v>451</v>
      </c>
      <c r="AH8" s="73">
        <v>680</v>
      </c>
      <c r="AI8" s="70">
        <v>175</v>
      </c>
      <c r="AJ8" s="71">
        <v>195</v>
      </c>
      <c r="AK8" s="72">
        <v>370</v>
      </c>
      <c r="AL8" s="244"/>
      <c r="AM8" s="71">
        <v>160</v>
      </c>
      <c r="AN8" s="71">
        <v>209</v>
      </c>
      <c r="AO8" s="71">
        <v>90</v>
      </c>
      <c r="AP8" s="71">
        <v>111</v>
      </c>
      <c r="AQ8" s="71">
        <v>81</v>
      </c>
      <c r="AR8" s="72">
        <v>651</v>
      </c>
      <c r="AS8" s="73">
        <v>1021</v>
      </c>
      <c r="AT8" s="70">
        <v>332</v>
      </c>
      <c r="AU8" s="71">
        <v>340</v>
      </c>
      <c r="AV8" s="72">
        <v>672</v>
      </c>
      <c r="AW8" s="244"/>
      <c r="AX8" s="71">
        <v>368</v>
      </c>
      <c r="AY8" s="71">
        <v>373</v>
      </c>
      <c r="AZ8" s="71">
        <v>227</v>
      </c>
      <c r="BA8" s="71">
        <v>173</v>
      </c>
      <c r="BB8" s="71">
        <v>125</v>
      </c>
      <c r="BC8" s="72">
        <v>1266</v>
      </c>
      <c r="BD8" s="73">
        <v>1938</v>
      </c>
      <c r="BE8" s="70">
        <v>455</v>
      </c>
      <c r="BF8" s="71">
        <v>440</v>
      </c>
      <c r="BG8" s="72">
        <v>895</v>
      </c>
      <c r="BH8" s="244"/>
      <c r="BI8" s="71">
        <v>500</v>
      </c>
      <c r="BJ8" s="71">
        <v>501</v>
      </c>
      <c r="BK8" s="71">
        <v>279</v>
      </c>
      <c r="BL8" s="71">
        <v>207</v>
      </c>
      <c r="BM8" s="71">
        <v>131</v>
      </c>
      <c r="BN8" s="72">
        <v>1618</v>
      </c>
      <c r="BO8" s="73">
        <v>2513</v>
      </c>
      <c r="BP8" s="70">
        <v>330</v>
      </c>
      <c r="BQ8" s="71">
        <v>378</v>
      </c>
      <c r="BR8" s="72">
        <v>708</v>
      </c>
      <c r="BS8" s="244"/>
      <c r="BT8" s="71">
        <v>435</v>
      </c>
      <c r="BU8" s="71">
        <v>613</v>
      </c>
      <c r="BV8" s="71">
        <v>338</v>
      </c>
      <c r="BW8" s="71">
        <v>282</v>
      </c>
      <c r="BX8" s="71">
        <v>158</v>
      </c>
      <c r="BY8" s="72">
        <v>1826</v>
      </c>
      <c r="BZ8" s="73">
        <v>2534</v>
      </c>
      <c r="CA8" s="70">
        <v>0</v>
      </c>
      <c r="CB8" s="71">
        <v>0</v>
      </c>
      <c r="CC8" s="72">
        <v>0</v>
      </c>
      <c r="CD8" s="244"/>
      <c r="CE8" s="71">
        <v>0</v>
      </c>
      <c r="CF8" s="71">
        <v>0</v>
      </c>
      <c r="CG8" s="71">
        <v>0</v>
      </c>
      <c r="CH8" s="71">
        <v>0</v>
      </c>
      <c r="CI8" s="71">
        <v>0</v>
      </c>
      <c r="CJ8" s="72">
        <v>0</v>
      </c>
      <c r="CK8" s="73">
        <v>0</v>
      </c>
      <c r="CL8" s="70">
        <v>1420</v>
      </c>
      <c r="CM8" s="71">
        <v>1554</v>
      </c>
      <c r="CN8" s="72">
        <v>2974</v>
      </c>
      <c r="CO8" s="244"/>
      <c r="CP8" s="71">
        <v>1588</v>
      </c>
      <c r="CQ8" s="71">
        <v>1902</v>
      </c>
      <c r="CR8" s="71">
        <v>1052</v>
      </c>
      <c r="CS8" s="71">
        <v>887</v>
      </c>
      <c r="CT8" s="71">
        <v>590</v>
      </c>
      <c r="CU8" s="72">
        <v>6019</v>
      </c>
      <c r="CV8" s="73">
        <v>8993</v>
      </c>
      <c r="CW8" s="123">
        <v>471</v>
      </c>
      <c r="CX8" s="82">
        <v>591</v>
      </c>
      <c r="CY8" s="83">
        <v>1062</v>
      </c>
      <c r="CZ8" s="241"/>
      <c r="DA8" s="82">
        <v>588</v>
      </c>
      <c r="DB8" s="82">
        <v>782</v>
      </c>
      <c r="DC8" s="82">
        <v>449</v>
      </c>
      <c r="DD8" s="82">
        <v>472</v>
      </c>
      <c r="DE8" s="82">
        <v>333</v>
      </c>
      <c r="DF8" s="84">
        <v>2624</v>
      </c>
      <c r="DG8" s="85">
        <v>3686</v>
      </c>
      <c r="DH8" s="70">
        <v>16</v>
      </c>
      <c r="DI8" s="71">
        <v>15</v>
      </c>
      <c r="DJ8" s="72">
        <v>31</v>
      </c>
      <c r="DK8" s="244"/>
      <c r="DL8" s="71">
        <v>5</v>
      </c>
      <c r="DM8" s="71">
        <v>23</v>
      </c>
      <c r="DN8" s="71">
        <v>8</v>
      </c>
      <c r="DO8" s="71">
        <v>8</v>
      </c>
      <c r="DP8" s="71">
        <v>2</v>
      </c>
      <c r="DQ8" s="72">
        <v>46</v>
      </c>
      <c r="DR8" s="73">
        <v>77</v>
      </c>
      <c r="DS8" s="70">
        <v>36</v>
      </c>
      <c r="DT8" s="71">
        <v>40</v>
      </c>
      <c r="DU8" s="72">
        <v>76</v>
      </c>
      <c r="DV8" s="244"/>
      <c r="DW8" s="71">
        <v>32</v>
      </c>
      <c r="DX8" s="71">
        <v>38</v>
      </c>
      <c r="DY8" s="71">
        <v>20</v>
      </c>
      <c r="DZ8" s="71">
        <v>21</v>
      </c>
      <c r="EA8" s="71">
        <v>13</v>
      </c>
      <c r="EB8" s="72">
        <v>124</v>
      </c>
      <c r="EC8" s="73">
        <v>200</v>
      </c>
      <c r="ED8" s="70">
        <v>68</v>
      </c>
      <c r="EE8" s="71">
        <v>77</v>
      </c>
      <c r="EF8" s="72">
        <v>145</v>
      </c>
      <c r="EG8" s="244"/>
      <c r="EH8" s="71">
        <v>64</v>
      </c>
      <c r="EI8" s="71">
        <v>68</v>
      </c>
      <c r="EJ8" s="71">
        <v>34</v>
      </c>
      <c r="EK8" s="71">
        <v>26</v>
      </c>
      <c r="EL8" s="71">
        <v>29</v>
      </c>
      <c r="EM8" s="72">
        <v>221</v>
      </c>
      <c r="EN8" s="73">
        <v>366</v>
      </c>
      <c r="EO8" s="70">
        <v>120</v>
      </c>
      <c r="EP8" s="71">
        <v>131</v>
      </c>
      <c r="EQ8" s="72">
        <v>251</v>
      </c>
      <c r="ER8" s="244"/>
      <c r="ES8" s="71">
        <v>127</v>
      </c>
      <c r="ET8" s="71">
        <v>133</v>
      </c>
      <c r="EU8" s="71">
        <v>72</v>
      </c>
      <c r="EV8" s="71">
        <v>72</v>
      </c>
      <c r="EW8" s="71">
        <v>40</v>
      </c>
      <c r="EX8" s="72">
        <v>444</v>
      </c>
      <c r="EY8" s="73">
        <v>695</v>
      </c>
      <c r="EZ8" s="70">
        <v>143</v>
      </c>
      <c r="FA8" s="71">
        <v>173</v>
      </c>
      <c r="FB8" s="72">
        <v>316</v>
      </c>
      <c r="FC8" s="244"/>
      <c r="FD8" s="71">
        <v>179</v>
      </c>
      <c r="FE8" s="71">
        <v>245</v>
      </c>
      <c r="FF8" s="71">
        <v>131</v>
      </c>
      <c r="FG8" s="71">
        <v>117</v>
      </c>
      <c r="FH8" s="71">
        <v>99</v>
      </c>
      <c r="FI8" s="72">
        <v>771</v>
      </c>
      <c r="FJ8" s="73">
        <v>1087</v>
      </c>
      <c r="FK8" s="70">
        <v>88</v>
      </c>
      <c r="FL8" s="71">
        <v>155</v>
      </c>
      <c r="FM8" s="72">
        <v>243</v>
      </c>
      <c r="FN8" s="244"/>
      <c r="FO8" s="71">
        <v>181</v>
      </c>
      <c r="FP8" s="71">
        <v>275</v>
      </c>
      <c r="FQ8" s="71">
        <v>184</v>
      </c>
      <c r="FR8" s="71">
        <v>228</v>
      </c>
      <c r="FS8" s="71">
        <v>150</v>
      </c>
      <c r="FT8" s="72">
        <v>1018</v>
      </c>
      <c r="FU8" s="73">
        <v>1261</v>
      </c>
      <c r="FV8" s="70">
        <v>0</v>
      </c>
      <c r="FW8" s="71">
        <v>0</v>
      </c>
      <c r="FX8" s="72">
        <v>0</v>
      </c>
      <c r="FY8" s="244"/>
      <c r="FZ8" s="71">
        <v>0</v>
      </c>
      <c r="GA8" s="71">
        <v>0</v>
      </c>
      <c r="GB8" s="71">
        <v>0</v>
      </c>
      <c r="GC8" s="71">
        <v>0</v>
      </c>
      <c r="GD8" s="71">
        <v>0</v>
      </c>
      <c r="GE8" s="72">
        <v>0</v>
      </c>
      <c r="GF8" s="73">
        <v>0</v>
      </c>
      <c r="GG8" s="70">
        <v>471</v>
      </c>
      <c r="GH8" s="71">
        <v>591</v>
      </c>
      <c r="GI8" s="72">
        <v>1062</v>
      </c>
      <c r="GJ8" s="244"/>
      <c r="GK8" s="71">
        <v>588</v>
      </c>
      <c r="GL8" s="71">
        <v>782</v>
      </c>
      <c r="GM8" s="71">
        <v>449</v>
      </c>
      <c r="GN8" s="71">
        <v>472</v>
      </c>
      <c r="GO8" s="71">
        <v>333</v>
      </c>
      <c r="GP8" s="72">
        <v>2624</v>
      </c>
      <c r="GQ8" s="73">
        <v>3686</v>
      </c>
      <c r="GR8" s="123">
        <v>1891</v>
      </c>
      <c r="GS8" s="82">
        <v>2145</v>
      </c>
      <c r="GT8" s="83">
        <v>4036</v>
      </c>
      <c r="GU8" s="241"/>
      <c r="GV8" s="82">
        <v>2176</v>
      </c>
      <c r="GW8" s="82">
        <v>2684</v>
      </c>
      <c r="GX8" s="82">
        <v>1501</v>
      </c>
      <c r="GY8" s="82">
        <v>1359</v>
      </c>
      <c r="GZ8" s="82">
        <v>923</v>
      </c>
      <c r="HA8" s="84">
        <v>8643</v>
      </c>
      <c r="HB8" s="85">
        <v>12679</v>
      </c>
      <c r="HC8" s="70">
        <v>57</v>
      </c>
      <c r="HD8" s="71">
        <v>74</v>
      </c>
      <c r="HE8" s="72">
        <v>131</v>
      </c>
      <c r="HF8" s="241"/>
      <c r="HG8" s="71">
        <v>42</v>
      </c>
      <c r="HH8" s="71">
        <v>102</v>
      </c>
      <c r="HI8" s="71">
        <v>43</v>
      </c>
      <c r="HJ8" s="71">
        <v>38</v>
      </c>
      <c r="HK8" s="71">
        <v>28</v>
      </c>
      <c r="HL8" s="72">
        <v>253</v>
      </c>
      <c r="HM8" s="73">
        <v>384</v>
      </c>
      <c r="HN8" s="70">
        <v>123</v>
      </c>
      <c r="HO8" s="71">
        <v>182</v>
      </c>
      <c r="HP8" s="72">
        <v>305</v>
      </c>
      <c r="HQ8" s="241"/>
      <c r="HR8" s="71">
        <v>120</v>
      </c>
      <c r="HS8" s="71">
        <v>165</v>
      </c>
      <c r="HT8" s="71">
        <v>103</v>
      </c>
      <c r="HU8" s="71">
        <v>105</v>
      </c>
      <c r="HV8" s="71">
        <v>82</v>
      </c>
      <c r="HW8" s="72">
        <v>575</v>
      </c>
      <c r="HX8" s="73">
        <v>880</v>
      </c>
      <c r="HY8" s="70">
        <v>243</v>
      </c>
      <c r="HZ8" s="71">
        <v>272</v>
      </c>
      <c r="IA8" s="72">
        <v>515</v>
      </c>
      <c r="IB8" s="244"/>
      <c r="IC8" s="71">
        <v>224</v>
      </c>
      <c r="ID8" s="71">
        <v>277</v>
      </c>
      <c r="IE8" s="71">
        <v>124</v>
      </c>
      <c r="IF8" s="71">
        <v>137</v>
      </c>
      <c r="IG8" s="71">
        <v>110</v>
      </c>
      <c r="IH8" s="72">
        <v>872</v>
      </c>
      <c r="II8" s="73">
        <v>1387</v>
      </c>
      <c r="IJ8" s="70">
        <v>452</v>
      </c>
      <c r="IK8" s="71">
        <v>471</v>
      </c>
      <c r="IL8" s="72">
        <v>923</v>
      </c>
      <c r="IM8" s="244"/>
      <c r="IN8" s="71">
        <v>495</v>
      </c>
      <c r="IO8" s="71">
        <v>506</v>
      </c>
      <c r="IP8" s="71">
        <v>299</v>
      </c>
      <c r="IQ8" s="71">
        <v>245</v>
      </c>
      <c r="IR8" s="71">
        <v>165</v>
      </c>
      <c r="IS8" s="72">
        <v>1710</v>
      </c>
      <c r="IT8" s="73">
        <v>2633</v>
      </c>
      <c r="IU8" s="70">
        <v>598</v>
      </c>
      <c r="IV8" s="71">
        <v>613</v>
      </c>
      <c r="IW8" s="72">
        <v>1211</v>
      </c>
      <c r="IX8" s="244"/>
      <c r="IY8" s="71">
        <v>679</v>
      </c>
      <c r="IZ8" s="71">
        <v>746</v>
      </c>
      <c r="JA8" s="71">
        <v>410</v>
      </c>
      <c r="JB8" s="71">
        <v>324</v>
      </c>
      <c r="JC8" s="71">
        <v>230</v>
      </c>
      <c r="JD8" s="72">
        <v>2389</v>
      </c>
      <c r="JE8" s="73">
        <v>3600</v>
      </c>
      <c r="JF8" s="70">
        <v>418</v>
      </c>
      <c r="JG8" s="71">
        <v>533</v>
      </c>
      <c r="JH8" s="72">
        <v>951</v>
      </c>
      <c r="JI8" s="244"/>
      <c r="JJ8" s="71">
        <v>616</v>
      </c>
      <c r="JK8" s="71">
        <v>888</v>
      </c>
      <c r="JL8" s="71">
        <v>522</v>
      </c>
      <c r="JM8" s="71">
        <v>510</v>
      </c>
      <c r="JN8" s="71">
        <v>308</v>
      </c>
      <c r="JO8" s="72">
        <v>2844</v>
      </c>
      <c r="JP8" s="73">
        <v>3795</v>
      </c>
      <c r="JQ8" s="70">
        <v>0</v>
      </c>
      <c r="JR8" s="71">
        <v>0</v>
      </c>
      <c r="JS8" s="72">
        <v>0</v>
      </c>
      <c r="JT8" s="244"/>
      <c r="JU8" s="71">
        <v>0</v>
      </c>
      <c r="JV8" s="71">
        <v>0</v>
      </c>
      <c r="JW8" s="71">
        <v>0</v>
      </c>
      <c r="JX8" s="71">
        <v>0</v>
      </c>
      <c r="JY8" s="71">
        <v>0</v>
      </c>
      <c r="JZ8" s="72">
        <v>0</v>
      </c>
      <c r="KA8" s="73">
        <v>0</v>
      </c>
      <c r="KB8" s="70">
        <v>1891</v>
      </c>
      <c r="KC8" s="71">
        <v>2145</v>
      </c>
      <c r="KD8" s="72">
        <v>4036</v>
      </c>
      <c r="KE8" s="244"/>
      <c r="KF8" s="71">
        <v>2176</v>
      </c>
      <c r="KG8" s="71">
        <v>2684</v>
      </c>
      <c r="KH8" s="71">
        <v>1501</v>
      </c>
      <c r="KI8" s="71">
        <v>1359</v>
      </c>
      <c r="KJ8" s="71">
        <v>923</v>
      </c>
      <c r="KK8" s="72">
        <v>8643</v>
      </c>
      <c r="KL8" s="73">
        <v>12679</v>
      </c>
    </row>
    <row r="9" spans="1:298" ht="19.5" customHeight="1" x14ac:dyDescent="0.2">
      <c r="A9" s="126" t="s">
        <v>6</v>
      </c>
      <c r="B9" s="316">
        <v>416</v>
      </c>
      <c r="C9" s="82">
        <v>358</v>
      </c>
      <c r="D9" s="83">
        <v>774</v>
      </c>
      <c r="E9" s="241"/>
      <c r="F9" s="82">
        <v>727</v>
      </c>
      <c r="G9" s="82">
        <v>537</v>
      </c>
      <c r="H9" s="82">
        <v>367</v>
      </c>
      <c r="I9" s="82">
        <v>361</v>
      </c>
      <c r="J9" s="82">
        <v>224</v>
      </c>
      <c r="K9" s="84">
        <v>2216</v>
      </c>
      <c r="L9" s="85">
        <v>2990</v>
      </c>
      <c r="M9" s="70">
        <v>9</v>
      </c>
      <c r="N9" s="71">
        <v>21</v>
      </c>
      <c r="O9" s="72">
        <v>30</v>
      </c>
      <c r="P9" s="244"/>
      <c r="Q9" s="71">
        <v>23</v>
      </c>
      <c r="R9" s="71">
        <v>26</v>
      </c>
      <c r="S9" s="71">
        <v>10</v>
      </c>
      <c r="T9" s="71">
        <v>16</v>
      </c>
      <c r="U9" s="71">
        <v>11</v>
      </c>
      <c r="V9" s="72">
        <v>86</v>
      </c>
      <c r="W9" s="73">
        <v>116</v>
      </c>
      <c r="X9" s="70">
        <v>34</v>
      </c>
      <c r="Y9" s="71">
        <v>32</v>
      </c>
      <c r="Z9" s="72">
        <v>66</v>
      </c>
      <c r="AA9" s="244"/>
      <c r="AB9" s="71">
        <v>57</v>
      </c>
      <c r="AC9" s="71">
        <v>47</v>
      </c>
      <c r="AD9" s="71">
        <v>38</v>
      </c>
      <c r="AE9" s="71">
        <v>33</v>
      </c>
      <c r="AF9" s="71">
        <v>26</v>
      </c>
      <c r="AG9" s="72">
        <v>201</v>
      </c>
      <c r="AH9" s="73">
        <v>267</v>
      </c>
      <c r="AI9" s="70">
        <v>42</v>
      </c>
      <c r="AJ9" s="71">
        <v>48</v>
      </c>
      <c r="AK9" s="72">
        <v>90</v>
      </c>
      <c r="AL9" s="244"/>
      <c r="AM9" s="71">
        <v>86</v>
      </c>
      <c r="AN9" s="71">
        <v>68</v>
      </c>
      <c r="AO9" s="71">
        <v>52</v>
      </c>
      <c r="AP9" s="71">
        <v>41</v>
      </c>
      <c r="AQ9" s="71">
        <v>32</v>
      </c>
      <c r="AR9" s="72">
        <v>279</v>
      </c>
      <c r="AS9" s="73">
        <v>369</v>
      </c>
      <c r="AT9" s="70">
        <v>94</v>
      </c>
      <c r="AU9" s="71">
        <v>67</v>
      </c>
      <c r="AV9" s="72">
        <v>161</v>
      </c>
      <c r="AW9" s="244"/>
      <c r="AX9" s="71">
        <v>161</v>
      </c>
      <c r="AY9" s="71">
        <v>107</v>
      </c>
      <c r="AZ9" s="71">
        <v>78</v>
      </c>
      <c r="BA9" s="71">
        <v>69</v>
      </c>
      <c r="BB9" s="71">
        <v>36</v>
      </c>
      <c r="BC9" s="72">
        <v>451</v>
      </c>
      <c r="BD9" s="73">
        <v>612</v>
      </c>
      <c r="BE9" s="70">
        <v>124</v>
      </c>
      <c r="BF9" s="71">
        <v>101</v>
      </c>
      <c r="BG9" s="72">
        <v>225</v>
      </c>
      <c r="BH9" s="244"/>
      <c r="BI9" s="71">
        <v>198</v>
      </c>
      <c r="BJ9" s="71">
        <v>132</v>
      </c>
      <c r="BK9" s="71">
        <v>93</v>
      </c>
      <c r="BL9" s="71">
        <v>116</v>
      </c>
      <c r="BM9" s="71">
        <v>60</v>
      </c>
      <c r="BN9" s="72">
        <v>599</v>
      </c>
      <c r="BO9" s="73">
        <v>824</v>
      </c>
      <c r="BP9" s="70">
        <v>113</v>
      </c>
      <c r="BQ9" s="71">
        <v>89</v>
      </c>
      <c r="BR9" s="72">
        <v>202</v>
      </c>
      <c r="BS9" s="244"/>
      <c r="BT9" s="71">
        <v>202</v>
      </c>
      <c r="BU9" s="71">
        <v>157</v>
      </c>
      <c r="BV9" s="71">
        <v>96</v>
      </c>
      <c r="BW9" s="71">
        <v>86</v>
      </c>
      <c r="BX9" s="71">
        <v>59</v>
      </c>
      <c r="BY9" s="72">
        <v>600</v>
      </c>
      <c r="BZ9" s="73">
        <v>802</v>
      </c>
      <c r="CA9" s="70">
        <v>0</v>
      </c>
      <c r="CB9" s="71">
        <v>0</v>
      </c>
      <c r="CC9" s="72">
        <v>0</v>
      </c>
      <c r="CD9" s="244"/>
      <c r="CE9" s="71">
        <v>0</v>
      </c>
      <c r="CF9" s="71">
        <v>0</v>
      </c>
      <c r="CG9" s="71">
        <v>0</v>
      </c>
      <c r="CH9" s="71">
        <v>0</v>
      </c>
      <c r="CI9" s="71">
        <v>0</v>
      </c>
      <c r="CJ9" s="72">
        <v>0</v>
      </c>
      <c r="CK9" s="73">
        <v>0</v>
      </c>
      <c r="CL9" s="70">
        <v>416</v>
      </c>
      <c r="CM9" s="71">
        <v>358</v>
      </c>
      <c r="CN9" s="72">
        <v>774</v>
      </c>
      <c r="CO9" s="244"/>
      <c r="CP9" s="71">
        <v>727</v>
      </c>
      <c r="CQ9" s="71">
        <v>537</v>
      </c>
      <c r="CR9" s="71">
        <v>367</v>
      </c>
      <c r="CS9" s="71">
        <v>361</v>
      </c>
      <c r="CT9" s="71">
        <v>224</v>
      </c>
      <c r="CU9" s="72">
        <v>2216</v>
      </c>
      <c r="CV9" s="73">
        <v>2990</v>
      </c>
      <c r="CW9" s="123">
        <v>201</v>
      </c>
      <c r="CX9" s="82">
        <v>202</v>
      </c>
      <c r="CY9" s="83">
        <v>403</v>
      </c>
      <c r="CZ9" s="241"/>
      <c r="DA9" s="82">
        <v>392</v>
      </c>
      <c r="DB9" s="82">
        <v>241</v>
      </c>
      <c r="DC9" s="82">
        <v>183</v>
      </c>
      <c r="DD9" s="82">
        <v>193</v>
      </c>
      <c r="DE9" s="82">
        <v>128</v>
      </c>
      <c r="DF9" s="84">
        <v>1137</v>
      </c>
      <c r="DG9" s="85">
        <v>1540</v>
      </c>
      <c r="DH9" s="70">
        <v>4</v>
      </c>
      <c r="DI9" s="71">
        <v>3</v>
      </c>
      <c r="DJ9" s="72">
        <v>7</v>
      </c>
      <c r="DK9" s="244"/>
      <c r="DL9" s="71">
        <v>9</v>
      </c>
      <c r="DM9" s="71">
        <v>3</v>
      </c>
      <c r="DN9" s="71">
        <v>3</v>
      </c>
      <c r="DO9" s="71">
        <v>6</v>
      </c>
      <c r="DP9" s="71">
        <v>1</v>
      </c>
      <c r="DQ9" s="72">
        <v>22</v>
      </c>
      <c r="DR9" s="73">
        <v>29</v>
      </c>
      <c r="DS9" s="70">
        <v>12</v>
      </c>
      <c r="DT9" s="71">
        <v>11</v>
      </c>
      <c r="DU9" s="72">
        <v>23</v>
      </c>
      <c r="DV9" s="244"/>
      <c r="DW9" s="71">
        <v>29</v>
      </c>
      <c r="DX9" s="71">
        <v>7</v>
      </c>
      <c r="DY9" s="71">
        <v>8</v>
      </c>
      <c r="DZ9" s="71">
        <v>10</v>
      </c>
      <c r="EA9" s="71">
        <v>4</v>
      </c>
      <c r="EB9" s="72">
        <v>58</v>
      </c>
      <c r="EC9" s="73">
        <v>81</v>
      </c>
      <c r="ED9" s="70">
        <v>29</v>
      </c>
      <c r="EE9" s="71">
        <v>23</v>
      </c>
      <c r="EF9" s="72">
        <v>52</v>
      </c>
      <c r="EG9" s="244"/>
      <c r="EH9" s="71">
        <v>58</v>
      </c>
      <c r="EI9" s="71">
        <v>27</v>
      </c>
      <c r="EJ9" s="71">
        <v>13</v>
      </c>
      <c r="EK9" s="71">
        <v>10</v>
      </c>
      <c r="EL9" s="71">
        <v>13</v>
      </c>
      <c r="EM9" s="72">
        <v>121</v>
      </c>
      <c r="EN9" s="73">
        <v>173</v>
      </c>
      <c r="EO9" s="70">
        <v>47</v>
      </c>
      <c r="EP9" s="71">
        <v>50</v>
      </c>
      <c r="EQ9" s="72">
        <v>97</v>
      </c>
      <c r="ER9" s="244"/>
      <c r="ES9" s="71">
        <v>86</v>
      </c>
      <c r="ET9" s="71">
        <v>42</v>
      </c>
      <c r="EU9" s="71">
        <v>24</v>
      </c>
      <c r="EV9" s="71">
        <v>18</v>
      </c>
      <c r="EW9" s="71">
        <v>26</v>
      </c>
      <c r="EX9" s="72">
        <v>196</v>
      </c>
      <c r="EY9" s="73">
        <v>293</v>
      </c>
      <c r="EZ9" s="70">
        <v>63</v>
      </c>
      <c r="FA9" s="71">
        <v>66</v>
      </c>
      <c r="FB9" s="72">
        <v>129</v>
      </c>
      <c r="FC9" s="244"/>
      <c r="FD9" s="71">
        <v>96</v>
      </c>
      <c r="FE9" s="71">
        <v>80</v>
      </c>
      <c r="FF9" s="71">
        <v>58</v>
      </c>
      <c r="FG9" s="71">
        <v>42</v>
      </c>
      <c r="FH9" s="71">
        <v>28</v>
      </c>
      <c r="FI9" s="72">
        <v>304</v>
      </c>
      <c r="FJ9" s="73">
        <v>433</v>
      </c>
      <c r="FK9" s="70">
        <v>46</v>
      </c>
      <c r="FL9" s="71">
        <v>49</v>
      </c>
      <c r="FM9" s="72">
        <v>95</v>
      </c>
      <c r="FN9" s="244"/>
      <c r="FO9" s="71">
        <v>114</v>
      </c>
      <c r="FP9" s="71">
        <v>82</v>
      </c>
      <c r="FQ9" s="71">
        <v>77</v>
      </c>
      <c r="FR9" s="71">
        <v>107</v>
      </c>
      <c r="FS9" s="71">
        <v>56</v>
      </c>
      <c r="FT9" s="72">
        <v>436</v>
      </c>
      <c r="FU9" s="73">
        <v>531</v>
      </c>
      <c r="FV9" s="70">
        <v>0</v>
      </c>
      <c r="FW9" s="71">
        <v>0</v>
      </c>
      <c r="FX9" s="72">
        <v>0</v>
      </c>
      <c r="FY9" s="244"/>
      <c r="FZ9" s="71">
        <v>0</v>
      </c>
      <c r="GA9" s="71">
        <v>0</v>
      </c>
      <c r="GB9" s="71">
        <v>0</v>
      </c>
      <c r="GC9" s="71">
        <v>0</v>
      </c>
      <c r="GD9" s="71">
        <v>0</v>
      </c>
      <c r="GE9" s="72">
        <v>0</v>
      </c>
      <c r="GF9" s="73">
        <v>0</v>
      </c>
      <c r="GG9" s="70">
        <v>201</v>
      </c>
      <c r="GH9" s="71">
        <v>202</v>
      </c>
      <c r="GI9" s="72">
        <v>403</v>
      </c>
      <c r="GJ9" s="244"/>
      <c r="GK9" s="71">
        <v>392</v>
      </c>
      <c r="GL9" s="71">
        <v>241</v>
      </c>
      <c r="GM9" s="71">
        <v>183</v>
      </c>
      <c r="GN9" s="71">
        <v>193</v>
      </c>
      <c r="GO9" s="71">
        <v>128</v>
      </c>
      <c r="GP9" s="72">
        <v>1137</v>
      </c>
      <c r="GQ9" s="73">
        <v>1540</v>
      </c>
      <c r="GR9" s="123">
        <v>617</v>
      </c>
      <c r="GS9" s="82">
        <v>560</v>
      </c>
      <c r="GT9" s="83">
        <v>1177</v>
      </c>
      <c r="GU9" s="241"/>
      <c r="GV9" s="82">
        <v>1119</v>
      </c>
      <c r="GW9" s="82">
        <v>778</v>
      </c>
      <c r="GX9" s="82">
        <v>550</v>
      </c>
      <c r="GY9" s="82">
        <v>554</v>
      </c>
      <c r="GZ9" s="82">
        <v>352</v>
      </c>
      <c r="HA9" s="84">
        <v>3353</v>
      </c>
      <c r="HB9" s="85">
        <v>4530</v>
      </c>
      <c r="HC9" s="70">
        <v>13</v>
      </c>
      <c r="HD9" s="71">
        <v>24</v>
      </c>
      <c r="HE9" s="72">
        <v>37</v>
      </c>
      <c r="HF9" s="241"/>
      <c r="HG9" s="71">
        <v>32</v>
      </c>
      <c r="HH9" s="71">
        <v>29</v>
      </c>
      <c r="HI9" s="71">
        <v>13</v>
      </c>
      <c r="HJ9" s="71">
        <v>22</v>
      </c>
      <c r="HK9" s="71">
        <v>12</v>
      </c>
      <c r="HL9" s="72">
        <v>108</v>
      </c>
      <c r="HM9" s="73">
        <v>145</v>
      </c>
      <c r="HN9" s="70">
        <v>46</v>
      </c>
      <c r="HO9" s="71">
        <v>43</v>
      </c>
      <c r="HP9" s="72">
        <v>89</v>
      </c>
      <c r="HQ9" s="241"/>
      <c r="HR9" s="71">
        <v>86</v>
      </c>
      <c r="HS9" s="71">
        <v>54</v>
      </c>
      <c r="HT9" s="71">
        <v>46</v>
      </c>
      <c r="HU9" s="71">
        <v>43</v>
      </c>
      <c r="HV9" s="71">
        <v>30</v>
      </c>
      <c r="HW9" s="72">
        <v>259</v>
      </c>
      <c r="HX9" s="73">
        <v>348</v>
      </c>
      <c r="HY9" s="70">
        <v>71</v>
      </c>
      <c r="HZ9" s="71">
        <v>71</v>
      </c>
      <c r="IA9" s="72">
        <v>142</v>
      </c>
      <c r="IB9" s="244"/>
      <c r="IC9" s="71">
        <v>144</v>
      </c>
      <c r="ID9" s="71">
        <v>95</v>
      </c>
      <c r="IE9" s="71">
        <v>65</v>
      </c>
      <c r="IF9" s="71">
        <v>51</v>
      </c>
      <c r="IG9" s="71">
        <v>45</v>
      </c>
      <c r="IH9" s="72">
        <v>400</v>
      </c>
      <c r="II9" s="73">
        <v>542</v>
      </c>
      <c r="IJ9" s="70">
        <v>141</v>
      </c>
      <c r="IK9" s="71">
        <v>117</v>
      </c>
      <c r="IL9" s="72">
        <v>258</v>
      </c>
      <c r="IM9" s="244"/>
      <c r="IN9" s="71">
        <v>247</v>
      </c>
      <c r="IO9" s="71">
        <v>149</v>
      </c>
      <c r="IP9" s="71">
        <v>102</v>
      </c>
      <c r="IQ9" s="71">
        <v>87</v>
      </c>
      <c r="IR9" s="71">
        <v>62</v>
      </c>
      <c r="IS9" s="72">
        <v>647</v>
      </c>
      <c r="IT9" s="73">
        <v>905</v>
      </c>
      <c r="IU9" s="70">
        <v>187</v>
      </c>
      <c r="IV9" s="71">
        <v>167</v>
      </c>
      <c r="IW9" s="72">
        <v>354</v>
      </c>
      <c r="IX9" s="244"/>
      <c r="IY9" s="71">
        <v>294</v>
      </c>
      <c r="IZ9" s="71">
        <v>212</v>
      </c>
      <c r="JA9" s="71">
        <v>151</v>
      </c>
      <c r="JB9" s="71">
        <v>158</v>
      </c>
      <c r="JC9" s="71">
        <v>88</v>
      </c>
      <c r="JD9" s="72">
        <v>903</v>
      </c>
      <c r="JE9" s="73">
        <v>1257</v>
      </c>
      <c r="JF9" s="70">
        <v>159</v>
      </c>
      <c r="JG9" s="71">
        <v>138</v>
      </c>
      <c r="JH9" s="72">
        <v>297</v>
      </c>
      <c r="JI9" s="244"/>
      <c r="JJ9" s="71">
        <v>316</v>
      </c>
      <c r="JK9" s="71">
        <v>239</v>
      </c>
      <c r="JL9" s="71">
        <v>173</v>
      </c>
      <c r="JM9" s="71">
        <v>193</v>
      </c>
      <c r="JN9" s="71">
        <v>115</v>
      </c>
      <c r="JO9" s="72">
        <v>1036</v>
      </c>
      <c r="JP9" s="73">
        <v>1333</v>
      </c>
      <c r="JQ9" s="70">
        <v>0</v>
      </c>
      <c r="JR9" s="71">
        <v>0</v>
      </c>
      <c r="JS9" s="72">
        <v>0</v>
      </c>
      <c r="JT9" s="244"/>
      <c r="JU9" s="71">
        <v>0</v>
      </c>
      <c r="JV9" s="71">
        <v>0</v>
      </c>
      <c r="JW9" s="71">
        <v>0</v>
      </c>
      <c r="JX9" s="71">
        <v>0</v>
      </c>
      <c r="JY9" s="71">
        <v>0</v>
      </c>
      <c r="JZ9" s="72">
        <v>0</v>
      </c>
      <c r="KA9" s="73">
        <v>0</v>
      </c>
      <c r="KB9" s="70">
        <v>617</v>
      </c>
      <c r="KC9" s="71">
        <v>560</v>
      </c>
      <c r="KD9" s="72">
        <v>1177</v>
      </c>
      <c r="KE9" s="244"/>
      <c r="KF9" s="71">
        <v>1119</v>
      </c>
      <c r="KG9" s="71">
        <v>778</v>
      </c>
      <c r="KH9" s="71">
        <v>550</v>
      </c>
      <c r="KI9" s="71">
        <v>554</v>
      </c>
      <c r="KJ9" s="71">
        <v>352</v>
      </c>
      <c r="KK9" s="72">
        <v>3353</v>
      </c>
      <c r="KL9" s="73">
        <v>4530</v>
      </c>
    </row>
    <row r="10" spans="1:298" ht="19.5" customHeight="1" x14ac:dyDescent="0.2">
      <c r="A10" s="126" t="s">
        <v>14</v>
      </c>
      <c r="B10" s="316">
        <v>174</v>
      </c>
      <c r="C10" s="82">
        <v>189</v>
      </c>
      <c r="D10" s="83">
        <v>363</v>
      </c>
      <c r="E10" s="241"/>
      <c r="F10" s="82">
        <v>242</v>
      </c>
      <c r="G10" s="82">
        <v>237</v>
      </c>
      <c r="H10" s="82">
        <v>157</v>
      </c>
      <c r="I10" s="82">
        <v>141</v>
      </c>
      <c r="J10" s="82">
        <v>104</v>
      </c>
      <c r="K10" s="84">
        <v>881</v>
      </c>
      <c r="L10" s="85">
        <v>1244</v>
      </c>
      <c r="M10" s="70">
        <v>13</v>
      </c>
      <c r="N10" s="71">
        <v>2</v>
      </c>
      <c r="O10" s="72">
        <v>15</v>
      </c>
      <c r="P10" s="244"/>
      <c r="Q10" s="71">
        <v>11</v>
      </c>
      <c r="R10" s="71">
        <v>10</v>
      </c>
      <c r="S10" s="71">
        <v>6</v>
      </c>
      <c r="T10" s="71">
        <v>8</v>
      </c>
      <c r="U10" s="71">
        <v>8</v>
      </c>
      <c r="V10" s="72">
        <v>43</v>
      </c>
      <c r="W10" s="73">
        <v>58</v>
      </c>
      <c r="X10" s="70">
        <v>16</v>
      </c>
      <c r="Y10" s="71">
        <v>22</v>
      </c>
      <c r="Z10" s="72">
        <v>38</v>
      </c>
      <c r="AA10" s="244"/>
      <c r="AB10" s="71">
        <v>15</v>
      </c>
      <c r="AC10" s="71">
        <v>25</v>
      </c>
      <c r="AD10" s="71">
        <v>14</v>
      </c>
      <c r="AE10" s="71">
        <v>19</v>
      </c>
      <c r="AF10" s="71">
        <v>11</v>
      </c>
      <c r="AG10" s="72">
        <v>84</v>
      </c>
      <c r="AH10" s="73">
        <v>122</v>
      </c>
      <c r="AI10" s="70">
        <v>18</v>
      </c>
      <c r="AJ10" s="71">
        <v>26</v>
      </c>
      <c r="AK10" s="72">
        <v>44</v>
      </c>
      <c r="AL10" s="244"/>
      <c r="AM10" s="71">
        <v>22</v>
      </c>
      <c r="AN10" s="71">
        <v>27</v>
      </c>
      <c r="AO10" s="71">
        <v>17</v>
      </c>
      <c r="AP10" s="71">
        <v>16</v>
      </c>
      <c r="AQ10" s="71">
        <v>23</v>
      </c>
      <c r="AR10" s="72">
        <v>105</v>
      </c>
      <c r="AS10" s="73">
        <v>149</v>
      </c>
      <c r="AT10" s="70">
        <v>43</v>
      </c>
      <c r="AU10" s="71">
        <v>58</v>
      </c>
      <c r="AV10" s="72">
        <v>101</v>
      </c>
      <c r="AW10" s="244"/>
      <c r="AX10" s="71">
        <v>60</v>
      </c>
      <c r="AY10" s="71">
        <v>53</v>
      </c>
      <c r="AZ10" s="71">
        <v>46</v>
      </c>
      <c r="BA10" s="71">
        <v>23</v>
      </c>
      <c r="BB10" s="71">
        <v>22</v>
      </c>
      <c r="BC10" s="72">
        <v>204</v>
      </c>
      <c r="BD10" s="73">
        <v>305</v>
      </c>
      <c r="BE10" s="70">
        <v>51</v>
      </c>
      <c r="BF10" s="71">
        <v>50</v>
      </c>
      <c r="BG10" s="72">
        <v>101</v>
      </c>
      <c r="BH10" s="244"/>
      <c r="BI10" s="71">
        <v>69</v>
      </c>
      <c r="BJ10" s="71">
        <v>66</v>
      </c>
      <c r="BK10" s="71">
        <v>39</v>
      </c>
      <c r="BL10" s="71">
        <v>35</v>
      </c>
      <c r="BM10" s="71">
        <v>19</v>
      </c>
      <c r="BN10" s="72">
        <v>228</v>
      </c>
      <c r="BO10" s="73">
        <v>329</v>
      </c>
      <c r="BP10" s="70">
        <v>33</v>
      </c>
      <c r="BQ10" s="71">
        <v>31</v>
      </c>
      <c r="BR10" s="72">
        <v>64</v>
      </c>
      <c r="BS10" s="244"/>
      <c r="BT10" s="71">
        <v>65</v>
      </c>
      <c r="BU10" s="71">
        <v>56</v>
      </c>
      <c r="BV10" s="71">
        <v>35</v>
      </c>
      <c r="BW10" s="71">
        <v>40</v>
      </c>
      <c r="BX10" s="71">
        <v>21</v>
      </c>
      <c r="BY10" s="72">
        <v>217</v>
      </c>
      <c r="BZ10" s="73">
        <v>281</v>
      </c>
      <c r="CA10" s="70">
        <v>0</v>
      </c>
      <c r="CB10" s="71">
        <v>0</v>
      </c>
      <c r="CC10" s="72">
        <v>0</v>
      </c>
      <c r="CD10" s="244"/>
      <c r="CE10" s="71">
        <v>0</v>
      </c>
      <c r="CF10" s="71">
        <v>0</v>
      </c>
      <c r="CG10" s="71">
        <v>0</v>
      </c>
      <c r="CH10" s="71">
        <v>0</v>
      </c>
      <c r="CI10" s="71">
        <v>0</v>
      </c>
      <c r="CJ10" s="72">
        <v>0</v>
      </c>
      <c r="CK10" s="73">
        <v>0</v>
      </c>
      <c r="CL10" s="70">
        <v>174</v>
      </c>
      <c r="CM10" s="71">
        <v>189</v>
      </c>
      <c r="CN10" s="72">
        <v>363</v>
      </c>
      <c r="CO10" s="244"/>
      <c r="CP10" s="71">
        <v>242</v>
      </c>
      <c r="CQ10" s="71">
        <v>237</v>
      </c>
      <c r="CR10" s="71">
        <v>157</v>
      </c>
      <c r="CS10" s="71">
        <v>141</v>
      </c>
      <c r="CT10" s="71">
        <v>104</v>
      </c>
      <c r="CU10" s="72">
        <v>881</v>
      </c>
      <c r="CV10" s="73">
        <v>1244</v>
      </c>
      <c r="CW10" s="123">
        <v>61</v>
      </c>
      <c r="CX10" s="82">
        <v>81</v>
      </c>
      <c r="CY10" s="83">
        <v>142</v>
      </c>
      <c r="CZ10" s="241"/>
      <c r="DA10" s="82">
        <v>94</v>
      </c>
      <c r="DB10" s="82">
        <v>84</v>
      </c>
      <c r="DC10" s="82">
        <v>66</v>
      </c>
      <c r="DD10" s="82">
        <v>70</v>
      </c>
      <c r="DE10" s="82">
        <v>40</v>
      </c>
      <c r="DF10" s="84">
        <v>354</v>
      </c>
      <c r="DG10" s="85">
        <v>496</v>
      </c>
      <c r="DH10" s="70">
        <v>3</v>
      </c>
      <c r="DI10" s="71">
        <v>2</v>
      </c>
      <c r="DJ10" s="72">
        <v>5</v>
      </c>
      <c r="DK10" s="244"/>
      <c r="DL10" s="71">
        <v>1</v>
      </c>
      <c r="DM10" s="71">
        <v>2</v>
      </c>
      <c r="DN10" s="71">
        <v>2</v>
      </c>
      <c r="DO10" s="71">
        <v>0</v>
      </c>
      <c r="DP10" s="71">
        <v>1</v>
      </c>
      <c r="DQ10" s="72">
        <v>6</v>
      </c>
      <c r="DR10" s="73">
        <v>11</v>
      </c>
      <c r="DS10" s="70">
        <v>9</v>
      </c>
      <c r="DT10" s="71">
        <v>2</v>
      </c>
      <c r="DU10" s="72">
        <v>11</v>
      </c>
      <c r="DV10" s="244"/>
      <c r="DW10" s="71">
        <v>5</v>
      </c>
      <c r="DX10" s="71">
        <v>3</v>
      </c>
      <c r="DY10" s="71">
        <v>7</v>
      </c>
      <c r="DZ10" s="71">
        <v>3</v>
      </c>
      <c r="EA10" s="71">
        <v>1</v>
      </c>
      <c r="EB10" s="72">
        <v>19</v>
      </c>
      <c r="EC10" s="73">
        <v>30</v>
      </c>
      <c r="ED10" s="70">
        <v>10</v>
      </c>
      <c r="EE10" s="71">
        <v>7</v>
      </c>
      <c r="EF10" s="72">
        <v>17</v>
      </c>
      <c r="EG10" s="244"/>
      <c r="EH10" s="71">
        <v>10</v>
      </c>
      <c r="EI10" s="71">
        <v>9</v>
      </c>
      <c r="EJ10" s="71">
        <v>4</v>
      </c>
      <c r="EK10" s="71">
        <v>6</v>
      </c>
      <c r="EL10" s="71">
        <v>2</v>
      </c>
      <c r="EM10" s="72">
        <v>31</v>
      </c>
      <c r="EN10" s="73">
        <v>48</v>
      </c>
      <c r="EO10" s="70">
        <v>17</v>
      </c>
      <c r="EP10" s="71">
        <v>19</v>
      </c>
      <c r="EQ10" s="72">
        <v>36</v>
      </c>
      <c r="ER10" s="244"/>
      <c r="ES10" s="71">
        <v>17</v>
      </c>
      <c r="ET10" s="71">
        <v>17</v>
      </c>
      <c r="EU10" s="71">
        <v>11</v>
      </c>
      <c r="EV10" s="71">
        <v>8</v>
      </c>
      <c r="EW10" s="71">
        <v>6</v>
      </c>
      <c r="EX10" s="72">
        <v>59</v>
      </c>
      <c r="EY10" s="73">
        <v>95</v>
      </c>
      <c r="EZ10" s="70">
        <v>9</v>
      </c>
      <c r="FA10" s="71">
        <v>34</v>
      </c>
      <c r="FB10" s="72">
        <v>43</v>
      </c>
      <c r="FC10" s="244"/>
      <c r="FD10" s="71">
        <v>27</v>
      </c>
      <c r="FE10" s="71">
        <v>22</v>
      </c>
      <c r="FF10" s="71">
        <v>11</v>
      </c>
      <c r="FG10" s="71">
        <v>12</v>
      </c>
      <c r="FH10" s="71">
        <v>7</v>
      </c>
      <c r="FI10" s="72">
        <v>79</v>
      </c>
      <c r="FJ10" s="73">
        <v>122</v>
      </c>
      <c r="FK10" s="70">
        <v>13</v>
      </c>
      <c r="FL10" s="71">
        <v>17</v>
      </c>
      <c r="FM10" s="72">
        <v>30</v>
      </c>
      <c r="FN10" s="244"/>
      <c r="FO10" s="71">
        <v>34</v>
      </c>
      <c r="FP10" s="71">
        <v>31</v>
      </c>
      <c r="FQ10" s="71">
        <v>31</v>
      </c>
      <c r="FR10" s="71">
        <v>41</v>
      </c>
      <c r="FS10" s="71">
        <v>23</v>
      </c>
      <c r="FT10" s="72">
        <v>160</v>
      </c>
      <c r="FU10" s="73">
        <v>190</v>
      </c>
      <c r="FV10" s="70">
        <v>0</v>
      </c>
      <c r="FW10" s="71">
        <v>0</v>
      </c>
      <c r="FX10" s="72">
        <v>0</v>
      </c>
      <c r="FY10" s="244"/>
      <c r="FZ10" s="71">
        <v>0</v>
      </c>
      <c r="GA10" s="71">
        <v>0</v>
      </c>
      <c r="GB10" s="71">
        <v>0</v>
      </c>
      <c r="GC10" s="71">
        <v>0</v>
      </c>
      <c r="GD10" s="71">
        <v>0</v>
      </c>
      <c r="GE10" s="72">
        <v>0</v>
      </c>
      <c r="GF10" s="73">
        <v>0</v>
      </c>
      <c r="GG10" s="70">
        <v>61</v>
      </c>
      <c r="GH10" s="71">
        <v>81</v>
      </c>
      <c r="GI10" s="72">
        <v>142</v>
      </c>
      <c r="GJ10" s="244"/>
      <c r="GK10" s="71">
        <v>94</v>
      </c>
      <c r="GL10" s="71">
        <v>84</v>
      </c>
      <c r="GM10" s="71">
        <v>66</v>
      </c>
      <c r="GN10" s="71">
        <v>70</v>
      </c>
      <c r="GO10" s="71">
        <v>40</v>
      </c>
      <c r="GP10" s="72">
        <v>354</v>
      </c>
      <c r="GQ10" s="73">
        <v>496</v>
      </c>
      <c r="GR10" s="123">
        <v>235</v>
      </c>
      <c r="GS10" s="82">
        <v>270</v>
      </c>
      <c r="GT10" s="83">
        <v>505</v>
      </c>
      <c r="GU10" s="241"/>
      <c r="GV10" s="82">
        <v>336</v>
      </c>
      <c r="GW10" s="82">
        <v>321</v>
      </c>
      <c r="GX10" s="82">
        <v>223</v>
      </c>
      <c r="GY10" s="82">
        <v>211</v>
      </c>
      <c r="GZ10" s="82">
        <v>144</v>
      </c>
      <c r="HA10" s="84">
        <v>1235</v>
      </c>
      <c r="HB10" s="85">
        <v>1740</v>
      </c>
      <c r="HC10" s="70">
        <v>16</v>
      </c>
      <c r="HD10" s="71">
        <v>4</v>
      </c>
      <c r="HE10" s="72">
        <v>20</v>
      </c>
      <c r="HF10" s="241"/>
      <c r="HG10" s="71">
        <v>12</v>
      </c>
      <c r="HH10" s="71">
        <v>12</v>
      </c>
      <c r="HI10" s="71">
        <v>8</v>
      </c>
      <c r="HJ10" s="71">
        <v>8</v>
      </c>
      <c r="HK10" s="71">
        <v>9</v>
      </c>
      <c r="HL10" s="72">
        <v>49</v>
      </c>
      <c r="HM10" s="73">
        <v>69</v>
      </c>
      <c r="HN10" s="70">
        <v>25</v>
      </c>
      <c r="HO10" s="71">
        <v>24</v>
      </c>
      <c r="HP10" s="72">
        <v>49</v>
      </c>
      <c r="HQ10" s="241"/>
      <c r="HR10" s="71">
        <v>20</v>
      </c>
      <c r="HS10" s="71">
        <v>28</v>
      </c>
      <c r="HT10" s="71">
        <v>21</v>
      </c>
      <c r="HU10" s="71">
        <v>22</v>
      </c>
      <c r="HV10" s="71">
        <v>12</v>
      </c>
      <c r="HW10" s="72">
        <v>103</v>
      </c>
      <c r="HX10" s="73">
        <v>152</v>
      </c>
      <c r="HY10" s="70">
        <v>28</v>
      </c>
      <c r="HZ10" s="71">
        <v>33</v>
      </c>
      <c r="IA10" s="72">
        <v>61</v>
      </c>
      <c r="IB10" s="244"/>
      <c r="IC10" s="71">
        <v>32</v>
      </c>
      <c r="ID10" s="71">
        <v>36</v>
      </c>
      <c r="IE10" s="71">
        <v>21</v>
      </c>
      <c r="IF10" s="71">
        <v>22</v>
      </c>
      <c r="IG10" s="71">
        <v>25</v>
      </c>
      <c r="IH10" s="72">
        <v>136</v>
      </c>
      <c r="II10" s="73">
        <v>197</v>
      </c>
      <c r="IJ10" s="70">
        <v>60</v>
      </c>
      <c r="IK10" s="71">
        <v>77</v>
      </c>
      <c r="IL10" s="72">
        <v>137</v>
      </c>
      <c r="IM10" s="244"/>
      <c r="IN10" s="71">
        <v>77</v>
      </c>
      <c r="IO10" s="71">
        <v>70</v>
      </c>
      <c r="IP10" s="71">
        <v>57</v>
      </c>
      <c r="IQ10" s="71">
        <v>31</v>
      </c>
      <c r="IR10" s="71">
        <v>28</v>
      </c>
      <c r="IS10" s="72">
        <v>263</v>
      </c>
      <c r="IT10" s="73">
        <v>400</v>
      </c>
      <c r="IU10" s="70">
        <v>60</v>
      </c>
      <c r="IV10" s="71">
        <v>84</v>
      </c>
      <c r="IW10" s="72">
        <v>144</v>
      </c>
      <c r="IX10" s="244"/>
      <c r="IY10" s="71">
        <v>96</v>
      </c>
      <c r="IZ10" s="71">
        <v>88</v>
      </c>
      <c r="JA10" s="71">
        <v>50</v>
      </c>
      <c r="JB10" s="71">
        <v>47</v>
      </c>
      <c r="JC10" s="71">
        <v>26</v>
      </c>
      <c r="JD10" s="72">
        <v>307</v>
      </c>
      <c r="JE10" s="73">
        <v>451</v>
      </c>
      <c r="JF10" s="70">
        <v>46</v>
      </c>
      <c r="JG10" s="71">
        <v>48</v>
      </c>
      <c r="JH10" s="72">
        <v>94</v>
      </c>
      <c r="JI10" s="244"/>
      <c r="JJ10" s="71">
        <v>99</v>
      </c>
      <c r="JK10" s="71">
        <v>87</v>
      </c>
      <c r="JL10" s="71">
        <v>66</v>
      </c>
      <c r="JM10" s="71">
        <v>81</v>
      </c>
      <c r="JN10" s="71">
        <v>44</v>
      </c>
      <c r="JO10" s="72">
        <v>377</v>
      </c>
      <c r="JP10" s="73">
        <v>471</v>
      </c>
      <c r="JQ10" s="70">
        <v>0</v>
      </c>
      <c r="JR10" s="71">
        <v>0</v>
      </c>
      <c r="JS10" s="72">
        <v>0</v>
      </c>
      <c r="JT10" s="244"/>
      <c r="JU10" s="71">
        <v>0</v>
      </c>
      <c r="JV10" s="71">
        <v>0</v>
      </c>
      <c r="JW10" s="71">
        <v>0</v>
      </c>
      <c r="JX10" s="71">
        <v>0</v>
      </c>
      <c r="JY10" s="71">
        <v>0</v>
      </c>
      <c r="JZ10" s="72">
        <v>0</v>
      </c>
      <c r="KA10" s="73">
        <v>0</v>
      </c>
      <c r="KB10" s="70">
        <v>235</v>
      </c>
      <c r="KC10" s="71">
        <v>270</v>
      </c>
      <c r="KD10" s="72">
        <v>505</v>
      </c>
      <c r="KE10" s="244"/>
      <c r="KF10" s="71">
        <v>336</v>
      </c>
      <c r="KG10" s="71">
        <v>321</v>
      </c>
      <c r="KH10" s="71">
        <v>223</v>
      </c>
      <c r="KI10" s="71">
        <v>211</v>
      </c>
      <c r="KJ10" s="71">
        <v>144</v>
      </c>
      <c r="KK10" s="72">
        <v>1235</v>
      </c>
      <c r="KL10" s="73">
        <v>1740</v>
      </c>
    </row>
    <row r="11" spans="1:298" ht="19.5" customHeight="1" x14ac:dyDescent="0.2">
      <c r="A11" s="126" t="s">
        <v>7</v>
      </c>
      <c r="B11" s="316">
        <v>115</v>
      </c>
      <c r="C11" s="82">
        <v>83</v>
      </c>
      <c r="D11" s="83">
        <v>198</v>
      </c>
      <c r="E11" s="241"/>
      <c r="F11" s="82">
        <v>232</v>
      </c>
      <c r="G11" s="82">
        <v>152</v>
      </c>
      <c r="H11" s="82">
        <v>77</v>
      </c>
      <c r="I11" s="82">
        <v>61</v>
      </c>
      <c r="J11" s="82">
        <v>40</v>
      </c>
      <c r="K11" s="84">
        <v>562</v>
      </c>
      <c r="L11" s="85">
        <v>760</v>
      </c>
      <c r="M11" s="70">
        <v>6</v>
      </c>
      <c r="N11" s="71">
        <v>2</v>
      </c>
      <c r="O11" s="72">
        <v>8</v>
      </c>
      <c r="P11" s="244"/>
      <c r="Q11" s="71">
        <v>5</v>
      </c>
      <c r="R11" s="71">
        <v>9</v>
      </c>
      <c r="S11" s="71">
        <v>6</v>
      </c>
      <c r="T11" s="71">
        <v>2</v>
      </c>
      <c r="U11" s="71">
        <v>4</v>
      </c>
      <c r="V11" s="72">
        <v>26</v>
      </c>
      <c r="W11" s="73">
        <v>34</v>
      </c>
      <c r="X11" s="70">
        <v>12</v>
      </c>
      <c r="Y11" s="71">
        <v>5</v>
      </c>
      <c r="Z11" s="72">
        <v>17</v>
      </c>
      <c r="AA11" s="244"/>
      <c r="AB11" s="71">
        <v>21</v>
      </c>
      <c r="AC11" s="71">
        <v>13</v>
      </c>
      <c r="AD11" s="71">
        <v>12</v>
      </c>
      <c r="AE11" s="71">
        <v>5</v>
      </c>
      <c r="AF11" s="71">
        <v>5</v>
      </c>
      <c r="AG11" s="72">
        <v>56</v>
      </c>
      <c r="AH11" s="73">
        <v>73</v>
      </c>
      <c r="AI11" s="70">
        <v>18</v>
      </c>
      <c r="AJ11" s="71">
        <v>9</v>
      </c>
      <c r="AK11" s="72">
        <v>27</v>
      </c>
      <c r="AL11" s="244"/>
      <c r="AM11" s="71">
        <v>31</v>
      </c>
      <c r="AN11" s="71">
        <v>20</v>
      </c>
      <c r="AO11" s="71">
        <v>11</v>
      </c>
      <c r="AP11" s="71">
        <v>12</v>
      </c>
      <c r="AQ11" s="71">
        <v>4</v>
      </c>
      <c r="AR11" s="72">
        <v>78</v>
      </c>
      <c r="AS11" s="73">
        <v>105</v>
      </c>
      <c r="AT11" s="70">
        <v>26</v>
      </c>
      <c r="AU11" s="71">
        <v>22</v>
      </c>
      <c r="AV11" s="72">
        <v>48</v>
      </c>
      <c r="AW11" s="244"/>
      <c r="AX11" s="71">
        <v>64</v>
      </c>
      <c r="AY11" s="71">
        <v>32</v>
      </c>
      <c r="AZ11" s="71">
        <v>12</v>
      </c>
      <c r="BA11" s="71">
        <v>11</v>
      </c>
      <c r="BB11" s="71">
        <v>8</v>
      </c>
      <c r="BC11" s="72">
        <v>127</v>
      </c>
      <c r="BD11" s="73">
        <v>175</v>
      </c>
      <c r="BE11" s="70">
        <v>31</v>
      </c>
      <c r="BF11" s="71">
        <v>23</v>
      </c>
      <c r="BG11" s="72">
        <v>54</v>
      </c>
      <c r="BH11" s="244"/>
      <c r="BI11" s="71">
        <v>58</v>
      </c>
      <c r="BJ11" s="71">
        <v>37</v>
      </c>
      <c r="BK11" s="71">
        <v>15</v>
      </c>
      <c r="BL11" s="71">
        <v>14</v>
      </c>
      <c r="BM11" s="71">
        <v>11</v>
      </c>
      <c r="BN11" s="72">
        <v>135</v>
      </c>
      <c r="BO11" s="73">
        <v>189</v>
      </c>
      <c r="BP11" s="70">
        <v>22</v>
      </c>
      <c r="BQ11" s="71">
        <v>22</v>
      </c>
      <c r="BR11" s="72">
        <v>44</v>
      </c>
      <c r="BS11" s="244"/>
      <c r="BT11" s="71">
        <v>53</v>
      </c>
      <c r="BU11" s="71">
        <v>41</v>
      </c>
      <c r="BV11" s="71">
        <v>21</v>
      </c>
      <c r="BW11" s="71">
        <v>17</v>
      </c>
      <c r="BX11" s="71">
        <v>8</v>
      </c>
      <c r="BY11" s="72">
        <v>140</v>
      </c>
      <c r="BZ11" s="73">
        <v>184</v>
      </c>
      <c r="CA11" s="70">
        <v>0</v>
      </c>
      <c r="CB11" s="71">
        <v>0</v>
      </c>
      <c r="CC11" s="72">
        <v>0</v>
      </c>
      <c r="CD11" s="244"/>
      <c r="CE11" s="71">
        <v>0</v>
      </c>
      <c r="CF11" s="71">
        <v>0</v>
      </c>
      <c r="CG11" s="71">
        <v>0</v>
      </c>
      <c r="CH11" s="71">
        <v>0</v>
      </c>
      <c r="CI11" s="71">
        <v>0</v>
      </c>
      <c r="CJ11" s="72">
        <v>0</v>
      </c>
      <c r="CK11" s="73">
        <v>0</v>
      </c>
      <c r="CL11" s="70">
        <v>115</v>
      </c>
      <c r="CM11" s="71">
        <v>83</v>
      </c>
      <c r="CN11" s="72">
        <v>198</v>
      </c>
      <c r="CO11" s="244"/>
      <c r="CP11" s="71">
        <v>232</v>
      </c>
      <c r="CQ11" s="71">
        <v>152</v>
      </c>
      <c r="CR11" s="71">
        <v>77</v>
      </c>
      <c r="CS11" s="71">
        <v>61</v>
      </c>
      <c r="CT11" s="71">
        <v>40</v>
      </c>
      <c r="CU11" s="72">
        <v>562</v>
      </c>
      <c r="CV11" s="73">
        <v>760</v>
      </c>
      <c r="CW11" s="123">
        <v>34</v>
      </c>
      <c r="CX11" s="82">
        <v>33</v>
      </c>
      <c r="CY11" s="83">
        <v>67</v>
      </c>
      <c r="CZ11" s="241"/>
      <c r="DA11" s="82">
        <v>69</v>
      </c>
      <c r="DB11" s="82">
        <v>34</v>
      </c>
      <c r="DC11" s="82">
        <v>30</v>
      </c>
      <c r="DD11" s="82">
        <v>28</v>
      </c>
      <c r="DE11" s="82">
        <v>18</v>
      </c>
      <c r="DF11" s="84">
        <v>179</v>
      </c>
      <c r="DG11" s="85">
        <v>246</v>
      </c>
      <c r="DH11" s="70">
        <v>0</v>
      </c>
      <c r="DI11" s="71">
        <v>0</v>
      </c>
      <c r="DJ11" s="72">
        <v>0</v>
      </c>
      <c r="DK11" s="244"/>
      <c r="DL11" s="71">
        <v>2</v>
      </c>
      <c r="DM11" s="71">
        <v>2</v>
      </c>
      <c r="DN11" s="71">
        <v>2</v>
      </c>
      <c r="DO11" s="71">
        <v>0</v>
      </c>
      <c r="DP11" s="71">
        <v>1</v>
      </c>
      <c r="DQ11" s="72">
        <v>7</v>
      </c>
      <c r="DR11" s="73">
        <v>7</v>
      </c>
      <c r="DS11" s="70">
        <v>2</v>
      </c>
      <c r="DT11" s="71">
        <v>2</v>
      </c>
      <c r="DU11" s="72">
        <v>4</v>
      </c>
      <c r="DV11" s="244"/>
      <c r="DW11" s="71">
        <v>5</v>
      </c>
      <c r="DX11" s="71">
        <v>6</v>
      </c>
      <c r="DY11" s="71">
        <v>1</v>
      </c>
      <c r="DZ11" s="71">
        <v>1</v>
      </c>
      <c r="EA11" s="71">
        <v>0</v>
      </c>
      <c r="EB11" s="72">
        <v>13</v>
      </c>
      <c r="EC11" s="73">
        <v>17</v>
      </c>
      <c r="ED11" s="70">
        <v>1</v>
      </c>
      <c r="EE11" s="71">
        <v>5</v>
      </c>
      <c r="EF11" s="72">
        <v>6</v>
      </c>
      <c r="EG11" s="244"/>
      <c r="EH11" s="71">
        <v>6</v>
      </c>
      <c r="EI11" s="71">
        <v>3</v>
      </c>
      <c r="EJ11" s="71">
        <v>2</v>
      </c>
      <c r="EK11" s="71">
        <v>4</v>
      </c>
      <c r="EL11" s="71">
        <v>2</v>
      </c>
      <c r="EM11" s="72">
        <v>17</v>
      </c>
      <c r="EN11" s="73">
        <v>23</v>
      </c>
      <c r="EO11" s="70">
        <v>8</v>
      </c>
      <c r="EP11" s="71">
        <v>7</v>
      </c>
      <c r="EQ11" s="72">
        <v>15</v>
      </c>
      <c r="ER11" s="244"/>
      <c r="ES11" s="71">
        <v>18</v>
      </c>
      <c r="ET11" s="71">
        <v>3</v>
      </c>
      <c r="EU11" s="71">
        <v>4</v>
      </c>
      <c r="EV11" s="71">
        <v>2</v>
      </c>
      <c r="EW11" s="71">
        <v>1</v>
      </c>
      <c r="EX11" s="72">
        <v>28</v>
      </c>
      <c r="EY11" s="73">
        <v>43</v>
      </c>
      <c r="EZ11" s="70">
        <v>17</v>
      </c>
      <c r="FA11" s="71">
        <v>10</v>
      </c>
      <c r="FB11" s="72">
        <v>27</v>
      </c>
      <c r="FC11" s="244"/>
      <c r="FD11" s="71">
        <v>19</v>
      </c>
      <c r="FE11" s="71">
        <v>6</v>
      </c>
      <c r="FF11" s="71">
        <v>10</v>
      </c>
      <c r="FG11" s="71">
        <v>4</v>
      </c>
      <c r="FH11" s="71">
        <v>7</v>
      </c>
      <c r="FI11" s="72">
        <v>46</v>
      </c>
      <c r="FJ11" s="73">
        <v>73</v>
      </c>
      <c r="FK11" s="70">
        <v>6</v>
      </c>
      <c r="FL11" s="71">
        <v>9</v>
      </c>
      <c r="FM11" s="72">
        <v>15</v>
      </c>
      <c r="FN11" s="244"/>
      <c r="FO11" s="71">
        <v>19</v>
      </c>
      <c r="FP11" s="71">
        <v>14</v>
      </c>
      <c r="FQ11" s="71">
        <v>11</v>
      </c>
      <c r="FR11" s="71">
        <v>17</v>
      </c>
      <c r="FS11" s="71">
        <v>7</v>
      </c>
      <c r="FT11" s="72">
        <v>68</v>
      </c>
      <c r="FU11" s="73">
        <v>83</v>
      </c>
      <c r="FV11" s="70">
        <v>0</v>
      </c>
      <c r="FW11" s="71">
        <v>0</v>
      </c>
      <c r="FX11" s="72">
        <v>0</v>
      </c>
      <c r="FY11" s="244"/>
      <c r="FZ11" s="71">
        <v>0</v>
      </c>
      <c r="GA11" s="71">
        <v>0</v>
      </c>
      <c r="GB11" s="71">
        <v>0</v>
      </c>
      <c r="GC11" s="71">
        <v>0</v>
      </c>
      <c r="GD11" s="71">
        <v>0</v>
      </c>
      <c r="GE11" s="72">
        <v>0</v>
      </c>
      <c r="GF11" s="73">
        <v>0</v>
      </c>
      <c r="GG11" s="70">
        <v>34</v>
      </c>
      <c r="GH11" s="71">
        <v>33</v>
      </c>
      <c r="GI11" s="72">
        <v>67</v>
      </c>
      <c r="GJ11" s="244"/>
      <c r="GK11" s="71">
        <v>69</v>
      </c>
      <c r="GL11" s="71">
        <v>34</v>
      </c>
      <c r="GM11" s="71">
        <v>30</v>
      </c>
      <c r="GN11" s="71">
        <v>28</v>
      </c>
      <c r="GO11" s="71">
        <v>18</v>
      </c>
      <c r="GP11" s="72">
        <v>179</v>
      </c>
      <c r="GQ11" s="73">
        <v>246</v>
      </c>
      <c r="GR11" s="123">
        <v>149</v>
      </c>
      <c r="GS11" s="82">
        <v>116</v>
      </c>
      <c r="GT11" s="83">
        <v>265</v>
      </c>
      <c r="GU11" s="241"/>
      <c r="GV11" s="82">
        <v>301</v>
      </c>
      <c r="GW11" s="82">
        <v>186</v>
      </c>
      <c r="GX11" s="82">
        <v>107</v>
      </c>
      <c r="GY11" s="82">
        <v>89</v>
      </c>
      <c r="GZ11" s="82">
        <v>58</v>
      </c>
      <c r="HA11" s="84">
        <v>741</v>
      </c>
      <c r="HB11" s="85">
        <v>1006</v>
      </c>
      <c r="HC11" s="70">
        <v>6</v>
      </c>
      <c r="HD11" s="71">
        <v>2</v>
      </c>
      <c r="HE11" s="72">
        <v>8</v>
      </c>
      <c r="HF11" s="241"/>
      <c r="HG11" s="71">
        <v>7</v>
      </c>
      <c r="HH11" s="71">
        <v>11</v>
      </c>
      <c r="HI11" s="71">
        <v>8</v>
      </c>
      <c r="HJ11" s="71">
        <v>2</v>
      </c>
      <c r="HK11" s="71">
        <v>5</v>
      </c>
      <c r="HL11" s="72">
        <v>33</v>
      </c>
      <c r="HM11" s="73">
        <v>41</v>
      </c>
      <c r="HN11" s="70">
        <v>14</v>
      </c>
      <c r="HO11" s="71">
        <v>7</v>
      </c>
      <c r="HP11" s="72">
        <v>21</v>
      </c>
      <c r="HQ11" s="241"/>
      <c r="HR11" s="71">
        <v>26</v>
      </c>
      <c r="HS11" s="71">
        <v>19</v>
      </c>
      <c r="HT11" s="71">
        <v>13</v>
      </c>
      <c r="HU11" s="71">
        <v>6</v>
      </c>
      <c r="HV11" s="71">
        <v>5</v>
      </c>
      <c r="HW11" s="72">
        <v>69</v>
      </c>
      <c r="HX11" s="73">
        <v>90</v>
      </c>
      <c r="HY11" s="70">
        <v>19</v>
      </c>
      <c r="HZ11" s="71">
        <v>14</v>
      </c>
      <c r="IA11" s="72">
        <v>33</v>
      </c>
      <c r="IB11" s="244"/>
      <c r="IC11" s="71">
        <v>37</v>
      </c>
      <c r="ID11" s="71">
        <v>23</v>
      </c>
      <c r="IE11" s="71">
        <v>13</v>
      </c>
      <c r="IF11" s="71">
        <v>16</v>
      </c>
      <c r="IG11" s="71">
        <v>6</v>
      </c>
      <c r="IH11" s="72">
        <v>95</v>
      </c>
      <c r="II11" s="73">
        <v>128</v>
      </c>
      <c r="IJ11" s="70">
        <v>34</v>
      </c>
      <c r="IK11" s="71">
        <v>29</v>
      </c>
      <c r="IL11" s="72">
        <v>63</v>
      </c>
      <c r="IM11" s="244"/>
      <c r="IN11" s="71">
        <v>82</v>
      </c>
      <c r="IO11" s="71">
        <v>35</v>
      </c>
      <c r="IP11" s="71">
        <v>16</v>
      </c>
      <c r="IQ11" s="71">
        <v>13</v>
      </c>
      <c r="IR11" s="71">
        <v>9</v>
      </c>
      <c r="IS11" s="72">
        <v>155</v>
      </c>
      <c r="IT11" s="73">
        <v>218</v>
      </c>
      <c r="IU11" s="70">
        <v>48</v>
      </c>
      <c r="IV11" s="71">
        <v>33</v>
      </c>
      <c r="IW11" s="72">
        <v>81</v>
      </c>
      <c r="IX11" s="244"/>
      <c r="IY11" s="71">
        <v>77</v>
      </c>
      <c r="IZ11" s="71">
        <v>43</v>
      </c>
      <c r="JA11" s="71">
        <v>25</v>
      </c>
      <c r="JB11" s="71">
        <v>18</v>
      </c>
      <c r="JC11" s="71">
        <v>18</v>
      </c>
      <c r="JD11" s="72">
        <v>181</v>
      </c>
      <c r="JE11" s="73">
        <v>262</v>
      </c>
      <c r="JF11" s="70">
        <v>28</v>
      </c>
      <c r="JG11" s="71">
        <v>31</v>
      </c>
      <c r="JH11" s="72">
        <v>59</v>
      </c>
      <c r="JI11" s="244"/>
      <c r="JJ11" s="71">
        <v>72</v>
      </c>
      <c r="JK11" s="71">
        <v>55</v>
      </c>
      <c r="JL11" s="71">
        <v>32</v>
      </c>
      <c r="JM11" s="71">
        <v>34</v>
      </c>
      <c r="JN11" s="71">
        <v>15</v>
      </c>
      <c r="JO11" s="72">
        <v>208</v>
      </c>
      <c r="JP11" s="73">
        <v>267</v>
      </c>
      <c r="JQ11" s="70">
        <v>0</v>
      </c>
      <c r="JR11" s="71">
        <v>0</v>
      </c>
      <c r="JS11" s="72">
        <v>0</v>
      </c>
      <c r="JT11" s="244"/>
      <c r="JU11" s="71">
        <v>0</v>
      </c>
      <c r="JV11" s="71">
        <v>0</v>
      </c>
      <c r="JW11" s="71">
        <v>0</v>
      </c>
      <c r="JX11" s="71">
        <v>0</v>
      </c>
      <c r="JY11" s="71">
        <v>0</v>
      </c>
      <c r="JZ11" s="72">
        <v>0</v>
      </c>
      <c r="KA11" s="73">
        <v>0</v>
      </c>
      <c r="KB11" s="70">
        <v>149</v>
      </c>
      <c r="KC11" s="71">
        <v>116</v>
      </c>
      <c r="KD11" s="72">
        <v>265</v>
      </c>
      <c r="KE11" s="244"/>
      <c r="KF11" s="71">
        <v>301</v>
      </c>
      <c r="KG11" s="71">
        <v>186</v>
      </c>
      <c r="KH11" s="71">
        <v>107</v>
      </c>
      <c r="KI11" s="71">
        <v>89</v>
      </c>
      <c r="KJ11" s="71">
        <v>58</v>
      </c>
      <c r="KK11" s="72">
        <v>741</v>
      </c>
      <c r="KL11" s="73">
        <v>1006</v>
      </c>
    </row>
    <row r="12" spans="1:298" ht="19.5" customHeight="1" x14ac:dyDescent="0.2">
      <c r="A12" s="126" t="s">
        <v>8</v>
      </c>
      <c r="B12" s="316">
        <v>51</v>
      </c>
      <c r="C12" s="82">
        <v>24</v>
      </c>
      <c r="D12" s="83">
        <v>75</v>
      </c>
      <c r="E12" s="241"/>
      <c r="F12" s="82">
        <v>98</v>
      </c>
      <c r="G12" s="82">
        <v>77</v>
      </c>
      <c r="H12" s="82">
        <v>37</v>
      </c>
      <c r="I12" s="82">
        <v>54</v>
      </c>
      <c r="J12" s="82">
        <v>21</v>
      </c>
      <c r="K12" s="84">
        <v>287</v>
      </c>
      <c r="L12" s="85">
        <v>362</v>
      </c>
      <c r="M12" s="70">
        <v>2</v>
      </c>
      <c r="N12" s="71">
        <v>4</v>
      </c>
      <c r="O12" s="72">
        <v>6</v>
      </c>
      <c r="P12" s="244"/>
      <c r="Q12" s="71">
        <v>2</v>
      </c>
      <c r="R12" s="71">
        <v>2</v>
      </c>
      <c r="S12" s="71">
        <v>0</v>
      </c>
      <c r="T12" s="71">
        <v>2</v>
      </c>
      <c r="U12" s="71">
        <v>0</v>
      </c>
      <c r="V12" s="72">
        <v>6</v>
      </c>
      <c r="W12" s="73">
        <v>12</v>
      </c>
      <c r="X12" s="70">
        <v>3</v>
      </c>
      <c r="Y12" s="71">
        <v>0</v>
      </c>
      <c r="Z12" s="72">
        <v>3</v>
      </c>
      <c r="AA12" s="244"/>
      <c r="AB12" s="71">
        <v>12</v>
      </c>
      <c r="AC12" s="71">
        <v>11</v>
      </c>
      <c r="AD12" s="71">
        <v>3</v>
      </c>
      <c r="AE12" s="71">
        <v>7</v>
      </c>
      <c r="AF12" s="71">
        <v>4</v>
      </c>
      <c r="AG12" s="72">
        <v>37</v>
      </c>
      <c r="AH12" s="73">
        <v>40</v>
      </c>
      <c r="AI12" s="70">
        <v>4</v>
      </c>
      <c r="AJ12" s="71">
        <v>2</v>
      </c>
      <c r="AK12" s="72">
        <v>6</v>
      </c>
      <c r="AL12" s="244"/>
      <c r="AM12" s="71">
        <v>10</v>
      </c>
      <c r="AN12" s="71">
        <v>6</v>
      </c>
      <c r="AO12" s="71">
        <v>6</v>
      </c>
      <c r="AP12" s="71">
        <v>7</v>
      </c>
      <c r="AQ12" s="71">
        <v>2</v>
      </c>
      <c r="AR12" s="72">
        <v>31</v>
      </c>
      <c r="AS12" s="73">
        <v>37</v>
      </c>
      <c r="AT12" s="70">
        <v>12</v>
      </c>
      <c r="AU12" s="71">
        <v>4</v>
      </c>
      <c r="AV12" s="72">
        <v>16</v>
      </c>
      <c r="AW12" s="244"/>
      <c r="AX12" s="71">
        <v>21</v>
      </c>
      <c r="AY12" s="71">
        <v>12</v>
      </c>
      <c r="AZ12" s="71">
        <v>4</v>
      </c>
      <c r="BA12" s="71">
        <v>11</v>
      </c>
      <c r="BB12" s="71">
        <v>3</v>
      </c>
      <c r="BC12" s="72">
        <v>51</v>
      </c>
      <c r="BD12" s="73">
        <v>67</v>
      </c>
      <c r="BE12" s="70">
        <v>13</v>
      </c>
      <c r="BF12" s="71">
        <v>3</v>
      </c>
      <c r="BG12" s="72">
        <v>16</v>
      </c>
      <c r="BH12" s="244"/>
      <c r="BI12" s="71">
        <v>28</v>
      </c>
      <c r="BJ12" s="71">
        <v>15</v>
      </c>
      <c r="BK12" s="71">
        <v>14</v>
      </c>
      <c r="BL12" s="71">
        <v>10</v>
      </c>
      <c r="BM12" s="71">
        <v>5</v>
      </c>
      <c r="BN12" s="72">
        <v>72</v>
      </c>
      <c r="BO12" s="73">
        <v>88</v>
      </c>
      <c r="BP12" s="70">
        <v>17</v>
      </c>
      <c r="BQ12" s="71">
        <v>11</v>
      </c>
      <c r="BR12" s="72">
        <v>28</v>
      </c>
      <c r="BS12" s="244"/>
      <c r="BT12" s="71">
        <v>25</v>
      </c>
      <c r="BU12" s="71">
        <v>31</v>
      </c>
      <c r="BV12" s="71">
        <v>10</v>
      </c>
      <c r="BW12" s="71">
        <v>17</v>
      </c>
      <c r="BX12" s="71">
        <v>7</v>
      </c>
      <c r="BY12" s="72">
        <v>90</v>
      </c>
      <c r="BZ12" s="73">
        <v>118</v>
      </c>
      <c r="CA12" s="70">
        <v>0</v>
      </c>
      <c r="CB12" s="71">
        <v>0</v>
      </c>
      <c r="CC12" s="72">
        <v>0</v>
      </c>
      <c r="CD12" s="244"/>
      <c r="CE12" s="71">
        <v>0</v>
      </c>
      <c r="CF12" s="71">
        <v>0</v>
      </c>
      <c r="CG12" s="71">
        <v>0</v>
      </c>
      <c r="CH12" s="71">
        <v>0</v>
      </c>
      <c r="CI12" s="71">
        <v>0</v>
      </c>
      <c r="CJ12" s="72">
        <v>0</v>
      </c>
      <c r="CK12" s="73">
        <v>0</v>
      </c>
      <c r="CL12" s="70">
        <v>51</v>
      </c>
      <c r="CM12" s="71">
        <v>24</v>
      </c>
      <c r="CN12" s="72">
        <v>75</v>
      </c>
      <c r="CO12" s="244"/>
      <c r="CP12" s="71">
        <v>98</v>
      </c>
      <c r="CQ12" s="71">
        <v>77</v>
      </c>
      <c r="CR12" s="71">
        <v>37</v>
      </c>
      <c r="CS12" s="71">
        <v>54</v>
      </c>
      <c r="CT12" s="71">
        <v>21</v>
      </c>
      <c r="CU12" s="72">
        <v>287</v>
      </c>
      <c r="CV12" s="73">
        <v>362</v>
      </c>
      <c r="CW12" s="123">
        <v>17</v>
      </c>
      <c r="CX12" s="82">
        <v>21</v>
      </c>
      <c r="CY12" s="83">
        <v>38</v>
      </c>
      <c r="CZ12" s="241"/>
      <c r="DA12" s="82">
        <v>31</v>
      </c>
      <c r="DB12" s="82">
        <v>43</v>
      </c>
      <c r="DC12" s="82">
        <v>18</v>
      </c>
      <c r="DD12" s="82">
        <v>25</v>
      </c>
      <c r="DE12" s="82">
        <v>12</v>
      </c>
      <c r="DF12" s="84">
        <v>129</v>
      </c>
      <c r="DG12" s="85">
        <v>167</v>
      </c>
      <c r="DH12" s="70">
        <v>1</v>
      </c>
      <c r="DI12" s="71">
        <v>0</v>
      </c>
      <c r="DJ12" s="72">
        <v>1</v>
      </c>
      <c r="DK12" s="244"/>
      <c r="DL12" s="71">
        <v>1</v>
      </c>
      <c r="DM12" s="71">
        <v>0</v>
      </c>
      <c r="DN12" s="71">
        <v>0</v>
      </c>
      <c r="DO12" s="71">
        <v>1</v>
      </c>
      <c r="DP12" s="71">
        <v>0</v>
      </c>
      <c r="DQ12" s="72">
        <v>2</v>
      </c>
      <c r="DR12" s="73">
        <v>3</v>
      </c>
      <c r="DS12" s="70">
        <v>2</v>
      </c>
      <c r="DT12" s="71">
        <v>1</v>
      </c>
      <c r="DU12" s="72">
        <v>3</v>
      </c>
      <c r="DV12" s="244"/>
      <c r="DW12" s="71">
        <v>2</v>
      </c>
      <c r="DX12" s="71">
        <v>3</v>
      </c>
      <c r="DY12" s="71">
        <v>0</v>
      </c>
      <c r="DZ12" s="71">
        <v>2</v>
      </c>
      <c r="EA12" s="71">
        <v>0</v>
      </c>
      <c r="EB12" s="72">
        <v>7</v>
      </c>
      <c r="EC12" s="73">
        <v>10</v>
      </c>
      <c r="ED12" s="70">
        <v>2</v>
      </c>
      <c r="EE12" s="71">
        <v>6</v>
      </c>
      <c r="EF12" s="72">
        <v>8</v>
      </c>
      <c r="EG12" s="244"/>
      <c r="EH12" s="71">
        <v>3</v>
      </c>
      <c r="EI12" s="71">
        <v>7</v>
      </c>
      <c r="EJ12" s="71">
        <v>2</v>
      </c>
      <c r="EK12" s="71">
        <v>0</v>
      </c>
      <c r="EL12" s="71">
        <v>0</v>
      </c>
      <c r="EM12" s="72">
        <v>12</v>
      </c>
      <c r="EN12" s="73">
        <v>20</v>
      </c>
      <c r="EO12" s="70">
        <v>7</v>
      </c>
      <c r="EP12" s="71">
        <v>5</v>
      </c>
      <c r="EQ12" s="72">
        <v>12</v>
      </c>
      <c r="ER12" s="244"/>
      <c r="ES12" s="71">
        <v>5</v>
      </c>
      <c r="ET12" s="71">
        <v>3</v>
      </c>
      <c r="EU12" s="71">
        <v>2</v>
      </c>
      <c r="EV12" s="71">
        <v>8</v>
      </c>
      <c r="EW12" s="71">
        <v>2</v>
      </c>
      <c r="EX12" s="72">
        <v>20</v>
      </c>
      <c r="EY12" s="73">
        <v>32</v>
      </c>
      <c r="EZ12" s="70">
        <v>3</v>
      </c>
      <c r="FA12" s="71">
        <v>3</v>
      </c>
      <c r="FB12" s="72">
        <v>6</v>
      </c>
      <c r="FC12" s="244"/>
      <c r="FD12" s="71">
        <v>10</v>
      </c>
      <c r="FE12" s="71">
        <v>13</v>
      </c>
      <c r="FF12" s="71">
        <v>5</v>
      </c>
      <c r="FG12" s="71">
        <v>4</v>
      </c>
      <c r="FH12" s="71">
        <v>1</v>
      </c>
      <c r="FI12" s="72">
        <v>33</v>
      </c>
      <c r="FJ12" s="73">
        <v>39</v>
      </c>
      <c r="FK12" s="70">
        <v>2</v>
      </c>
      <c r="FL12" s="71">
        <v>6</v>
      </c>
      <c r="FM12" s="72">
        <v>8</v>
      </c>
      <c r="FN12" s="244"/>
      <c r="FO12" s="71">
        <v>10</v>
      </c>
      <c r="FP12" s="71">
        <v>17</v>
      </c>
      <c r="FQ12" s="71">
        <v>9</v>
      </c>
      <c r="FR12" s="71">
        <v>10</v>
      </c>
      <c r="FS12" s="71">
        <v>9</v>
      </c>
      <c r="FT12" s="72">
        <v>55</v>
      </c>
      <c r="FU12" s="73">
        <v>63</v>
      </c>
      <c r="FV12" s="70">
        <v>0</v>
      </c>
      <c r="FW12" s="71">
        <v>0</v>
      </c>
      <c r="FX12" s="72">
        <v>0</v>
      </c>
      <c r="FY12" s="244"/>
      <c r="FZ12" s="71">
        <v>0</v>
      </c>
      <c r="GA12" s="71">
        <v>0</v>
      </c>
      <c r="GB12" s="71">
        <v>0</v>
      </c>
      <c r="GC12" s="71">
        <v>0</v>
      </c>
      <c r="GD12" s="71">
        <v>0</v>
      </c>
      <c r="GE12" s="72">
        <v>0</v>
      </c>
      <c r="GF12" s="73">
        <v>0</v>
      </c>
      <c r="GG12" s="70">
        <v>17</v>
      </c>
      <c r="GH12" s="71">
        <v>21</v>
      </c>
      <c r="GI12" s="72">
        <v>38</v>
      </c>
      <c r="GJ12" s="244"/>
      <c r="GK12" s="71">
        <v>31</v>
      </c>
      <c r="GL12" s="71">
        <v>43</v>
      </c>
      <c r="GM12" s="71">
        <v>18</v>
      </c>
      <c r="GN12" s="71">
        <v>25</v>
      </c>
      <c r="GO12" s="71">
        <v>12</v>
      </c>
      <c r="GP12" s="72">
        <v>129</v>
      </c>
      <c r="GQ12" s="73">
        <v>167</v>
      </c>
      <c r="GR12" s="123">
        <v>68</v>
      </c>
      <c r="GS12" s="82">
        <v>45</v>
      </c>
      <c r="GT12" s="83">
        <v>113</v>
      </c>
      <c r="GU12" s="241"/>
      <c r="GV12" s="82">
        <v>129</v>
      </c>
      <c r="GW12" s="82">
        <v>120</v>
      </c>
      <c r="GX12" s="82">
        <v>55</v>
      </c>
      <c r="GY12" s="82">
        <v>79</v>
      </c>
      <c r="GZ12" s="82">
        <v>33</v>
      </c>
      <c r="HA12" s="84">
        <v>416</v>
      </c>
      <c r="HB12" s="85">
        <v>529</v>
      </c>
      <c r="HC12" s="70">
        <v>3</v>
      </c>
      <c r="HD12" s="71">
        <v>4</v>
      </c>
      <c r="HE12" s="72">
        <v>7</v>
      </c>
      <c r="HF12" s="241"/>
      <c r="HG12" s="71">
        <v>3</v>
      </c>
      <c r="HH12" s="71">
        <v>2</v>
      </c>
      <c r="HI12" s="71">
        <v>0</v>
      </c>
      <c r="HJ12" s="71">
        <v>3</v>
      </c>
      <c r="HK12" s="71">
        <v>0</v>
      </c>
      <c r="HL12" s="72">
        <v>8</v>
      </c>
      <c r="HM12" s="73">
        <v>15</v>
      </c>
      <c r="HN12" s="70">
        <v>5</v>
      </c>
      <c r="HO12" s="71">
        <v>1</v>
      </c>
      <c r="HP12" s="72">
        <v>6</v>
      </c>
      <c r="HQ12" s="241"/>
      <c r="HR12" s="71">
        <v>14</v>
      </c>
      <c r="HS12" s="71">
        <v>14</v>
      </c>
      <c r="HT12" s="71">
        <v>3</v>
      </c>
      <c r="HU12" s="71">
        <v>9</v>
      </c>
      <c r="HV12" s="71">
        <v>4</v>
      </c>
      <c r="HW12" s="72">
        <v>44</v>
      </c>
      <c r="HX12" s="73">
        <v>50</v>
      </c>
      <c r="HY12" s="70">
        <v>6</v>
      </c>
      <c r="HZ12" s="71">
        <v>8</v>
      </c>
      <c r="IA12" s="72">
        <v>14</v>
      </c>
      <c r="IB12" s="244"/>
      <c r="IC12" s="71">
        <v>13</v>
      </c>
      <c r="ID12" s="71">
        <v>13</v>
      </c>
      <c r="IE12" s="71">
        <v>8</v>
      </c>
      <c r="IF12" s="71">
        <v>7</v>
      </c>
      <c r="IG12" s="71">
        <v>2</v>
      </c>
      <c r="IH12" s="72">
        <v>43</v>
      </c>
      <c r="II12" s="73">
        <v>57</v>
      </c>
      <c r="IJ12" s="70">
        <v>19</v>
      </c>
      <c r="IK12" s="71">
        <v>9</v>
      </c>
      <c r="IL12" s="72">
        <v>28</v>
      </c>
      <c r="IM12" s="244"/>
      <c r="IN12" s="71">
        <v>26</v>
      </c>
      <c r="IO12" s="71">
        <v>15</v>
      </c>
      <c r="IP12" s="71">
        <v>6</v>
      </c>
      <c r="IQ12" s="71">
        <v>19</v>
      </c>
      <c r="IR12" s="71">
        <v>5</v>
      </c>
      <c r="IS12" s="72">
        <v>71</v>
      </c>
      <c r="IT12" s="73">
        <v>99</v>
      </c>
      <c r="IU12" s="70">
        <v>16</v>
      </c>
      <c r="IV12" s="71">
        <v>6</v>
      </c>
      <c r="IW12" s="72">
        <v>22</v>
      </c>
      <c r="IX12" s="244"/>
      <c r="IY12" s="71">
        <v>38</v>
      </c>
      <c r="IZ12" s="71">
        <v>28</v>
      </c>
      <c r="JA12" s="71">
        <v>19</v>
      </c>
      <c r="JB12" s="71">
        <v>14</v>
      </c>
      <c r="JC12" s="71">
        <v>6</v>
      </c>
      <c r="JD12" s="72">
        <v>105</v>
      </c>
      <c r="JE12" s="73">
        <v>127</v>
      </c>
      <c r="JF12" s="70">
        <v>19</v>
      </c>
      <c r="JG12" s="71">
        <v>17</v>
      </c>
      <c r="JH12" s="72">
        <v>36</v>
      </c>
      <c r="JI12" s="244"/>
      <c r="JJ12" s="71">
        <v>35</v>
      </c>
      <c r="JK12" s="71">
        <v>48</v>
      </c>
      <c r="JL12" s="71">
        <v>19</v>
      </c>
      <c r="JM12" s="71">
        <v>27</v>
      </c>
      <c r="JN12" s="71">
        <v>16</v>
      </c>
      <c r="JO12" s="72">
        <v>145</v>
      </c>
      <c r="JP12" s="73">
        <v>181</v>
      </c>
      <c r="JQ12" s="70">
        <v>0</v>
      </c>
      <c r="JR12" s="71">
        <v>0</v>
      </c>
      <c r="JS12" s="72">
        <v>0</v>
      </c>
      <c r="JT12" s="244"/>
      <c r="JU12" s="71">
        <v>0</v>
      </c>
      <c r="JV12" s="71">
        <v>0</v>
      </c>
      <c r="JW12" s="71">
        <v>0</v>
      </c>
      <c r="JX12" s="71">
        <v>0</v>
      </c>
      <c r="JY12" s="71">
        <v>0</v>
      </c>
      <c r="JZ12" s="72">
        <v>0</v>
      </c>
      <c r="KA12" s="73">
        <v>0</v>
      </c>
      <c r="KB12" s="70">
        <v>68</v>
      </c>
      <c r="KC12" s="71">
        <v>45</v>
      </c>
      <c r="KD12" s="72">
        <v>113</v>
      </c>
      <c r="KE12" s="244"/>
      <c r="KF12" s="71">
        <v>129</v>
      </c>
      <c r="KG12" s="71">
        <v>120</v>
      </c>
      <c r="KH12" s="71">
        <v>55</v>
      </c>
      <c r="KI12" s="71">
        <v>79</v>
      </c>
      <c r="KJ12" s="71">
        <v>33</v>
      </c>
      <c r="KK12" s="72">
        <v>416</v>
      </c>
      <c r="KL12" s="73">
        <v>529</v>
      </c>
    </row>
    <row r="13" spans="1:298" ht="19.5" customHeight="1" x14ac:dyDescent="0.2">
      <c r="A13" s="126" t="s">
        <v>9</v>
      </c>
      <c r="B13" s="316">
        <v>179</v>
      </c>
      <c r="C13" s="82">
        <v>114</v>
      </c>
      <c r="D13" s="83">
        <v>293</v>
      </c>
      <c r="E13" s="241"/>
      <c r="F13" s="82">
        <v>221</v>
      </c>
      <c r="G13" s="82">
        <v>143</v>
      </c>
      <c r="H13" s="82">
        <v>106</v>
      </c>
      <c r="I13" s="82">
        <v>94</v>
      </c>
      <c r="J13" s="82">
        <v>56</v>
      </c>
      <c r="K13" s="84">
        <v>620</v>
      </c>
      <c r="L13" s="85">
        <v>913</v>
      </c>
      <c r="M13" s="70">
        <v>0</v>
      </c>
      <c r="N13" s="71">
        <v>4</v>
      </c>
      <c r="O13" s="72">
        <v>4</v>
      </c>
      <c r="P13" s="244"/>
      <c r="Q13" s="71">
        <v>5</v>
      </c>
      <c r="R13" s="71">
        <v>4</v>
      </c>
      <c r="S13" s="71">
        <v>2</v>
      </c>
      <c r="T13" s="71">
        <v>1</v>
      </c>
      <c r="U13" s="71">
        <v>4</v>
      </c>
      <c r="V13" s="72">
        <v>16</v>
      </c>
      <c r="W13" s="73">
        <v>20</v>
      </c>
      <c r="X13" s="70">
        <v>6</v>
      </c>
      <c r="Y13" s="71">
        <v>9</v>
      </c>
      <c r="Z13" s="72">
        <v>15</v>
      </c>
      <c r="AA13" s="244"/>
      <c r="AB13" s="71">
        <v>8</v>
      </c>
      <c r="AC13" s="71">
        <v>11</v>
      </c>
      <c r="AD13" s="71">
        <v>4</v>
      </c>
      <c r="AE13" s="71">
        <v>4</v>
      </c>
      <c r="AF13" s="71">
        <v>5</v>
      </c>
      <c r="AG13" s="72">
        <v>32</v>
      </c>
      <c r="AH13" s="73">
        <v>47</v>
      </c>
      <c r="AI13" s="70">
        <v>18</v>
      </c>
      <c r="AJ13" s="71">
        <v>9</v>
      </c>
      <c r="AK13" s="72">
        <v>27</v>
      </c>
      <c r="AL13" s="244"/>
      <c r="AM13" s="71">
        <v>24</v>
      </c>
      <c r="AN13" s="71">
        <v>10</v>
      </c>
      <c r="AO13" s="71">
        <v>15</v>
      </c>
      <c r="AP13" s="71">
        <v>12</v>
      </c>
      <c r="AQ13" s="71">
        <v>6</v>
      </c>
      <c r="AR13" s="72">
        <v>67</v>
      </c>
      <c r="AS13" s="73">
        <v>94</v>
      </c>
      <c r="AT13" s="70">
        <v>39</v>
      </c>
      <c r="AU13" s="71">
        <v>21</v>
      </c>
      <c r="AV13" s="72">
        <v>60</v>
      </c>
      <c r="AW13" s="244"/>
      <c r="AX13" s="71">
        <v>49</v>
      </c>
      <c r="AY13" s="71">
        <v>27</v>
      </c>
      <c r="AZ13" s="71">
        <v>20</v>
      </c>
      <c r="BA13" s="71">
        <v>17</v>
      </c>
      <c r="BB13" s="71">
        <v>10</v>
      </c>
      <c r="BC13" s="72">
        <v>123</v>
      </c>
      <c r="BD13" s="73">
        <v>183</v>
      </c>
      <c r="BE13" s="70">
        <v>65</v>
      </c>
      <c r="BF13" s="71">
        <v>37</v>
      </c>
      <c r="BG13" s="72">
        <v>102</v>
      </c>
      <c r="BH13" s="244"/>
      <c r="BI13" s="71">
        <v>81</v>
      </c>
      <c r="BJ13" s="71">
        <v>44</v>
      </c>
      <c r="BK13" s="71">
        <v>26</v>
      </c>
      <c r="BL13" s="71">
        <v>30</v>
      </c>
      <c r="BM13" s="71">
        <v>10</v>
      </c>
      <c r="BN13" s="72">
        <v>191</v>
      </c>
      <c r="BO13" s="73">
        <v>293</v>
      </c>
      <c r="BP13" s="70">
        <v>51</v>
      </c>
      <c r="BQ13" s="71">
        <v>34</v>
      </c>
      <c r="BR13" s="72">
        <v>85</v>
      </c>
      <c r="BS13" s="244"/>
      <c r="BT13" s="71">
        <v>54</v>
      </c>
      <c r="BU13" s="71">
        <v>47</v>
      </c>
      <c r="BV13" s="71">
        <v>39</v>
      </c>
      <c r="BW13" s="71">
        <v>30</v>
      </c>
      <c r="BX13" s="71">
        <v>21</v>
      </c>
      <c r="BY13" s="72">
        <v>191</v>
      </c>
      <c r="BZ13" s="73">
        <v>276</v>
      </c>
      <c r="CA13" s="70">
        <v>0</v>
      </c>
      <c r="CB13" s="71">
        <v>0</v>
      </c>
      <c r="CC13" s="72">
        <v>0</v>
      </c>
      <c r="CD13" s="244"/>
      <c r="CE13" s="71">
        <v>0</v>
      </c>
      <c r="CF13" s="71">
        <v>0</v>
      </c>
      <c r="CG13" s="71">
        <v>0</v>
      </c>
      <c r="CH13" s="71">
        <v>0</v>
      </c>
      <c r="CI13" s="71">
        <v>0</v>
      </c>
      <c r="CJ13" s="72">
        <v>0</v>
      </c>
      <c r="CK13" s="73">
        <v>0</v>
      </c>
      <c r="CL13" s="70">
        <v>179</v>
      </c>
      <c r="CM13" s="71">
        <v>114</v>
      </c>
      <c r="CN13" s="72">
        <v>293</v>
      </c>
      <c r="CO13" s="244"/>
      <c r="CP13" s="71">
        <v>221</v>
      </c>
      <c r="CQ13" s="71">
        <v>143</v>
      </c>
      <c r="CR13" s="71">
        <v>106</v>
      </c>
      <c r="CS13" s="71">
        <v>94</v>
      </c>
      <c r="CT13" s="71">
        <v>56</v>
      </c>
      <c r="CU13" s="72">
        <v>620</v>
      </c>
      <c r="CV13" s="73">
        <v>913</v>
      </c>
      <c r="CW13" s="123">
        <v>58</v>
      </c>
      <c r="CX13" s="82">
        <v>43</v>
      </c>
      <c r="CY13" s="83">
        <v>101</v>
      </c>
      <c r="CZ13" s="241"/>
      <c r="DA13" s="82">
        <v>61</v>
      </c>
      <c r="DB13" s="82">
        <v>41</v>
      </c>
      <c r="DC13" s="82">
        <v>36</v>
      </c>
      <c r="DD13" s="82">
        <v>36</v>
      </c>
      <c r="DE13" s="82">
        <v>33</v>
      </c>
      <c r="DF13" s="84">
        <v>207</v>
      </c>
      <c r="DG13" s="85">
        <v>308</v>
      </c>
      <c r="DH13" s="70">
        <v>1</v>
      </c>
      <c r="DI13" s="71">
        <v>1</v>
      </c>
      <c r="DJ13" s="72">
        <v>2</v>
      </c>
      <c r="DK13" s="244"/>
      <c r="DL13" s="71">
        <v>1</v>
      </c>
      <c r="DM13" s="71">
        <v>0</v>
      </c>
      <c r="DN13" s="71">
        <v>0</v>
      </c>
      <c r="DO13" s="71">
        <v>0</v>
      </c>
      <c r="DP13" s="71">
        <v>0</v>
      </c>
      <c r="DQ13" s="72">
        <v>1</v>
      </c>
      <c r="DR13" s="73">
        <v>3</v>
      </c>
      <c r="DS13" s="70">
        <v>5</v>
      </c>
      <c r="DT13" s="71">
        <v>1</v>
      </c>
      <c r="DU13" s="72">
        <v>6</v>
      </c>
      <c r="DV13" s="244"/>
      <c r="DW13" s="71">
        <v>3</v>
      </c>
      <c r="DX13" s="71">
        <v>3</v>
      </c>
      <c r="DY13" s="71">
        <v>2</v>
      </c>
      <c r="DZ13" s="71">
        <v>2</v>
      </c>
      <c r="EA13" s="71">
        <v>2</v>
      </c>
      <c r="EB13" s="72">
        <v>12</v>
      </c>
      <c r="EC13" s="73">
        <v>18</v>
      </c>
      <c r="ED13" s="70">
        <v>8</v>
      </c>
      <c r="EE13" s="71">
        <v>6</v>
      </c>
      <c r="EF13" s="72">
        <v>14</v>
      </c>
      <c r="EG13" s="244"/>
      <c r="EH13" s="71">
        <v>6</v>
      </c>
      <c r="EI13" s="71">
        <v>2</v>
      </c>
      <c r="EJ13" s="71">
        <v>3</v>
      </c>
      <c r="EK13" s="71">
        <v>1</v>
      </c>
      <c r="EL13" s="71">
        <v>2</v>
      </c>
      <c r="EM13" s="72">
        <v>14</v>
      </c>
      <c r="EN13" s="73">
        <v>28</v>
      </c>
      <c r="EO13" s="70">
        <v>20</v>
      </c>
      <c r="EP13" s="71">
        <v>12</v>
      </c>
      <c r="EQ13" s="72">
        <v>32</v>
      </c>
      <c r="ER13" s="244"/>
      <c r="ES13" s="71">
        <v>14</v>
      </c>
      <c r="ET13" s="71">
        <v>6</v>
      </c>
      <c r="EU13" s="71">
        <v>1</v>
      </c>
      <c r="EV13" s="71">
        <v>3</v>
      </c>
      <c r="EW13" s="71">
        <v>5</v>
      </c>
      <c r="EX13" s="72">
        <v>29</v>
      </c>
      <c r="EY13" s="73">
        <v>61</v>
      </c>
      <c r="EZ13" s="70">
        <v>16</v>
      </c>
      <c r="FA13" s="71">
        <v>7</v>
      </c>
      <c r="FB13" s="72">
        <v>23</v>
      </c>
      <c r="FC13" s="244"/>
      <c r="FD13" s="71">
        <v>15</v>
      </c>
      <c r="FE13" s="71">
        <v>15</v>
      </c>
      <c r="FF13" s="71">
        <v>12</v>
      </c>
      <c r="FG13" s="71">
        <v>10</v>
      </c>
      <c r="FH13" s="71">
        <v>12</v>
      </c>
      <c r="FI13" s="72">
        <v>64</v>
      </c>
      <c r="FJ13" s="73">
        <v>87</v>
      </c>
      <c r="FK13" s="70">
        <v>8</v>
      </c>
      <c r="FL13" s="71">
        <v>16</v>
      </c>
      <c r="FM13" s="72">
        <v>24</v>
      </c>
      <c r="FN13" s="244"/>
      <c r="FO13" s="71">
        <v>22</v>
      </c>
      <c r="FP13" s="71">
        <v>15</v>
      </c>
      <c r="FQ13" s="71">
        <v>18</v>
      </c>
      <c r="FR13" s="71">
        <v>20</v>
      </c>
      <c r="FS13" s="71">
        <v>12</v>
      </c>
      <c r="FT13" s="72">
        <v>87</v>
      </c>
      <c r="FU13" s="73">
        <v>111</v>
      </c>
      <c r="FV13" s="70">
        <v>0</v>
      </c>
      <c r="FW13" s="71">
        <v>0</v>
      </c>
      <c r="FX13" s="72">
        <v>0</v>
      </c>
      <c r="FY13" s="244"/>
      <c r="FZ13" s="71">
        <v>0</v>
      </c>
      <c r="GA13" s="71">
        <v>0</v>
      </c>
      <c r="GB13" s="71">
        <v>0</v>
      </c>
      <c r="GC13" s="71">
        <v>0</v>
      </c>
      <c r="GD13" s="71">
        <v>0</v>
      </c>
      <c r="GE13" s="72">
        <v>0</v>
      </c>
      <c r="GF13" s="73">
        <v>0</v>
      </c>
      <c r="GG13" s="70">
        <v>58</v>
      </c>
      <c r="GH13" s="71">
        <v>43</v>
      </c>
      <c r="GI13" s="72">
        <v>101</v>
      </c>
      <c r="GJ13" s="244"/>
      <c r="GK13" s="71">
        <v>61</v>
      </c>
      <c r="GL13" s="71">
        <v>41</v>
      </c>
      <c r="GM13" s="71">
        <v>36</v>
      </c>
      <c r="GN13" s="71">
        <v>36</v>
      </c>
      <c r="GO13" s="71">
        <v>33</v>
      </c>
      <c r="GP13" s="72">
        <v>207</v>
      </c>
      <c r="GQ13" s="73">
        <v>308</v>
      </c>
      <c r="GR13" s="123">
        <v>237</v>
      </c>
      <c r="GS13" s="82">
        <v>157</v>
      </c>
      <c r="GT13" s="83">
        <v>394</v>
      </c>
      <c r="GU13" s="241"/>
      <c r="GV13" s="82">
        <v>282</v>
      </c>
      <c r="GW13" s="82">
        <v>184</v>
      </c>
      <c r="GX13" s="82">
        <v>142</v>
      </c>
      <c r="GY13" s="82">
        <v>130</v>
      </c>
      <c r="GZ13" s="82">
        <v>89</v>
      </c>
      <c r="HA13" s="84">
        <v>827</v>
      </c>
      <c r="HB13" s="85">
        <v>1221</v>
      </c>
      <c r="HC13" s="70">
        <v>1</v>
      </c>
      <c r="HD13" s="71">
        <v>5</v>
      </c>
      <c r="HE13" s="72">
        <v>6</v>
      </c>
      <c r="HF13" s="241"/>
      <c r="HG13" s="71">
        <v>6</v>
      </c>
      <c r="HH13" s="71">
        <v>4</v>
      </c>
      <c r="HI13" s="71">
        <v>2</v>
      </c>
      <c r="HJ13" s="71">
        <v>1</v>
      </c>
      <c r="HK13" s="71">
        <v>4</v>
      </c>
      <c r="HL13" s="72">
        <v>17</v>
      </c>
      <c r="HM13" s="73">
        <v>23</v>
      </c>
      <c r="HN13" s="70">
        <v>11</v>
      </c>
      <c r="HO13" s="71">
        <v>10</v>
      </c>
      <c r="HP13" s="72">
        <v>21</v>
      </c>
      <c r="HQ13" s="241"/>
      <c r="HR13" s="71">
        <v>11</v>
      </c>
      <c r="HS13" s="71">
        <v>14</v>
      </c>
      <c r="HT13" s="71">
        <v>6</v>
      </c>
      <c r="HU13" s="71">
        <v>6</v>
      </c>
      <c r="HV13" s="71">
        <v>7</v>
      </c>
      <c r="HW13" s="72">
        <v>44</v>
      </c>
      <c r="HX13" s="73">
        <v>65</v>
      </c>
      <c r="HY13" s="70">
        <v>26</v>
      </c>
      <c r="HZ13" s="71">
        <v>15</v>
      </c>
      <c r="IA13" s="72">
        <v>41</v>
      </c>
      <c r="IB13" s="244"/>
      <c r="IC13" s="71">
        <v>30</v>
      </c>
      <c r="ID13" s="71">
        <v>12</v>
      </c>
      <c r="IE13" s="71">
        <v>18</v>
      </c>
      <c r="IF13" s="71">
        <v>13</v>
      </c>
      <c r="IG13" s="71">
        <v>8</v>
      </c>
      <c r="IH13" s="72">
        <v>81</v>
      </c>
      <c r="II13" s="73">
        <v>122</v>
      </c>
      <c r="IJ13" s="70">
        <v>59</v>
      </c>
      <c r="IK13" s="71">
        <v>33</v>
      </c>
      <c r="IL13" s="72">
        <v>92</v>
      </c>
      <c r="IM13" s="244"/>
      <c r="IN13" s="71">
        <v>63</v>
      </c>
      <c r="IO13" s="71">
        <v>33</v>
      </c>
      <c r="IP13" s="71">
        <v>21</v>
      </c>
      <c r="IQ13" s="71">
        <v>20</v>
      </c>
      <c r="IR13" s="71">
        <v>15</v>
      </c>
      <c r="IS13" s="72">
        <v>152</v>
      </c>
      <c r="IT13" s="73">
        <v>244</v>
      </c>
      <c r="IU13" s="70">
        <v>81</v>
      </c>
      <c r="IV13" s="71">
        <v>44</v>
      </c>
      <c r="IW13" s="72">
        <v>125</v>
      </c>
      <c r="IX13" s="244"/>
      <c r="IY13" s="71">
        <v>96</v>
      </c>
      <c r="IZ13" s="71">
        <v>59</v>
      </c>
      <c r="JA13" s="71">
        <v>38</v>
      </c>
      <c r="JB13" s="71">
        <v>40</v>
      </c>
      <c r="JC13" s="71">
        <v>22</v>
      </c>
      <c r="JD13" s="72">
        <v>255</v>
      </c>
      <c r="JE13" s="73">
        <v>380</v>
      </c>
      <c r="JF13" s="70">
        <v>59</v>
      </c>
      <c r="JG13" s="71">
        <v>50</v>
      </c>
      <c r="JH13" s="72">
        <v>109</v>
      </c>
      <c r="JI13" s="244"/>
      <c r="JJ13" s="71">
        <v>76</v>
      </c>
      <c r="JK13" s="71">
        <v>62</v>
      </c>
      <c r="JL13" s="71">
        <v>57</v>
      </c>
      <c r="JM13" s="71">
        <v>50</v>
      </c>
      <c r="JN13" s="71">
        <v>33</v>
      </c>
      <c r="JO13" s="72">
        <v>278</v>
      </c>
      <c r="JP13" s="73">
        <v>387</v>
      </c>
      <c r="JQ13" s="70">
        <v>0</v>
      </c>
      <c r="JR13" s="71">
        <v>0</v>
      </c>
      <c r="JS13" s="72">
        <v>0</v>
      </c>
      <c r="JT13" s="244"/>
      <c r="JU13" s="71">
        <v>0</v>
      </c>
      <c r="JV13" s="71">
        <v>0</v>
      </c>
      <c r="JW13" s="71">
        <v>0</v>
      </c>
      <c r="JX13" s="71">
        <v>0</v>
      </c>
      <c r="JY13" s="71">
        <v>0</v>
      </c>
      <c r="JZ13" s="72">
        <v>0</v>
      </c>
      <c r="KA13" s="73">
        <v>0</v>
      </c>
      <c r="KB13" s="70">
        <v>237</v>
      </c>
      <c r="KC13" s="71">
        <v>157</v>
      </c>
      <c r="KD13" s="72">
        <v>394</v>
      </c>
      <c r="KE13" s="244"/>
      <c r="KF13" s="71">
        <v>282</v>
      </c>
      <c r="KG13" s="71">
        <v>184</v>
      </c>
      <c r="KH13" s="71">
        <v>142</v>
      </c>
      <c r="KI13" s="71">
        <v>130</v>
      </c>
      <c r="KJ13" s="71">
        <v>89</v>
      </c>
      <c r="KK13" s="72">
        <v>827</v>
      </c>
      <c r="KL13" s="73">
        <v>1221</v>
      </c>
    </row>
    <row r="14" spans="1:298" ht="19.5" customHeight="1" x14ac:dyDescent="0.2">
      <c r="A14" s="126" t="s">
        <v>10</v>
      </c>
      <c r="B14" s="316">
        <v>272</v>
      </c>
      <c r="C14" s="82">
        <v>170</v>
      </c>
      <c r="D14" s="83">
        <v>442</v>
      </c>
      <c r="E14" s="241"/>
      <c r="F14" s="82">
        <v>253</v>
      </c>
      <c r="G14" s="82">
        <v>161</v>
      </c>
      <c r="H14" s="82">
        <v>111</v>
      </c>
      <c r="I14" s="82">
        <v>88</v>
      </c>
      <c r="J14" s="82">
        <v>77</v>
      </c>
      <c r="K14" s="84">
        <v>690</v>
      </c>
      <c r="L14" s="85">
        <v>1132</v>
      </c>
      <c r="M14" s="70">
        <v>3</v>
      </c>
      <c r="N14" s="71">
        <v>7</v>
      </c>
      <c r="O14" s="72">
        <v>10</v>
      </c>
      <c r="P14" s="244"/>
      <c r="Q14" s="71">
        <v>9</v>
      </c>
      <c r="R14" s="71">
        <v>7</v>
      </c>
      <c r="S14" s="71">
        <v>5</v>
      </c>
      <c r="T14" s="71">
        <v>5</v>
      </c>
      <c r="U14" s="71">
        <v>4</v>
      </c>
      <c r="V14" s="72">
        <v>30</v>
      </c>
      <c r="W14" s="73">
        <v>40</v>
      </c>
      <c r="X14" s="70">
        <v>16</v>
      </c>
      <c r="Y14" s="71">
        <v>14</v>
      </c>
      <c r="Z14" s="72">
        <v>30</v>
      </c>
      <c r="AA14" s="244"/>
      <c r="AB14" s="71">
        <v>19</v>
      </c>
      <c r="AC14" s="71">
        <v>17</v>
      </c>
      <c r="AD14" s="71">
        <v>5</v>
      </c>
      <c r="AE14" s="71">
        <v>4</v>
      </c>
      <c r="AF14" s="71">
        <v>14</v>
      </c>
      <c r="AG14" s="72">
        <v>59</v>
      </c>
      <c r="AH14" s="73">
        <v>89</v>
      </c>
      <c r="AI14" s="70">
        <v>27</v>
      </c>
      <c r="AJ14" s="71">
        <v>20</v>
      </c>
      <c r="AK14" s="72">
        <v>47</v>
      </c>
      <c r="AL14" s="244"/>
      <c r="AM14" s="71">
        <v>36</v>
      </c>
      <c r="AN14" s="71">
        <v>21</v>
      </c>
      <c r="AO14" s="71">
        <v>13</v>
      </c>
      <c r="AP14" s="71">
        <v>12</v>
      </c>
      <c r="AQ14" s="71">
        <v>8</v>
      </c>
      <c r="AR14" s="72">
        <v>90</v>
      </c>
      <c r="AS14" s="73">
        <v>137</v>
      </c>
      <c r="AT14" s="70">
        <v>72</v>
      </c>
      <c r="AU14" s="71">
        <v>40</v>
      </c>
      <c r="AV14" s="72">
        <v>112</v>
      </c>
      <c r="AW14" s="244"/>
      <c r="AX14" s="71">
        <v>48</v>
      </c>
      <c r="AY14" s="71">
        <v>21</v>
      </c>
      <c r="AZ14" s="71">
        <v>22</v>
      </c>
      <c r="BA14" s="71">
        <v>11</v>
      </c>
      <c r="BB14" s="71">
        <v>19</v>
      </c>
      <c r="BC14" s="72">
        <v>121</v>
      </c>
      <c r="BD14" s="73">
        <v>233</v>
      </c>
      <c r="BE14" s="70">
        <v>86</v>
      </c>
      <c r="BF14" s="71">
        <v>39</v>
      </c>
      <c r="BG14" s="72">
        <v>125</v>
      </c>
      <c r="BH14" s="244"/>
      <c r="BI14" s="71">
        <v>79</v>
      </c>
      <c r="BJ14" s="71">
        <v>49</v>
      </c>
      <c r="BK14" s="71">
        <v>31</v>
      </c>
      <c r="BL14" s="71">
        <v>29</v>
      </c>
      <c r="BM14" s="71">
        <v>13</v>
      </c>
      <c r="BN14" s="72">
        <v>201</v>
      </c>
      <c r="BO14" s="73">
        <v>326</v>
      </c>
      <c r="BP14" s="70">
        <v>68</v>
      </c>
      <c r="BQ14" s="71">
        <v>50</v>
      </c>
      <c r="BR14" s="72">
        <v>118</v>
      </c>
      <c r="BS14" s="244"/>
      <c r="BT14" s="71">
        <v>62</v>
      </c>
      <c r="BU14" s="71">
        <v>46</v>
      </c>
      <c r="BV14" s="71">
        <v>35</v>
      </c>
      <c r="BW14" s="71">
        <v>27</v>
      </c>
      <c r="BX14" s="71">
        <v>19</v>
      </c>
      <c r="BY14" s="72">
        <v>189</v>
      </c>
      <c r="BZ14" s="73">
        <v>307</v>
      </c>
      <c r="CA14" s="70">
        <v>0</v>
      </c>
      <c r="CB14" s="71">
        <v>0</v>
      </c>
      <c r="CC14" s="72">
        <v>0</v>
      </c>
      <c r="CD14" s="244"/>
      <c r="CE14" s="71">
        <v>0</v>
      </c>
      <c r="CF14" s="71">
        <v>0</v>
      </c>
      <c r="CG14" s="71">
        <v>0</v>
      </c>
      <c r="CH14" s="71">
        <v>0</v>
      </c>
      <c r="CI14" s="71">
        <v>0</v>
      </c>
      <c r="CJ14" s="72">
        <v>0</v>
      </c>
      <c r="CK14" s="73">
        <v>0</v>
      </c>
      <c r="CL14" s="70">
        <v>272</v>
      </c>
      <c r="CM14" s="71">
        <v>170</v>
      </c>
      <c r="CN14" s="72">
        <v>442</v>
      </c>
      <c r="CO14" s="244"/>
      <c r="CP14" s="71">
        <v>253</v>
      </c>
      <c r="CQ14" s="71">
        <v>161</v>
      </c>
      <c r="CR14" s="71">
        <v>111</v>
      </c>
      <c r="CS14" s="71">
        <v>88</v>
      </c>
      <c r="CT14" s="71">
        <v>77</v>
      </c>
      <c r="CU14" s="72">
        <v>690</v>
      </c>
      <c r="CV14" s="73">
        <v>1132</v>
      </c>
      <c r="CW14" s="123">
        <v>102</v>
      </c>
      <c r="CX14" s="82">
        <v>70</v>
      </c>
      <c r="CY14" s="83">
        <v>172</v>
      </c>
      <c r="CZ14" s="241"/>
      <c r="DA14" s="82">
        <v>114</v>
      </c>
      <c r="DB14" s="82">
        <v>50</v>
      </c>
      <c r="DC14" s="82">
        <v>46</v>
      </c>
      <c r="DD14" s="82">
        <v>39</v>
      </c>
      <c r="DE14" s="82">
        <v>47</v>
      </c>
      <c r="DF14" s="84">
        <v>296</v>
      </c>
      <c r="DG14" s="85">
        <v>468</v>
      </c>
      <c r="DH14" s="70">
        <v>5</v>
      </c>
      <c r="DI14" s="71">
        <v>1</v>
      </c>
      <c r="DJ14" s="72">
        <v>6</v>
      </c>
      <c r="DK14" s="244"/>
      <c r="DL14" s="71">
        <v>1</v>
      </c>
      <c r="DM14" s="71">
        <v>1</v>
      </c>
      <c r="DN14" s="71">
        <v>2</v>
      </c>
      <c r="DO14" s="71">
        <v>0</v>
      </c>
      <c r="DP14" s="71">
        <v>0</v>
      </c>
      <c r="DQ14" s="72">
        <v>4</v>
      </c>
      <c r="DR14" s="73">
        <v>10</v>
      </c>
      <c r="DS14" s="70">
        <v>7</v>
      </c>
      <c r="DT14" s="71">
        <v>6</v>
      </c>
      <c r="DU14" s="72">
        <v>13</v>
      </c>
      <c r="DV14" s="244"/>
      <c r="DW14" s="71">
        <v>4</v>
      </c>
      <c r="DX14" s="71">
        <v>1</v>
      </c>
      <c r="DY14" s="71">
        <v>2</v>
      </c>
      <c r="DZ14" s="71">
        <v>1</v>
      </c>
      <c r="EA14" s="71">
        <v>1</v>
      </c>
      <c r="EB14" s="72">
        <v>9</v>
      </c>
      <c r="EC14" s="73">
        <v>22</v>
      </c>
      <c r="ED14" s="70">
        <v>14</v>
      </c>
      <c r="EE14" s="71">
        <v>8</v>
      </c>
      <c r="EF14" s="72">
        <v>22</v>
      </c>
      <c r="EG14" s="244"/>
      <c r="EH14" s="71">
        <v>10</v>
      </c>
      <c r="EI14" s="71">
        <v>2</v>
      </c>
      <c r="EJ14" s="71">
        <v>2</v>
      </c>
      <c r="EK14" s="71">
        <v>4</v>
      </c>
      <c r="EL14" s="71">
        <v>2</v>
      </c>
      <c r="EM14" s="72">
        <v>20</v>
      </c>
      <c r="EN14" s="73">
        <v>42</v>
      </c>
      <c r="EO14" s="70">
        <v>26</v>
      </c>
      <c r="EP14" s="71">
        <v>16</v>
      </c>
      <c r="EQ14" s="72">
        <v>42</v>
      </c>
      <c r="ER14" s="244"/>
      <c r="ES14" s="71">
        <v>24</v>
      </c>
      <c r="ET14" s="71">
        <v>8</v>
      </c>
      <c r="EU14" s="71">
        <v>2</v>
      </c>
      <c r="EV14" s="71">
        <v>1</v>
      </c>
      <c r="EW14" s="71">
        <v>10</v>
      </c>
      <c r="EX14" s="72">
        <v>45</v>
      </c>
      <c r="EY14" s="73">
        <v>87</v>
      </c>
      <c r="EZ14" s="70">
        <v>34</v>
      </c>
      <c r="FA14" s="71">
        <v>17</v>
      </c>
      <c r="FB14" s="72">
        <v>51</v>
      </c>
      <c r="FC14" s="244"/>
      <c r="FD14" s="71">
        <v>39</v>
      </c>
      <c r="FE14" s="71">
        <v>11</v>
      </c>
      <c r="FF14" s="71">
        <v>11</v>
      </c>
      <c r="FG14" s="71">
        <v>8</v>
      </c>
      <c r="FH14" s="71">
        <v>10</v>
      </c>
      <c r="FI14" s="72">
        <v>79</v>
      </c>
      <c r="FJ14" s="73">
        <v>130</v>
      </c>
      <c r="FK14" s="70">
        <v>16</v>
      </c>
      <c r="FL14" s="71">
        <v>22</v>
      </c>
      <c r="FM14" s="72">
        <v>38</v>
      </c>
      <c r="FN14" s="244"/>
      <c r="FO14" s="71">
        <v>36</v>
      </c>
      <c r="FP14" s="71">
        <v>27</v>
      </c>
      <c r="FQ14" s="71">
        <v>27</v>
      </c>
      <c r="FR14" s="71">
        <v>25</v>
      </c>
      <c r="FS14" s="71">
        <v>24</v>
      </c>
      <c r="FT14" s="72">
        <v>139</v>
      </c>
      <c r="FU14" s="73">
        <v>177</v>
      </c>
      <c r="FV14" s="70">
        <v>0</v>
      </c>
      <c r="FW14" s="71">
        <v>0</v>
      </c>
      <c r="FX14" s="72">
        <v>0</v>
      </c>
      <c r="FY14" s="244"/>
      <c r="FZ14" s="71">
        <v>0</v>
      </c>
      <c r="GA14" s="71">
        <v>0</v>
      </c>
      <c r="GB14" s="71">
        <v>0</v>
      </c>
      <c r="GC14" s="71">
        <v>0</v>
      </c>
      <c r="GD14" s="71">
        <v>0</v>
      </c>
      <c r="GE14" s="72">
        <v>0</v>
      </c>
      <c r="GF14" s="73">
        <v>0</v>
      </c>
      <c r="GG14" s="70">
        <v>102</v>
      </c>
      <c r="GH14" s="71">
        <v>70</v>
      </c>
      <c r="GI14" s="72">
        <v>172</v>
      </c>
      <c r="GJ14" s="244"/>
      <c r="GK14" s="71">
        <v>114</v>
      </c>
      <c r="GL14" s="71">
        <v>50</v>
      </c>
      <c r="GM14" s="71">
        <v>46</v>
      </c>
      <c r="GN14" s="71">
        <v>39</v>
      </c>
      <c r="GO14" s="71">
        <v>47</v>
      </c>
      <c r="GP14" s="72">
        <v>296</v>
      </c>
      <c r="GQ14" s="73">
        <v>468</v>
      </c>
      <c r="GR14" s="123">
        <v>374</v>
      </c>
      <c r="GS14" s="82">
        <v>240</v>
      </c>
      <c r="GT14" s="83">
        <v>614</v>
      </c>
      <c r="GU14" s="241"/>
      <c r="GV14" s="82">
        <v>367</v>
      </c>
      <c r="GW14" s="82">
        <v>211</v>
      </c>
      <c r="GX14" s="82">
        <v>157</v>
      </c>
      <c r="GY14" s="82">
        <v>127</v>
      </c>
      <c r="GZ14" s="82">
        <v>124</v>
      </c>
      <c r="HA14" s="84">
        <v>986</v>
      </c>
      <c r="HB14" s="85">
        <v>1600</v>
      </c>
      <c r="HC14" s="70">
        <v>8</v>
      </c>
      <c r="HD14" s="71">
        <v>8</v>
      </c>
      <c r="HE14" s="72">
        <v>16</v>
      </c>
      <c r="HF14" s="241"/>
      <c r="HG14" s="71">
        <v>10</v>
      </c>
      <c r="HH14" s="71">
        <v>8</v>
      </c>
      <c r="HI14" s="71">
        <v>7</v>
      </c>
      <c r="HJ14" s="71">
        <v>5</v>
      </c>
      <c r="HK14" s="71">
        <v>4</v>
      </c>
      <c r="HL14" s="72">
        <v>34</v>
      </c>
      <c r="HM14" s="73">
        <v>50</v>
      </c>
      <c r="HN14" s="70">
        <v>23</v>
      </c>
      <c r="HO14" s="71">
        <v>20</v>
      </c>
      <c r="HP14" s="72">
        <v>43</v>
      </c>
      <c r="HQ14" s="241"/>
      <c r="HR14" s="71">
        <v>23</v>
      </c>
      <c r="HS14" s="71">
        <v>18</v>
      </c>
      <c r="HT14" s="71">
        <v>7</v>
      </c>
      <c r="HU14" s="71">
        <v>5</v>
      </c>
      <c r="HV14" s="71">
        <v>15</v>
      </c>
      <c r="HW14" s="72">
        <v>68</v>
      </c>
      <c r="HX14" s="73">
        <v>111</v>
      </c>
      <c r="HY14" s="70">
        <v>41</v>
      </c>
      <c r="HZ14" s="71">
        <v>28</v>
      </c>
      <c r="IA14" s="72">
        <v>69</v>
      </c>
      <c r="IB14" s="244"/>
      <c r="IC14" s="71">
        <v>46</v>
      </c>
      <c r="ID14" s="71">
        <v>23</v>
      </c>
      <c r="IE14" s="71">
        <v>15</v>
      </c>
      <c r="IF14" s="71">
        <v>16</v>
      </c>
      <c r="IG14" s="71">
        <v>10</v>
      </c>
      <c r="IH14" s="72">
        <v>110</v>
      </c>
      <c r="II14" s="73">
        <v>179</v>
      </c>
      <c r="IJ14" s="70">
        <v>98</v>
      </c>
      <c r="IK14" s="71">
        <v>56</v>
      </c>
      <c r="IL14" s="72">
        <v>154</v>
      </c>
      <c r="IM14" s="244"/>
      <c r="IN14" s="71">
        <v>72</v>
      </c>
      <c r="IO14" s="71">
        <v>29</v>
      </c>
      <c r="IP14" s="71">
        <v>24</v>
      </c>
      <c r="IQ14" s="71">
        <v>12</v>
      </c>
      <c r="IR14" s="71">
        <v>29</v>
      </c>
      <c r="IS14" s="72">
        <v>166</v>
      </c>
      <c r="IT14" s="73">
        <v>320</v>
      </c>
      <c r="IU14" s="70">
        <v>120</v>
      </c>
      <c r="IV14" s="71">
        <v>56</v>
      </c>
      <c r="IW14" s="72">
        <v>176</v>
      </c>
      <c r="IX14" s="244"/>
      <c r="IY14" s="71">
        <v>118</v>
      </c>
      <c r="IZ14" s="71">
        <v>60</v>
      </c>
      <c r="JA14" s="71">
        <v>42</v>
      </c>
      <c r="JB14" s="71">
        <v>37</v>
      </c>
      <c r="JC14" s="71">
        <v>23</v>
      </c>
      <c r="JD14" s="72">
        <v>280</v>
      </c>
      <c r="JE14" s="73">
        <v>456</v>
      </c>
      <c r="JF14" s="70">
        <v>84</v>
      </c>
      <c r="JG14" s="71">
        <v>72</v>
      </c>
      <c r="JH14" s="72">
        <v>156</v>
      </c>
      <c r="JI14" s="244"/>
      <c r="JJ14" s="71">
        <v>98</v>
      </c>
      <c r="JK14" s="71">
        <v>73</v>
      </c>
      <c r="JL14" s="71">
        <v>62</v>
      </c>
      <c r="JM14" s="71">
        <v>52</v>
      </c>
      <c r="JN14" s="71">
        <v>43</v>
      </c>
      <c r="JO14" s="72">
        <v>328</v>
      </c>
      <c r="JP14" s="73">
        <v>484</v>
      </c>
      <c r="JQ14" s="70">
        <v>0</v>
      </c>
      <c r="JR14" s="71">
        <v>0</v>
      </c>
      <c r="JS14" s="72">
        <v>0</v>
      </c>
      <c r="JT14" s="244"/>
      <c r="JU14" s="71">
        <v>0</v>
      </c>
      <c r="JV14" s="71">
        <v>0</v>
      </c>
      <c r="JW14" s="71">
        <v>0</v>
      </c>
      <c r="JX14" s="71">
        <v>0</v>
      </c>
      <c r="JY14" s="71">
        <v>0</v>
      </c>
      <c r="JZ14" s="72">
        <v>0</v>
      </c>
      <c r="KA14" s="73">
        <v>0</v>
      </c>
      <c r="KB14" s="70">
        <v>374</v>
      </c>
      <c r="KC14" s="71">
        <v>240</v>
      </c>
      <c r="KD14" s="72">
        <v>614</v>
      </c>
      <c r="KE14" s="244"/>
      <c r="KF14" s="71">
        <v>367</v>
      </c>
      <c r="KG14" s="71">
        <v>211</v>
      </c>
      <c r="KH14" s="71">
        <v>157</v>
      </c>
      <c r="KI14" s="71">
        <v>127</v>
      </c>
      <c r="KJ14" s="71">
        <v>124</v>
      </c>
      <c r="KK14" s="72">
        <v>986</v>
      </c>
      <c r="KL14" s="73">
        <v>1600</v>
      </c>
    </row>
    <row r="15" spans="1:298" ht="19.5" customHeight="1" x14ac:dyDescent="0.2">
      <c r="A15" s="126" t="s">
        <v>11</v>
      </c>
      <c r="B15" s="316">
        <v>56</v>
      </c>
      <c r="C15" s="82">
        <v>37</v>
      </c>
      <c r="D15" s="83">
        <v>93</v>
      </c>
      <c r="E15" s="241"/>
      <c r="F15" s="82">
        <v>94</v>
      </c>
      <c r="G15" s="82">
        <v>31</v>
      </c>
      <c r="H15" s="82">
        <v>33</v>
      </c>
      <c r="I15" s="82">
        <v>36</v>
      </c>
      <c r="J15" s="82">
        <v>20</v>
      </c>
      <c r="K15" s="84">
        <v>214</v>
      </c>
      <c r="L15" s="85">
        <v>307</v>
      </c>
      <c r="M15" s="70">
        <v>1</v>
      </c>
      <c r="N15" s="71">
        <v>2</v>
      </c>
      <c r="O15" s="72">
        <v>3</v>
      </c>
      <c r="P15" s="244"/>
      <c r="Q15" s="71">
        <v>6</v>
      </c>
      <c r="R15" s="71">
        <v>2</v>
      </c>
      <c r="S15" s="71">
        <v>1</v>
      </c>
      <c r="T15" s="71">
        <v>1</v>
      </c>
      <c r="U15" s="71">
        <v>0</v>
      </c>
      <c r="V15" s="72">
        <v>10</v>
      </c>
      <c r="W15" s="73">
        <v>13</v>
      </c>
      <c r="X15" s="70">
        <v>10</v>
      </c>
      <c r="Y15" s="71">
        <v>3</v>
      </c>
      <c r="Z15" s="72">
        <v>13</v>
      </c>
      <c r="AA15" s="244"/>
      <c r="AB15" s="71">
        <v>9</v>
      </c>
      <c r="AC15" s="71">
        <v>2</v>
      </c>
      <c r="AD15" s="71">
        <v>4</v>
      </c>
      <c r="AE15" s="71">
        <v>0</v>
      </c>
      <c r="AF15" s="71">
        <v>3</v>
      </c>
      <c r="AG15" s="72">
        <v>18</v>
      </c>
      <c r="AH15" s="73">
        <v>31</v>
      </c>
      <c r="AI15" s="70">
        <v>5</v>
      </c>
      <c r="AJ15" s="71">
        <v>3</v>
      </c>
      <c r="AK15" s="72">
        <v>8</v>
      </c>
      <c r="AL15" s="244"/>
      <c r="AM15" s="71">
        <v>22</v>
      </c>
      <c r="AN15" s="71">
        <v>4</v>
      </c>
      <c r="AO15" s="71">
        <v>3</v>
      </c>
      <c r="AP15" s="71">
        <v>3</v>
      </c>
      <c r="AQ15" s="71">
        <v>2</v>
      </c>
      <c r="AR15" s="72">
        <v>34</v>
      </c>
      <c r="AS15" s="73">
        <v>42</v>
      </c>
      <c r="AT15" s="70">
        <v>11</v>
      </c>
      <c r="AU15" s="71">
        <v>8</v>
      </c>
      <c r="AV15" s="72">
        <v>19</v>
      </c>
      <c r="AW15" s="244"/>
      <c r="AX15" s="71">
        <v>17</v>
      </c>
      <c r="AY15" s="71">
        <v>7</v>
      </c>
      <c r="AZ15" s="71">
        <v>9</v>
      </c>
      <c r="BA15" s="71">
        <v>12</v>
      </c>
      <c r="BB15" s="71">
        <v>4</v>
      </c>
      <c r="BC15" s="72">
        <v>49</v>
      </c>
      <c r="BD15" s="73">
        <v>68</v>
      </c>
      <c r="BE15" s="70">
        <v>21</v>
      </c>
      <c r="BF15" s="71">
        <v>12</v>
      </c>
      <c r="BG15" s="72">
        <v>33</v>
      </c>
      <c r="BH15" s="244"/>
      <c r="BI15" s="71">
        <v>17</v>
      </c>
      <c r="BJ15" s="71">
        <v>8</v>
      </c>
      <c r="BK15" s="71">
        <v>4</v>
      </c>
      <c r="BL15" s="71">
        <v>9</v>
      </c>
      <c r="BM15" s="71">
        <v>3</v>
      </c>
      <c r="BN15" s="72">
        <v>41</v>
      </c>
      <c r="BO15" s="73">
        <v>74</v>
      </c>
      <c r="BP15" s="70">
        <v>8</v>
      </c>
      <c r="BQ15" s="71">
        <v>9</v>
      </c>
      <c r="BR15" s="72">
        <v>17</v>
      </c>
      <c r="BS15" s="244"/>
      <c r="BT15" s="71">
        <v>23</v>
      </c>
      <c r="BU15" s="71">
        <v>8</v>
      </c>
      <c r="BV15" s="71">
        <v>12</v>
      </c>
      <c r="BW15" s="71">
        <v>11</v>
      </c>
      <c r="BX15" s="71">
        <v>8</v>
      </c>
      <c r="BY15" s="72">
        <v>62</v>
      </c>
      <c r="BZ15" s="73">
        <v>79</v>
      </c>
      <c r="CA15" s="70">
        <v>0</v>
      </c>
      <c r="CB15" s="71">
        <v>0</v>
      </c>
      <c r="CC15" s="72">
        <v>0</v>
      </c>
      <c r="CD15" s="244"/>
      <c r="CE15" s="71">
        <v>0</v>
      </c>
      <c r="CF15" s="71">
        <v>0</v>
      </c>
      <c r="CG15" s="71">
        <v>0</v>
      </c>
      <c r="CH15" s="71">
        <v>0</v>
      </c>
      <c r="CI15" s="71">
        <v>0</v>
      </c>
      <c r="CJ15" s="72">
        <v>0</v>
      </c>
      <c r="CK15" s="73">
        <v>0</v>
      </c>
      <c r="CL15" s="70">
        <v>56</v>
      </c>
      <c r="CM15" s="71">
        <v>37</v>
      </c>
      <c r="CN15" s="72">
        <v>93</v>
      </c>
      <c r="CO15" s="244"/>
      <c r="CP15" s="71">
        <v>94</v>
      </c>
      <c r="CQ15" s="71">
        <v>31</v>
      </c>
      <c r="CR15" s="71">
        <v>33</v>
      </c>
      <c r="CS15" s="71">
        <v>36</v>
      </c>
      <c r="CT15" s="71">
        <v>20</v>
      </c>
      <c r="CU15" s="72">
        <v>214</v>
      </c>
      <c r="CV15" s="73">
        <v>307</v>
      </c>
      <c r="CW15" s="123">
        <v>24</v>
      </c>
      <c r="CX15" s="82">
        <v>19</v>
      </c>
      <c r="CY15" s="83">
        <v>43</v>
      </c>
      <c r="CZ15" s="241"/>
      <c r="DA15" s="82">
        <v>38</v>
      </c>
      <c r="DB15" s="82">
        <v>22</v>
      </c>
      <c r="DC15" s="82">
        <v>18</v>
      </c>
      <c r="DD15" s="82">
        <v>25</v>
      </c>
      <c r="DE15" s="82">
        <v>14</v>
      </c>
      <c r="DF15" s="84">
        <v>117</v>
      </c>
      <c r="DG15" s="85">
        <v>160</v>
      </c>
      <c r="DH15" s="70">
        <v>0</v>
      </c>
      <c r="DI15" s="71">
        <v>1</v>
      </c>
      <c r="DJ15" s="72">
        <v>1</v>
      </c>
      <c r="DK15" s="244"/>
      <c r="DL15" s="71">
        <v>0</v>
      </c>
      <c r="DM15" s="71">
        <v>2</v>
      </c>
      <c r="DN15" s="71">
        <v>0</v>
      </c>
      <c r="DO15" s="71">
        <v>0</v>
      </c>
      <c r="DP15" s="71">
        <v>0</v>
      </c>
      <c r="DQ15" s="72">
        <v>2</v>
      </c>
      <c r="DR15" s="73">
        <v>3</v>
      </c>
      <c r="DS15" s="70">
        <v>3</v>
      </c>
      <c r="DT15" s="71">
        <v>1</v>
      </c>
      <c r="DU15" s="72">
        <v>4</v>
      </c>
      <c r="DV15" s="244"/>
      <c r="DW15" s="71">
        <v>3</v>
      </c>
      <c r="DX15" s="71">
        <v>1</v>
      </c>
      <c r="DY15" s="71">
        <v>1</v>
      </c>
      <c r="DZ15" s="71">
        <v>1</v>
      </c>
      <c r="EA15" s="71">
        <v>0</v>
      </c>
      <c r="EB15" s="72">
        <v>6</v>
      </c>
      <c r="EC15" s="73">
        <v>10</v>
      </c>
      <c r="ED15" s="70">
        <v>2</v>
      </c>
      <c r="EE15" s="71">
        <v>5</v>
      </c>
      <c r="EF15" s="72">
        <v>7</v>
      </c>
      <c r="EG15" s="244"/>
      <c r="EH15" s="71">
        <v>3</v>
      </c>
      <c r="EI15" s="71">
        <v>1</v>
      </c>
      <c r="EJ15" s="71">
        <v>1</v>
      </c>
      <c r="EK15" s="71">
        <v>1</v>
      </c>
      <c r="EL15" s="71">
        <v>0</v>
      </c>
      <c r="EM15" s="72">
        <v>6</v>
      </c>
      <c r="EN15" s="73">
        <v>13</v>
      </c>
      <c r="EO15" s="70">
        <v>5</v>
      </c>
      <c r="EP15" s="71">
        <v>1</v>
      </c>
      <c r="EQ15" s="72">
        <v>6</v>
      </c>
      <c r="ER15" s="244"/>
      <c r="ES15" s="71">
        <v>7</v>
      </c>
      <c r="ET15" s="71">
        <v>4</v>
      </c>
      <c r="EU15" s="71">
        <v>2</v>
      </c>
      <c r="EV15" s="71">
        <v>5</v>
      </c>
      <c r="EW15" s="71">
        <v>5</v>
      </c>
      <c r="EX15" s="72">
        <v>23</v>
      </c>
      <c r="EY15" s="73">
        <v>29</v>
      </c>
      <c r="EZ15" s="70">
        <v>10</v>
      </c>
      <c r="FA15" s="71">
        <v>3</v>
      </c>
      <c r="FB15" s="72">
        <v>13</v>
      </c>
      <c r="FC15" s="244"/>
      <c r="FD15" s="71">
        <v>15</v>
      </c>
      <c r="FE15" s="71">
        <v>6</v>
      </c>
      <c r="FF15" s="71">
        <v>4</v>
      </c>
      <c r="FG15" s="71">
        <v>6</v>
      </c>
      <c r="FH15" s="71">
        <v>2</v>
      </c>
      <c r="FI15" s="72">
        <v>33</v>
      </c>
      <c r="FJ15" s="73">
        <v>46</v>
      </c>
      <c r="FK15" s="70">
        <v>4</v>
      </c>
      <c r="FL15" s="71">
        <v>8</v>
      </c>
      <c r="FM15" s="72">
        <v>12</v>
      </c>
      <c r="FN15" s="244"/>
      <c r="FO15" s="71">
        <v>10</v>
      </c>
      <c r="FP15" s="71">
        <v>8</v>
      </c>
      <c r="FQ15" s="71">
        <v>10</v>
      </c>
      <c r="FR15" s="71">
        <v>12</v>
      </c>
      <c r="FS15" s="71">
        <v>7</v>
      </c>
      <c r="FT15" s="72">
        <v>47</v>
      </c>
      <c r="FU15" s="73">
        <v>59</v>
      </c>
      <c r="FV15" s="70">
        <v>0</v>
      </c>
      <c r="FW15" s="71">
        <v>0</v>
      </c>
      <c r="FX15" s="72">
        <v>0</v>
      </c>
      <c r="FY15" s="244"/>
      <c r="FZ15" s="71">
        <v>0</v>
      </c>
      <c r="GA15" s="71">
        <v>0</v>
      </c>
      <c r="GB15" s="71">
        <v>0</v>
      </c>
      <c r="GC15" s="71">
        <v>0</v>
      </c>
      <c r="GD15" s="71">
        <v>0</v>
      </c>
      <c r="GE15" s="72">
        <v>0</v>
      </c>
      <c r="GF15" s="73">
        <v>0</v>
      </c>
      <c r="GG15" s="70">
        <v>24</v>
      </c>
      <c r="GH15" s="71">
        <v>19</v>
      </c>
      <c r="GI15" s="72">
        <v>43</v>
      </c>
      <c r="GJ15" s="244"/>
      <c r="GK15" s="71">
        <v>38</v>
      </c>
      <c r="GL15" s="71">
        <v>22</v>
      </c>
      <c r="GM15" s="71">
        <v>18</v>
      </c>
      <c r="GN15" s="71">
        <v>25</v>
      </c>
      <c r="GO15" s="71">
        <v>14</v>
      </c>
      <c r="GP15" s="72">
        <v>117</v>
      </c>
      <c r="GQ15" s="73">
        <v>160</v>
      </c>
      <c r="GR15" s="123">
        <v>80</v>
      </c>
      <c r="GS15" s="82">
        <v>56</v>
      </c>
      <c r="GT15" s="83">
        <v>136</v>
      </c>
      <c r="GU15" s="241"/>
      <c r="GV15" s="82">
        <v>132</v>
      </c>
      <c r="GW15" s="82">
        <v>53</v>
      </c>
      <c r="GX15" s="82">
        <v>51</v>
      </c>
      <c r="GY15" s="82">
        <v>61</v>
      </c>
      <c r="GZ15" s="82">
        <v>34</v>
      </c>
      <c r="HA15" s="84">
        <v>331</v>
      </c>
      <c r="HB15" s="85">
        <v>467</v>
      </c>
      <c r="HC15" s="70">
        <v>1</v>
      </c>
      <c r="HD15" s="71">
        <v>3</v>
      </c>
      <c r="HE15" s="72">
        <v>4</v>
      </c>
      <c r="HF15" s="241"/>
      <c r="HG15" s="71">
        <v>6</v>
      </c>
      <c r="HH15" s="71">
        <v>4</v>
      </c>
      <c r="HI15" s="71">
        <v>1</v>
      </c>
      <c r="HJ15" s="71">
        <v>1</v>
      </c>
      <c r="HK15" s="71">
        <v>0</v>
      </c>
      <c r="HL15" s="72">
        <v>12</v>
      </c>
      <c r="HM15" s="73">
        <v>16</v>
      </c>
      <c r="HN15" s="70">
        <v>13</v>
      </c>
      <c r="HO15" s="71">
        <v>4</v>
      </c>
      <c r="HP15" s="72">
        <v>17</v>
      </c>
      <c r="HQ15" s="241"/>
      <c r="HR15" s="71">
        <v>12</v>
      </c>
      <c r="HS15" s="71">
        <v>3</v>
      </c>
      <c r="HT15" s="71">
        <v>5</v>
      </c>
      <c r="HU15" s="71">
        <v>1</v>
      </c>
      <c r="HV15" s="71">
        <v>3</v>
      </c>
      <c r="HW15" s="72">
        <v>24</v>
      </c>
      <c r="HX15" s="73">
        <v>41</v>
      </c>
      <c r="HY15" s="70">
        <v>7</v>
      </c>
      <c r="HZ15" s="71">
        <v>8</v>
      </c>
      <c r="IA15" s="72">
        <v>15</v>
      </c>
      <c r="IB15" s="244"/>
      <c r="IC15" s="71">
        <v>25</v>
      </c>
      <c r="ID15" s="71">
        <v>5</v>
      </c>
      <c r="IE15" s="71">
        <v>4</v>
      </c>
      <c r="IF15" s="71">
        <v>4</v>
      </c>
      <c r="IG15" s="71">
        <v>2</v>
      </c>
      <c r="IH15" s="72">
        <v>40</v>
      </c>
      <c r="II15" s="73">
        <v>55</v>
      </c>
      <c r="IJ15" s="70">
        <v>16</v>
      </c>
      <c r="IK15" s="71">
        <v>9</v>
      </c>
      <c r="IL15" s="72">
        <v>25</v>
      </c>
      <c r="IM15" s="244"/>
      <c r="IN15" s="71">
        <v>24</v>
      </c>
      <c r="IO15" s="71">
        <v>11</v>
      </c>
      <c r="IP15" s="71">
        <v>11</v>
      </c>
      <c r="IQ15" s="71">
        <v>17</v>
      </c>
      <c r="IR15" s="71">
        <v>9</v>
      </c>
      <c r="IS15" s="72">
        <v>72</v>
      </c>
      <c r="IT15" s="73">
        <v>97</v>
      </c>
      <c r="IU15" s="70">
        <v>31</v>
      </c>
      <c r="IV15" s="71">
        <v>15</v>
      </c>
      <c r="IW15" s="72">
        <v>46</v>
      </c>
      <c r="IX15" s="244"/>
      <c r="IY15" s="71">
        <v>32</v>
      </c>
      <c r="IZ15" s="71">
        <v>14</v>
      </c>
      <c r="JA15" s="71">
        <v>8</v>
      </c>
      <c r="JB15" s="71">
        <v>15</v>
      </c>
      <c r="JC15" s="71">
        <v>5</v>
      </c>
      <c r="JD15" s="72">
        <v>74</v>
      </c>
      <c r="JE15" s="73">
        <v>120</v>
      </c>
      <c r="JF15" s="70">
        <v>12</v>
      </c>
      <c r="JG15" s="71">
        <v>17</v>
      </c>
      <c r="JH15" s="72">
        <v>29</v>
      </c>
      <c r="JI15" s="244"/>
      <c r="JJ15" s="71">
        <v>33</v>
      </c>
      <c r="JK15" s="71">
        <v>16</v>
      </c>
      <c r="JL15" s="71">
        <v>22</v>
      </c>
      <c r="JM15" s="71">
        <v>23</v>
      </c>
      <c r="JN15" s="71">
        <v>15</v>
      </c>
      <c r="JO15" s="72">
        <v>109</v>
      </c>
      <c r="JP15" s="73">
        <v>138</v>
      </c>
      <c r="JQ15" s="70">
        <v>0</v>
      </c>
      <c r="JR15" s="71">
        <v>0</v>
      </c>
      <c r="JS15" s="72">
        <v>0</v>
      </c>
      <c r="JT15" s="244"/>
      <c r="JU15" s="71">
        <v>0</v>
      </c>
      <c r="JV15" s="71">
        <v>0</v>
      </c>
      <c r="JW15" s="71">
        <v>0</v>
      </c>
      <c r="JX15" s="71">
        <v>0</v>
      </c>
      <c r="JY15" s="71">
        <v>0</v>
      </c>
      <c r="JZ15" s="72">
        <v>0</v>
      </c>
      <c r="KA15" s="73">
        <v>0</v>
      </c>
      <c r="KB15" s="70">
        <v>80</v>
      </c>
      <c r="KC15" s="71">
        <v>56</v>
      </c>
      <c r="KD15" s="72">
        <v>136</v>
      </c>
      <c r="KE15" s="244"/>
      <c r="KF15" s="71">
        <v>132</v>
      </c>
      <c r="KG15" s="71">
        <v>53</v>
      </c>
      <c r="KH15" s="71">
        <v>51</v>
      </c>
      <c r="KI15" s="71">
        <v>61</v>
      </c>
      <c r="KJ15" s="71">
        <v>34</v>
      </c>
      <c r="KK15" s="72">
        <v>331</v>
      </c>
      <c r="KL15" s="73">
        <v>467</v>
      </c>
    </row>
    <row r="16" spans="1:298" ht="19.5" customHeight="1" x14ac:dyDescent="0.2">
      <c r="A16" s="126" t="s">
        <v>12</v>
      </c>
      <c r="B16" s="316">
        <v>144</v>
      </c>
      <c r="C16" s="82">
        <v>89</v>
      </c>
      <c r="D16" s="83">
        <v>233</v>
      </c>
      <c r="E16" s="241"/>
      <c r="F16" s="82">
        <v>95</v>
      </c>
      <c r="G16" s="82">
        <v>63</v>
      </c>
      <c r="H16" s="82">
        <v>53</v>
      </c>
      <c r="I16" s="82">
        <v>63</v>
      </c>
      <c r="J16" s="82">
        <v>33</v>
      </c>
      <c r="K16" s="84">
        <v>307</v>
      </c>
      <c r="L16" s="85">
        <v>540</v>
      </c>
      <c r="M16" s="86">
        <v>4</v>
      </c>
      <c r="N16" s="71">
        <v>6</v>
      </c>
      <c r="O16" s="72">
        <v>10</v>
      </c>
      <c r="P16" s="244"/>
      <c r="Q16" s="71">
        <v>0</v>
      </c>
      <c r="R16" s="71">
        <v>2</v>
      </c>
      <c r="S16" s="71">
        <v>2</v>
      </c>
      <c r="T16" s="71">
        <v>1</v>
      </c>
      <c r="U16" s="71">
        <v>3</v>
      </c>
      <c r="V16" s="72">
        <v>8</v>
      </c>
      <c r="W16" s="73">
        <v>18</v>
      </c>
      <c r="X16" s="70">
        <v>8</v>
      </c>
      <c r="Y16" s="71">
        <v>7</v>
      </c>
      <c r="Z16" s="72">
        <v>15</v>
      </c>
      <c r="AA16" s="244"/>
      <c r="AB16" s="71">
        <v>10</v>
      </c>
      <c r="AC16" s="71">
        <v>2</v>
      </c>
      <c r="AD16" s="71">
        <v>2</v>
      </c>
      <c r="AE16" s="71">
        <v>3</v>
      </c>
      <c r="AF16" s="71">
        <v>3</v>
      </c>
      <c r="AG16" s="72">
        <v>20</v>
      </c>
      <c r="AH16" s="73">
        <v>35</v>
      </c>
      <c r="AI16" s="86">
        <v>16</v>
      </c>
      <c r="AJ16" s="71">
        <v>11</v>
      </c>
      <c r="AK16" s="72">
        <v>27</v>
      </c>
      <c r="AL16" s="244"/>
      <c r="AM16" s="71">
        <v>6</v>
      </c>
      <c r="AN16" s="71">
        <v>11</v>
      </c>
      <c r="AO16" s="71">
        <v>5</v>
      </c>
      <c r="AP16" s="71">
        <v>4</v>
      </c>
      <c r="AQ16" s="71">
        <v>4</v>
      </c>
      <c r="AR16" s="72">
        <v>30</v>
      </c>
      <c r="AS16" s="73">
        <v>57</v>
      </c>
      <c r="AT16" s="70">
        <v>34</v>
      </c>
      <c r="AU16" s="71">
        <v>15</v>
      </c>
      <c r="AV16" s="72">
        <v>49</v>
      </c>
      <c r="AW16" s="244"/>
      <c r="AX16" s="71">
        <v>22</v>
      </c>
      <c r="AY16" s="71">
        <v>18</v>
      </c>
      <c r="AZ16" s="71">
        <v>10</v>
      </c>
      <c r="BA16" s="71">
        <v>15</v>
      </c>
      <c r="BB16" s="71">
        <v>8</v>
      </c>
      <c r="BC16" s="72">
        <v>73</v>
      </c>
      <c r="BD16" s="73">
        <v>122</v>
      </c>
      <c r="BE16" s="86">
        <v>49</v>
      </c>
      <c r="BF16" s="71">
        <v>28</v>
      </c>
      <c r="BG16" s="72">
        <v>77</v>
      </c>
      <c r="BH16" s="244"/>
      <c r="BI16" s="71">
        <v>28</v>
      </c>
      <c r="BJ16" s="71">
        <v>16</v>
      </c>
      <c r="BK16" s="71">
        <v>22</v>
      </c>
      <c r="BL16" s="71">
        <v>22</v>
      </c>
      <c r="BM16" s="71">
        <v>4</v>
      </c>
      <c r="BN16" s="72">
        <v>92</v>
      </c>
      <c r="BO16" s="73">
        <v>169</v>
      </c>
      <c r="BP16" s="70">
        <v>33</v>
      </c>
      <c r="BQ16" s="71">
        <v>22</v>
      </c>
      <c r="BR16" s="72">
        <v>55</v>
      </c>
      <c r="BS16" s="244"/>
      <c r="BT16" s="71">
        <v>29</v>
      </c>
      <c r="BU16" s="71">
        <v>14</v>
      </c>
      <c r="BV16" s="71">
        <v>12</v>
      </c>
      <c r="BW16" s="71">
        <v>18</v>
      </c>
      <c r="BX16" s="71">
        <v>11</v>
      </c>
      <c r="BY16" s="72">
        <v>84</v>
      </c>
      <c r="BZ16" s="73">
        <v>139</v>
      </c>
      <c r="CA16" s="70">
        <v>0</v>
      </c>
      <c r="CB16" s="71">
        <v>0</v>
      </c>
      <c r="CC16" s="72">
        <v>0</v>
      </c>
      <c r="CD16" s="244"/>
      <c r="CE16" s="71">
        <v>0</v>
      </c>
      <c r="CF16" s="71">
        <v>0</v>
      </c>
      <c r="CG16" s="71">
        <v>0</v>
      </c>
      <c r="CH16" s="71">
        <v>0</v>
      </c>
      <c r="CI16" s="71">
        <v>0</v>
      </c>
      <c r="CJ16" s="72">
        <v>0</v>
      </c>
      <c r="CK16" s="73">
        <v>0</v>
      </c>
      <c r="CL16" s="70">
        <v>144</v>
      </c>
      <c r="CM16" s="71">
        <v>89</v>
      </c>
      <c r="CN16" s="72">
        <v>233</v>
      </c>
      <c r="CO16" s="244"/>
      <c r="CP16" s="71">
        <v>95</v>
      </c>
      <c r="CQ16" s="71">
        <v>63</v>
      </c>
      <c r="CR16" s="71">
        <v>53</v>
      </c>
      <c r="CS16" s="71">
        <v>63</v>
      </c>
      <c r="CT16" s="71">
        <v>33</v>
      </c>
      <c r="CU16" s="72">
        <v>307</v>
      </c>
      <c r="CV16" s="73">
        <v>540</v>
      </c>
      <c r="CW16" s="123">
        <v>37</v>
      </c>
      <c r="CX16" s="82">
        <v>27</v>
      </c>
      <c r="CY16" s="83">
        <v>64</v>
      </c>
      <c r="CZ16" s="241"/>
      <c r="DA16" s="82">
        <v>43</v>
      </c>
      <c r="DB16" s="82">
        <v>21</v>
      </c>
      <c r="DC16" s="82">
        <v>26</v>
      </c>
      <c r="DD16" s="82">
        <v>28</v>
      </c>
      <c r="DE16" s="82">
        <v>11</v>
      </c>
      <c r="DF16" s="84">
        <v>129</v>
      </c>
      <c r="DG16" s="85">
        <v>193</v>
      </c>
      <c r="DH16" s="86">
        <v>0</v>
      </c>
      <c r="DI16" s="71">
        <v>0</v>
      </c>
      <c r="DJ16" s="72">
        <v>0</v>
      </c>
      <c r="DK16" s="244"/>
      <c r="DL16" s="71">
        <v>1</v>
      </c>
      <c r="DM16" s="71">
        <v>0</v>
      </c>
      <c r="DN16" s="71">
        <v>0</v>
      </c>
      <c r="DO16" s="71">
        <v>0</v>
      </c>
      <c r="DP16" s="71">
        <v>0</v>
      </c>
      <c r="DQ16" s="72">
        <v>1</v>
      </c>
      <c r="DR16" s="73">
        <v>1</v>
      </c>
      <c r="DS16" s="70">
        <v>3</v>
      </c>
      <c r="DT16" s="71">
        <v>2</v>
      </c>
      <c r="DU16" s="72">
        <v>5</v>
      </c>
      <c r="DV16" s="244"/>
      <c r="DW16" s="71">
        <v>1</v>
      </c>
      <c r="DX16" s="71">
        <v>1</v>
      </c>
      <c r="DY16" s="71">
        <v>0</v>
      </c>
      <c r="DZ16" s="71">
        <v>0</v>
      </c>
      <c r="EA16" s="71">
        <v>0</v>
      </c>
      <c r="EB16" s="72">
        <v>2</v>
      </c>
      <c r="EC16" s="73">
        <v>7</v>
      </c>
      <c r="ED16" s="86">
        <v>9</v>
      </c>
      <c r="EE16" s="71">
        <v>3</v>
      </c>
      <c r="EF16" s="72">
        <v>12</v>
      </c>
      <c r="EG16" s="244"/>
      <c r="EH16" s="71">
        <v>3</v>
      </c>
      <c r="EI16" s="71">
        <v>3</v>
      </c>
      <c r="EJ16" s="71">
        <v>1</v>
      </c>
      <c r="EK16" s="71">
        <v>0</v>
      </c>
      <c r="EL16" s="71">
        <v>2</v>
      </c>
      <c r="EM16" s="72">
        <v>9</v>
      </c>
      <c r="EN16" s="73">
        <v>21</v>
      </c>
      <c r="EO16" s="70">
        <v>7</v>
      </c>
      <c r="EP16" s="71">
        <v>9</v>
      </c>
      <c r="EQ16" s="72">
        <v>16</v>
      </c>
      <c r="ER16" s="244"/>
      <c r="ES16" s="71">
        <v>8</v>
      </c>
      <c r="ET16" s="71">
        <v>4</v>
      </c>
      <c r="EU16" s="71">
        <v>7</v>
      </c>
      <c r="EV16" s="71">
        <v>6</v>
      </c>
      <c r="EW16" s="71">
        <v>1</v>
      </c>
      <c r="EX16" s="72">
        <v>26</v>
      </c>
      <c r="EY16" s="73">
        <v>42</v>
      </c>
      <c r="EZ16" s="86">
        <v>10</v>
      </c>
      <c r="FA16" s="71">
        <v>7</v>
      </c>
      <c r="FB16" s="72">
        <v>17</v>
      </c>
      <c r="FC16" s="244"/>
      <c r="FD16" s="71">
        <v>13</v>
      </c>
      <c r="FE16" s="71">
        <v>7</v>
      </c>
      <c r="FF16" s="71">
        <v>7</v>
      </c>
      <c r="FG16" s="71">
        <v>6</v>
      </c>
      <c r="FH16" s="71">
        <v>1</v>
      </c>
      <c r="FI16" s="72">
        <v>34</v>
      </c>
      <c r="FJ16" s="73">
        <v>51</v>
      </c>
      <c r="FK16" s="70">
        <v>8</v>
      </c>
      <c r="FL16" s="71">
        <v>6</v>
      </c>
      <c r="FM16" s="72">
        <v>14</v>
      </c>
      <c r="FN16" s="244"/>
      <c r="FO16" s="71">
        <v>17</v>
      </c>
      <c r="FP16" s="71">
        <v>6</v>
      </c>
      <c r="FQ16" s="71">
        <v>11</v>
      </c>
      <c r="FR16" s="71">
        <v>16</v>
      </c>
      <c r="FS16" s="71">
        <v>7</v>
      </c>
      <c r="FT16" s="72">
        <v>57</v>
      </c>
      <c r="FU16" s="73">
        <v>71</v>
      </c>
      <c r="FV16" s="70">
        <v>0</v>
      </c>
      <c r="FW16" s="71">
        <v>0</v>
      </c>
      <c r="FX16" s="72">
        <v>0</v>
      </c>
      <c r="FY16" s="244"/>
      <c r="FZ16" s="71">
        <v>0</v>
      </c>
      <c r="GA16" s="71">
        <v>0</v>
      </c>
      <c r="GB16" s="71">
        <v>0</v>
      </c>
      <c r="GC16" s="71">
        <v>0</v>
      </c>
      <c r="GD16" s="71">
        <v>0</v>
      </c>
      <c r="GE16" s="72">
        <v>0</v>
      </c>
      <c r="GF16" s="73">
        <v>0</v>
      </c>
      <c r="GG16" s="70">
        <v>37</v>
      </c>
      <c r="GH16" s="71">
        <v>27</v>
      </c>
      <c r="GI16" s="72">
        <v>64</v>
      </c>
      <c r="GJ16" s="244"/>
      <c r="GK16" s="71">
        <v>43</v>
      </c>
      <c r="GL16" s="71">
        <v>21</v>
      </c>
      <c r="GM16" s="71">
        <v>26</v>
      </c>
      <c r="GN16" s="71">
        <v>28</v>
      </c>
      <c r="GO16" s="71">
        <v>11</v>
      </c>
      <c r="GP16" s="72">
        <v>129</v>
      </c>
      <c r="GQ16" s="73">
        <v>193</v>
      </c>
      <c r="GR16" s="123">
        <v>181</v>
      </c>
      <c r="GS16" s="82">
        <v>116</v>
      </c>
      <c r="GT16" s="83">
        <v>297</v>
      </c>
      <c r="GU16" s="241"/>
      <c r="GV16" s="82">
        <v>138</v>
      </c>
      <c r="GW16" s="82">
        <v>84</v>
      </c>
      <c r="GX16" s="82">
        <v>79</v>
      </c>
      <c r="GY16" s="82">
        <v>91</v>
      </c>
      <c r="GZ16" s="82">
        <v>44</v>
      </c>
      <c r="HA16" s="84">
        <v>436</v>
      </c>
      <c r="HB16" s="85">
        <v>733</v>
      </c>
      <c r="HC16" s="86">
        <v>4</v>
      </c>
      <c r="HD16" s="71">
        <v>6</v>
      </c>
      <c r="HE16" s="72">
        <v>10</v>
      </c>
      <c r="HF16" s="241"/>
      <c r="HG16" s="71">
        <v>1</v>
      </c>
      <c r="HH16" s="71">
        <v>2</v>
      </c>
      <c r="HI16" s="71">
        <v>2</v>
      </c>
      <c r="HJ16" s="71">
        <v>1</v>
      </c>
      <c r="HK16" s="71">
        <v>3</v>
      </c>
      <c r="HL16" s="72">
        <v>9</v>
      </c>
      <c r="HM16" s="73">
        <v>19</v>
      </c>
      <c r="HN16" s="70">
        <v>11</v>
      </c>
      <c r="HO16" s="71">
        <v>9</v>
      </c>
      <c r="HP16" s="72">
        <v>20</v>
      </c>
      <c r="HQ16" s="241"/>
      <c r="HR16" s="71">
        <v>11</v>
      </c>
      <c r="HS16" s="71">
        <v>3</v>
      </c>
      <c r="HT16" s="71">
        <v>2</v>
      </c>
      <c r="HU16" s="71">
        <v>3</v>
      </c>
      <c r="HV16" s="71">
        <v>3</v>
      </c>
      <c r="HW16" s="72">
        <v>22</v>
      </c>
      <c r="HX16" s="73">
        <v>42</v>
      </c>
      <c r="HY16" s="86">
        <v>25</v>
      </c>
      <c r="HZ16" s="71">
        <v>14</v>
      </c>
      <c r="IA16" s="72">
        <v>39</v>
      </c>
      <c r="IB16" s="244"/>
      <c r="IC16" s="71">
        <v>9</v>
      </c>
      <c r="ID16" s="71">
        <v>14</v>
      </c>
      <c r="IE16" s="71">
        <v>6</v>
      </c>
      <c r="IF16" s="71">
        <v>4</v>
      </c>
      <c r="IG16" s="71">
        <v>6</v>
      </c>
      <c r="IH16" s="72">
        <v>39</v>
      </c>
      <c r="II16" s="73">
        <v>78</v>
      </c>
      <c r="IJ16" s="70">
        <v>41</v>
      </c>
      <c r="IK16" s="71">
        <v>24</v>
      </c>
      <c r="IL16" s="72">
        <v>65</v>
      </c>
      <c r="IM16" s="244"/>
      <c r="IN16" s="71">
        <v>30</v>
      </c>
      <c r="IO16" s="71">
        <v>22</v>
      </c>
      <c r="IP16" s="71">
        <v>17</v>
      </c>
      <c r="IQ16" s="71">
        <v>21</v>
      </c>
      <c r="IR16" s="71">
        <v>9</v>
      </c>
      <c r="IS16" s="72">
        <v>99</v>
      </c>
      <c r="IT16" s="73">
        <v>164</v>
      </c>
      <c r="IU16" s="86">
        <v>59</v>
      </c>
      <c r="IV16" s="71">
        <v>35</v>
      </c>
      <c r="IW16" s="72">
        <v>94</v>
      </c>
      <c r="IX16" s="244"/>
      <c r="IY16" s="71">
        <v>41</v>
      </c>
      <c r="IZ16" s="71">
        <v>23</v>
      </c>
      <c r="JA16" s="71">
        <v>29</v>
      </c>
      <c r="JB16" s="71">
        <v>28</v>
      </c>
      <c r="JC16" s="71">
        <v>5</v>
      </c>
      <c r="JD16" s="72">
        <v>126</v>
      </c>
      <c r="JE16" s="73">
        <v>220</v>
      </c>
      <c r="JF16" s="70">
        <v>41</v>
      </c>
      <c r="JG16" s="71">
        <v>28</v>
      </c>
      <c r="JH16" s="72">
        <v>69</v>
      </c>
      <c r="JI16" s="244"/>
      <c r="JJ16" s="71">
        <v>46</v>
      </c>
      <c r="JK16" s="71">
        <v>20</v>
      </c>
      <c r="JL16" s="71">
        <v>23</v>
      </c>
      <c r="JM16" s="71">
        <v>34</v>
      </c>
      <c r="JN16" s="71">
        <v>18</v>
      </c>
      <c r="JO16" s="72">
        <v>141</v>
      </c>
      <c r="JP16" s="73">
        <v>210</v>
      </c>
      <c r="JQ16" s="70">
        <v>0</v>
      </c>
      <c r="JR16" s="71">
        <v>0</v>
      </c>
      <c r="JS16" s="72">
        <v>0</v>
      </c>
      <c r="JT16" s="244"/>
      <c r="JU16" s="71">
        <v>0</v>
      </c>
      <c r="JV16" s="71">
        <v>0</v>
      </c>
      <c r="JW16" s="71">
        <v>0</v>
      </c>
      <c r="JX16" s="71">
        <v>0</v>
      </c>
      <c r="JY16" s="71">
        <v>0</v>
      </c>
      <c r="JZ16" s="72">
        <v>0</v>
      </c>
      <c r="KA16" s="73">
        <v>0</v>
      </c>
      <c r="KB16" s="70">
        <v>181</v>
      </c>
      <c r="KC16" s="71">
        <v>116</v>
      </c>
      <c r="KD16" s="72">
        <v>297</v>
      </c>
      <c r="KE16" s="244"/>
      <c r="KF16" s="71">
        <v>138</v>
      </c>
      <c r="KG16" s="71">
        <v>84</v>
      </c>
      <c r="KH16" s="71">
        <v>79</v>
      </c>
      <c r="KI16" s="71">
        <v>91</v>
      </c>
      <c r="KJ16" s="71">
        <v>44</v>
      </c>
      <c r="KK16" s="72">
        <v>436</v>
      </c>
      <c r="KL16" s="73">
        <v>733</v>
      </c>
    </row>
    <row r="17" spans="1:298" ht="19.5" customHeight="1" x14ac:dyDescent="0.2">
      <c r="A17" s="126" t="s">
        <v>13</v>
      </c>
      <c r="B17" s="316">
        <v>37</v>
      </c>
      <c r="C17" s="82">
        <v>41</v>
      </c>
      <c r="D17" s="83">
        <v>78</v>
      </c>
      <c r="E17" s="241"/>
      <c r="F17" s="82">
        <v>54</v>
      </c>
      <c r="G17" s="82">
        <v>59</v>
      </c>
      <c r="H17" s="82">
        <v>45</v>
      </c>
      <c r="I17" s="82">
        <v>23</v>
      </c>
      <c r="J17" s="82">
        <v>19</v>
      </c>
      <c r="K17" s="84">
        <v>200</v>
      </c>
      <c r="L17" s="85">
        <v>278</v>
      </c>
      <c r="M17" s="70">
        <v>1</v>
      </c>
      <c r="N17" s="71">
        <v>0</v>
      </c>
      <c r="O17" s="72">
        <v>1</v>
      </c>
      <c r="P17" s="244"/>
      <c r="Q17" s="71">
        <v>3</v>
      </c>
      <c r="R17" s="71">
        <v>2</v>
      </c>
      <c r="S17" s="71">
        <v>0</v>
      </c>
      <c r="T17" s="71">
        <v>0</v>
      </c>
      <c r="U17" s="71">
        <v>0</v>
      </c>
      <c r="V17" s="72">
        <v>5</v>
      </c>
      <c r="W17" s="73">
        <v>6</v>
      </c>
      <c r="X17" s="70">
        <v>2</v>
      </c>
      <c r="Y17" s="71">
        <v>2</v>
      </c>
      <c r="Z17" s="72">
        <v>4</v>
      </c>
      <c r="AA17" s="244"/>
      <c r="AB17" s="71">
        <v>3</v>
      </c>
      <c r="AC17" s="71">
        <v>2</v>
      </c>
      <c r="AD17" s="71">
        <v>1</v>
      </c>
      <c r="AE17" s="71">
        <v>1</v>
      </c>
      <c r="AF17" s="71">
        <v>3</v>
      </c>
      <c r="AG17" s="72">
        <v>10</v>
      </c>
      <c r="AH17" s="73">
        <v>14</v>
      </c>
      <c r="AI17" s="70">
        <v>1</v>
      </c>
      <c r="AJ17" s="71">
        <v>2</v>
      </c>
      <c r="AK17" s="72">
        <v>3</v>
      </c>
      <c r="AL17" s="244"/>
      <c r="AM17" s="71">
        <v>4</v>
      </c>
      <c r="AN17" s="71">
        <v>7</v>
      </c>
      <c r="AO17" s="71">
        <v>5</v>
      </c>
      <c r="AP17" s="71">
        <v>3</v>
      </c>
      <c r="AQ17" s="71">
        <v>1</v>
      </c>
      <c r="AR17" s="72">
        <v>20</v>
      </c>
      <c r="AS17" s="73">
        <v>23</v>
      </c>
      <c r="AT17" s="70">
        <v>9</v>
      </c>
      <c r="AU17" s="71">
        <v>8</v>
      </c>
      <c r="AV17" s="72">
        <v>17</v>
      </c>
      <c r="AW17" s="244"/>
      <c r="AX17" s="71">
        <v>14</v>
      </c>
      <c r="AY17" s="71">
        <v>8</v>
      </c>
      <c r="AZ17" s="71">
        <v>11</v>
      </c>
      <c r="BA17" s="71">
        <v>4</v>
      </c>
      <c r="BB17" s="71">
        <v>4</v>
      </c>
      <c r="BC17" s="72">
        <v>41</v>
      </c>
      <c r="BD17" s="73">
        <v>58</v>
      </c>
      <c r="BE17" s="70">
        <v>15</v>
      </c>
      <c r="BF17" s="71">
        <v>15</v>
      </c>
      <c r="BG17" s="72">
        <v>30</v>
      </c>
      <c r="BH17" s="244"/>
      <c r="BI17" s="71">
        <v>13</v>
      </c>
      <c r="BJ17" s="71">
        <v>20</v>
      </c>
      <c r="BK17" s="71">
        <v>10</v>
      </c>
      <c r="BL17" s="71">
        <v>8</v>
      </c>
      <c r="BM17" s="71">
        <v>5</v>
      </c>
      <c r="BN17" s="72">
        <v>56</v>
      </c>
      <c r="BO17" s="73">
        <v>86</v>
      </c>
      <c r="BP17" s="70">
        <v>9</v>
      </c>
      <c r="BQ17" s="71">
        <v>14</v>
      </c>
      <c r="BR17" s="72">
        <v>23</v>
      </c>
      <c r="BS17" s="244"/>
      <c r="BT17" s="71">
        <v>17</v>
      </c>
      <c r="BU17" s="71">
        <v>20</v>
      </c>
      <c r="BV17" s="71">
        <v>18</v>
      </c>
      <c r="BW17" s="71">
        <v>7</v>
      </c>
      <c r="BX17" s="71">
        <v>6</v>
      </c>
      <c r="BY17" s="72">
        <v>68</v>
      </c>
      <c r="BZ17" s="73">
        <v>91</v>
      </c>
      <c r="CA17" s="70">
        <v>0</v>
      </c>
      <c r="CB17" s="71">
        <v>0</v>
      </c>
      <c r="CC17" s="72">
        <v>0</v>
      </c>
      <c r="CD17" s="244"/>
      <c r="CE17" s="71">
        <v>0</v>
      </c>
      <c r="CF17" s="71">
        <v>0</v>
      </c>
      <c r="CG17" s="71">
        <v>0</v>
      </c>
      <c r="CH17" s="71">
        <v>0</v>
      </c>
      <c r="CI17" s="71">
        <v>0</v>
      </c>
      <c r="CJ17" s="72">
        <v>0</v>
      </c>
      <c r="CK17" s="73">
        <v>0</v>
      </c>
      <c r="CL17" s="70">
        <v>37</v>
      </c>
      <c r="CM17" s="71">
        <v>41</v>
      </c>
      <c r="CN17" s="72">
        <v>78</v>
      </c>
      <c r="CO17" s="244"/>
      <c r="CP17" s="71">
        <v>54</v>
      </c>
      <c r="CQ17" s="71">
        <v>59</v>
      </c>
      <c r="CR17" s="71">
        <v>45</v>
      </c>
      <c r="CS17" s="71">
        <v>23</v>
      </c>
      <c r="CT17" s="71">
        <v>19</v>
      </c>
      <c r="CU17" s="72">
        <v>200</v>
      </c>
      <c r="CV17" s="73">
        <v>278</v>
      </c>
      <c r="CW17" s="123">
        <v>13</v>
      </c>
      <c r="CX17" s="82">
        <v>17</v>
      </c>
      <c r="CY17" s="83">
        <v>30</v>
      </c>
      <c r="CZ17" s="241"/>
      <c r="DA17" s="82">
        <v>25</v>
      </c>
      <c r="DB17" s="82">
        <v>19</v>
      </c>
      <c r="DC17" s="82">
        <v>14</v>
      </c>
      <c r="DD17" s="82">
        <v>11</v>
      </c>
      <c r="DE17" s="82">
        <v>14</v>
      </c>
      <c r="DF17" s="84">
        <v>83</v>
      </c>
      <c r="DG17" s="85">
        <v>113</v>
      </c>
      <c r="DH17" s="70">
        <v>0</v>
      </c>
      <c r="DI17" s="71">
        <v>0</v>
      </c>
      <c r="DJ17" s="72">
        <v>0</v>
      </c>
      <c r="DK17" s="244"/>
      <c r="DL17" s="71">
        <v>0</v>
      </c>
      <c r="DM17" s="71">
        <v>0</v>
      </c>
      <c r="DN17" s="71">
        <v>0</v>
      </c>
      <c r="DO17" s="71">
        <v>0</v>
      </c>
      <c r="DP17" s="71">
        <v>0</v>
      </c>
      <c r="DQ17" s="72">
        <v>0</v>
      </c>
      <c r="DR17" s="73">
        <v>0</v>
      </c>
      <c r="DS17" s="70">
        <v>2</v>
      </c>
      <c r="DT17" s="71">
        <v>1</v>
      </c>
      <c r="DU17" s="72">
        <v>3</v>
      </c>
      <c r="DV17" s="244"/>
      <c r="DW17" s="71">
        <v>3</v>
      </c>
      <c r="DX17" s="71">
        <v>0</v>
      </c>
      <c r="DY17" s="71">
        <v>3</v>
      </c>
      <c r="DZ17" s="71">
        <v>0</v>
      </c>
      <c r="EA17" s="71">
        <v>1</v>
      </c>
      <c r="EB17" s="72">
        <v>7</v>
      </c>
      <c r="EC17" s="73">
        <v>10</v>
      </c>
      <c r="ED17" s="70">
        <v>1</v>
      </c>
      <c r="EE17" s="71">
        <v>0</v>
      </c>
      <c r="EF17" s="72">
        <v>1</v>
      </c>
      <c r="EG17" s="244"/>
      <c r="EH17" s="71">
        <v>3</v>
      </c>
      <c r="EI17" s="71">
        <v>0</v>
      </c>
      <c r="EJ17" s="71">
        <v>2</v>
      </c>
      <c r="EK17" s="71">
        <v>1</v>
      </c>
      <c r="EL17" s="71">
        <v>0</v>
      </c>
      <c r="EM17" s="72">
        <v>6</v>
      </c>
      <c r="EN17" s="73">
        <v>7</v>
      </c>
      <c r="EO17" s="70">
        <v>3</v>
      </c>
      <c r="EP17" s="71">
        <v>4</v>
      </c>
      <c r="EQ17" s="72">
        <v>7</v>
      </c>
      <c r="ER17" s="244"/>
      <c r="ES17" s="71">
        <v>5</v>
      </c>
      <c r="ET17" s="71">
        <v>5</v>
      </c>
      <c r="EU17" s="71">
        <v>1</v>
      </c>
      <c r="EV17" s="71">
        <v>1</v>
      </c>
      <c r="EW17" s="71">
        <v>4</v>
      </c>
      <c r="EX17" s="72">
        <v>16</v>
      </c>
      <c r="EY17" s="73">
        <v>23</v>
      </c>
      <c r="EZ17" s="70">
        <v>4</v>
      </c>
      <c r="FA17" s="71">
        <v>5</v>
      </c>
      <c r="FB17" s="72">
        <v>9</v>
      </c>
      <c r="FC17" s="244"/>
      <c r="FD17" s="71">
        <v>9</v>
      </c>
      <c r="FE17" s="71">
        <v>7</v>
      </c>
      <c r="FF17" s="71">
        <v>4</v>
      </c>
      <c r="FG17" s="71">
        <v>2</v>
      </c>
      <c r="FH17" s="71">
        <v>0</v>
      </c>
      <c r="FI17" s="72">
        <v>22</v>
      </c>
      <c r="FJ17" s="73">
        <v>31</v>
      </c>
      <c r="FK17" s="70">
        <v>3</v>
      </c>
      <c r="FL17" s="71">
        <v>7</v>
      </c>
      <c r="FM17" s="72">
        <v>10</v>
      </c>
      <c r="FN17" s="244"/>
      <c r="FO17" s="71">
        <v>5</v>
      </c>
      <c r="FP17" s="71">
        <v>7</v>
      </c>
      <c r="FQ17" s="71">
        <v>4</v>
      </c>
      <c r="FR17" s="71">
        <v>7</v>
      </c>
      <c r="FS17" s="71">
        <v>9</v>
      </c>
      <c r="FT17" s="72">
        <v>32</v>
      </c>
      <c r="FU17" s="73">
        <v>42</v>
      </c>
      <c r="FV17" s="70">
        <v>0</v>
      </c>
      <c r="FW17" s="71">
        <v>0</v>
      </c>
      <c r="FX17" s="72">
        <v>0</v>
      </c>
      <c r="FY17" s="244"/>
      <c r="FZ17" s="71">
        <v>0</v>
      </c>
      <c r="GA17" s="71">
        <v>0</v>
      </c>
      <c r="GB17" s="71">
        <v>0</v>
      </c>
      <c r="GC17" s="71">
        <v>0</v>
      </c>
      <c r="GD17" s="71">
        <v>0</v>
      </c>
      <c r="GE17" s="72">
        <v>0</v>
      </c>
      <c r="GF17" s="73">
        <v>0</v>
      </c>
      <c r="GG17" s="70">
        <v>13</v>
      </c>
      <c r="GH17" s="71">
        <v>17</v>
      </c>
      <c r="GI17" s="72">
        <v>30</v>
      </c>
      <c r="GJ17" s="244"/>
      <c r="GK17" s="71">
        <v>25</v>
      </c>
      <c r="GL17" s="71">
        <v>19</v>
      </c>
      <c r="GM17" s="71">
        <v>14</v>
      </c>
      <c r="GN17" s="71">
        <v>11</v>
      </c>
      <c r="GO17" s="71">
        <v>14</v>
      </c>
      <c r="GP17" s="72">
        <v>83</v>
      </c>
      <c r="GQ17" s="73">
        <v>113</v>
      </c>
      <c r="GR17" s="123">
        <v>50</v>
      </c>
      <c r="GS17" s="82">
        <v>58</v>
      </c>
      <c r="GT17" s="83">
        <v>108</v>
      </c>
      <c r="GU17" s="241"/>
      <c r="GV17" s="82">
        <v>79</v>
      </c>
      <c r="GW17" s="82">
        <v>78</v>
      </c>
      <c r="GX17" s="82">
        <v>59</v>
      </c>
      <c r="GY17" s="82">
        <v>34</v>
      </c>
      <c r="GZ17" s="82">
        <v>33</v>
      </c>
      <c r="HA17" s="84">
        <v>283</v>
      </c>
      <c r="HB17" s="85">
        <v>391</v>
      </c>
      <c r="HC17" s="70">
        <v>1</v>
      </c>
      <c r="HD17" s="71">
        <v>0</v>
      </c>
      <c r="HE17" s="72">
        <v>1</v>
      </c>
      <c r="HF17" s="241"/>
      <c r="HG17" s="71">
        <v>3</v>
      </c>
      <c r="HH17" s="71">
        <v>2</v>
      </c>
      <c r="HI17" s="71">
        <v>0</v>
      </c>
      <c r="HJ17" s="71">
        <v>0</v>
      </c>
      <c r="HK17" s="71">
        <v>0</v>
      </c>
      <c r="HL17" s="72">
        <v>5</v>
      </c>
      <c r="HM17" s="73">
        <v>6</v>
      </c>
      <c r="HN17" s="70">
        <v>4</v>
      </c>
      <c r="HO17" s="71">
        <v>3</v>
      </c>
      <c r="HP17" s="72">
        <v>7</v>
      </c>
      <c r="HQ17" s="241"/>
      <c r="HR17" s="71">
        <v>6</v>
      </c>
      <c r="HS17" s="71">
        <v>2</v>
      </c>
      <c r="HT17" s="71">
        <v>4</v>
      </c>
      <c r="HU17" s="71">
        <v>1</v>
      </c>
      <c r="HV17" s="71">
        <v>4</v>
      </c>
      <c r="HW17" s="72">
        <v>17</v>
      </c>
      <c r="HX17" s="73">
        <v>24</v>
      </c>
      <c r="HY17" s="70">
        <v>2</v>
      </c>
      <c r="HZ17" s="71">
        <v>2</v>
      </c>
      <c r="IA17" s="72">
        <v>4</v>
      </c>
      <c r="IB17" s="244"/>
      <c r="IC17" s="71">
        <v>7</v>
      </c>
      <c r="ID17" s="71">
        <v>7</v>
      </c>
      <c r="IE17" s="71">
        <v>7</v>
      </c>
      <c r="IF17" s="71">
        <v>4</v>
      </c>
      <c r="IG17" s="71">
        <v>1</v>
      </c>
      <c r="IH17" s="72">
        <v>26</v>
      </c>
      <c r="II17" s="73">
        <v>30</v>
      </c>
      <c r="IJ17" s="70">
        <v>12</v>
      </c>
      <c r="IK17" s="71">
        <v>12</v>
      </c>
      <c r="IL17" s="72">
        <v>24</v>
      </c>
      <c r="IM17" s="244"/>
      <c r="IN17" s="71">
        <v>19</v>
      </c>
      <c r="IO17" s="71">
        <v>13</v>
      </c>
      <c r="IP17" s="71">
        <v>12</v>
      </c>
      <c r="IQ17" s="71">
        <v>5</v>
      </c>
      <c r="IR17" s="71">
        <v>8</v>
      </c>
      <c r="IS17" s="72">
        <v>57</v>
      </c>
      <c r="IT17" s="73">
        <v>81</v>
      </c>
      <c r="IU17" s="70">
        <v>19</v>
      </c>
      <c r="IV17" s="71">
        <v>20</v>
      </c>
      <c r="IW17" s="72">
        <v>39</v>
      </c>
      <c r="IX17" s="244"/>
      <c r="IY17" s="71">
        <v>22</v>
      </c>
      <c r="IZ17" s="71">
        <v>27</v>
      </c>
      <c r="JA17" s="71">
        <v>14</v>
      </c>
      <c r="JB17" s="71">
        <v>10</v>
      </c>
      <c r="JC17" s="71">
        <v>5</v>
      </c>
      <c r="JD17" s="72">
        <v>78</v>
      </c>
      <c r="JE17" s="73">
        <v>117</v>
      </c>
      <c r="JF17" s="70">
        <v>12</v>
      </c>
      <c r="JG17" s="71">
        <v>21</v>
      </c>
      <c r="JH17" s="72">
        <v>33</v>
      </c>
      <c r="JI17" s="244"/>
      <c r="JJ17" s="71">
        <v>22</v>
      </c>
      <c r="JK17" s="71">
        <v>27</v>
      </c>
      <c r="JL17" s="71">
        <v>22</v>
      </c>
      <c r="JM17" s="71">
        <v>14</v>
      </c>
      <c r="JN17" s="71">
        <v>15</v>
      </c>
      <c r="JO17" s="72">
        <v>100</v>
      </c>
      <c r="JP17" s="73">
        <v>133</v>
      </c>
      <c r="JQ17" s="70">
        <v>0</v>
      </c>
      <c r="JR17" s="71">
        <v>0</v>
      </c>
      <c r="JS17" s="72">
        <v>0</v>
      </c>
      <c r="JT17" s="244"/>
      <c r="JU17" s="71">
        <v>0</v>
      </c>
      <c r="JV17" s="71">
        <v>0</v>
      </c>
      <c r="JW17" s="71">
        <v>0</v>
      </c>
      <c r="JX17" s="71">
        <v>0</v>
      </c>
      <c r="JY17" s="71">
        <v>0</v>
      </c>
      <c r="JZ17" s="72">
        <v>0</v>
      </c>
      <c r="KA17" s="73">
        <v>0</v>
      </c>
      <c r="KB17" s="70">
        <v>50</v>
      </c>
      <c r="KC17" s="71">
        <v>58</v>
      </c>
      <c r="KD17" s="72">
        <v>108</v>
      </c>
      <c r="KE17" s="244"/>
      <c r="KF17" s="71">
        <v>79</v>
      </c>
      <c r="KG17" s="71">
        <v>78</v>
      </c>
      <c r="KH17" s="71">
        <v>59</v>
      </c>
      <c r="KI17" s="71">
        <v>34</v>
      </c>
      <c r="KJ17" s="71">
        <v>33</v>
      </c>
      <c r="KK17" s="72">
        <v>283</v>
      </c>
      <c r="KL17" s="73">
        <v>391</v>
      </c>
    </row>
    <row r="18" spans="1:298" ht="19.5" customHeight="1" x14ac:dyDescent="0.2">
      <c r="A18" s="126" t="s">
        <v>15</v>
      </c>
      <c r="B18" s="316">
        <v>8</v>
      </c>
      <c r="C18" s="82">
        <v>9</v>
      </c>
      <c r="D18" s="83">
        <v>17</v>
      </c>
      <c r="E18" s="241"/>
      <c r="F18" s="82">
        <v>18</v>
      </c>
      <c r="G18" s="82">
        <v>15</v>
      </c>
      <c r="H18" s="82">
        <v>7</v>
      </c>
      <c r="I18" s="82">
        <v>12</v>
      </c>
      <c r="J18" s="82">
        <v>8</v>
      </c>
      <c r="K18" s="84">
        <v>60</v>
      </c>
      <c r="L18" s="85">
        <v>77</v>
      </c>
      <c r="M18" s="70">
        <v>2</v>
      </c>
      <c r="N18" s="71">
        <v>2</v>
      </c>
      <c r="O18" s="72">
        <v>4</v>
      </c>
      <c r="P18" s="244"/>
      <c r="Q18" s="71">
        <v>1</v>
      </c>
      <c r="R18" s="71">
        <v>1</v>
      </c>
      <c r="S18" s="71">
        <v>1</v>
      </c>
      <c r="T18" s="71">
        <v>2</v>
      </c>
      <c r="U18" s="71">
        <v>0</v>
      </c>
      <c r="V18" s="72">
        <v>5</v>
      </c>
      <c r="W18" s="73">
        <v>9</v>
      </c>
      <c r="X18" s="70">
        <v>0</v>
      </c>
      <c r="Y18" s="71">
        <v>0</v>
      </c>
      <c r="Z18" s="72">
        <v>0</v>
      </c>
      <c r="AA18" s="244"/>
      <c r="AB18" s="71">
        <v>2</v>
      </c>
      <c r="AC18" s="71">
        <v>0</v>
      </c>
      <c r="AD18" s="71">
        <v>3</v>
      </c>
      <c r="AE18" s="71">
        <v>2</v>
      </c>
      <c r="AF18" s="71">
        <v>1</v>
      </c>
      <c r="AG18" s="72">
        <v>8</v>
      </c>
      <c r="AH18" s="73">
        <v>8</v>
      </c>
      <c r="AI18" s="70">
        <v>0</v>
      </c>
      <c r="AJ18" s="71">
        <v>1</v>
      </c>
      <c r="AK18" s="72">
        <v>1</v>
      </c>
      <c r="AL18" s="244"/>
      <c r="AM18" s="71">
        <v>4</v>
      </c>
      <c r="AN18" s="71">
        <v>2</v>
      </c>
      <c r="AO18" s="71">
        <v>0</v>
      </c>
      <c r="AP18" s="71">
        <v>1</v>
      </c>
      <c r="AQ18" s="71">
        <v>1</v>
      </c>
      <c r="AR18" s="72">
        <v>8</v>
      </c>
      <c r="AS18" s="73">
        <v>9</v>
      </c>
      <c r="AT18" s="70">
        <v>2</v>
      </c>
      <c r="AU18" s="71">
        <v>1</v>
      </c>
      <c r="AV18" s="72">
        <v>3</v>
      </c>
      <c r="AW18" s="244"/>
      <c r="AX18" s="71">
        <v>1</v>
      </c>
      <c r="AY18" s="71">
        <v>2</v>
      </c>
      <c r="AZ18" s="71">
        <v>2</v>
      </c>
      <c r="BA18" s="71">
        <v>2</v>
      </c>
      <c r="BB18" s="71">
        <v>2</v>
      </c>
      <c r="BC18" s="72">
        <v>9</v>
      </c>
      <c r="BD18" s="73">
        <v>12</v>
      </c>
      <c r="BE18" s="70">
        <v>1</v>
      </c>
      <c r="BF18" s="71">
        <v>3</v>
      </c>
      <c r="BG18" s="72">
        <v>4</v>
      </c>
      <c r="BH18" s="244"/>
      <c r="BI18" s="71">
        <v>6</v>
      </c>
      <c r="BJ18" s="71">
        <v>5</v>
      </c>
      <c r="BK18" s="71">
        <v>0</v>
      </c>
      <c r="BL18" s="71">
        <v>2</v>
      </c>
      <c r="BM18" s="71">
        <v>4</v>
      </c>
      <c r="BN18" s="72">
        <v>17</v>
      </c>
      <c r="BO18" s="73">
        <v>21</v>
      </c>
      <c r="BP18" s="70">
        <v>3</v>
      </c>
      <c r="BQ18" s="71">
        <v>2</v>
      </c>
      <c r="BR18" s="72">
        <v>5</v>
      </c>
      <c r="BS18" s="244"/>
      <c r="BT18" s="71">
        <v>4</v>
      </c>
      <c r="BU18" s="71">
        <v>5</v>
      </c>
      <c r="BV18" s="71">
        <v>1</v>
      </c>
      <c r="BW18" s="71">
        <v>3</v>
      </c>
      <c r="BX18" s="71">
        <v>0</v>
      </c>
      <c r="BY18" s="72">
        <v>13</v>
      </c>
      <c r="BZ18" s="73">
        <v>18</v>
      </c>
      <c r="CA18" s="70">
        <v>0</v>
      </c>
      <c r="CB18" s="71">
        <v>0</v>
      </c>
      <c r="CC18" s="72">
        <v>0</v>
      </c>
      <c r="CD18" s="244"/>
      <c r="CE18" s="71">
        <v>0</v>
      </c>
      <c r="CF18" s="71">
        <v>0</v>
      </c>
      <c r="CG18" s="71">
        <v>0</v>
      </c>
      <c r="CH18" s="71">
        <v>0</v>
      </c>
      <c r="CI18" s="71">
        <v>0</v>
      </c>
      <c r="CJ18" s="72">
        <v>0</v>
      </c>
      <c r="CK18" s="73">
        <v>0</v>
      </c>
      <c r="CL18" s="70">
        <v>8</v>
      </c>
      <c r="CM18" s="71">
        <v>9</v>
      </c>
      <c r="CN18" s="72">
        <v>17</v>
      </c>
      <c r="CO18" s="244"/>
      <c r="CP18" s="71">
        <v>18</v>
      </c>
      <c r="CQ18" s="71">
        <v>15</v>
      </c>
      <c r="CR18" s="71">
        <v>7</v>
      </c>
      <c r="CS18" s="71">
        <v>12</v>
      </c>
      <c r="CT18" s="71">
        <v>8</v>
      </c>
      <c r="CU18" s="72">
        <v>60</v>
      </c>
      <c r="CV18" s="73">
        <v>77</v>
      </c>
      <c r="CW18" s="123">
        <v>2</v>
      </c>
      <c r="CX18" s="82">
        <v>12</v>
      </c>
      <c r="CY18" s="83">
        <v>14</v>
      </c>
      <c r="CZ18" s="241"/>
      <c r="DA18" s="82">
        <v>11</v>
      </c>
      <c r="DB18" s="82">
        <v>6</v>
      </c>
      <c r="DC18" s="82">
        <v>6</v>
      </c>
      <c r="DD18" s="82">
        <v>4</v>
      </c>
      <c r="DE18" s="82">
        <v>1</v>
      </c>
      <c r="DF18" s="84">
        <v>28</v>
      </c>
      <c r="DG18" s="85">
        <v>42</v>
      </c>
      <c r="DH18" s="70">
        <v>0</v>
      </c>
      <c r="DI18" s="71">
        <v>0</v>
      </c>
      <c r="DJ18" s="72">
        <v>0</v>
      </c>
      <c r="DK18" s="244"/>
      <c r="DL18" s="71">
        <v>0</v>
      </c>
      <c r="DM18" s="71">
        <v>0</v>
      </c>
      <c r="DN18" s="71">
        <v>1</v>
      </c>
      <c r="DO18" s="71">
        <v>0</v>
      </c>
      <c r="DP18" s="71">
        <v>0</v>
      </c>
      <c r="DQ18" s="72">
        <v>1</v>
      </c>
      <c r="DR18" s="73">
        <v>1</v>
      </c>
      <c r="DS18" s="70">
        <v>0</v>
      </c>
      <c r="DT18" s="71">
        <v>1</v>
      </c>
      <c r="DU18" s="72">
        <v>1</v>
      </c>
      <c r="DV18" s="244"/>
      <c r="DW18" s="71">
        <v>1</v>
      </c>
      <c r="DX18" s="71">
        <v>0</v>
      </c>
      <c r="DY18" s="71">
        <v>0</v>
      </c>
      <c r="DZ18" s="71">
        <v>0</v>
      </c>
      <c r="EA18" s="71">
        <v>0</v>
      </c>
      <c r="EB18" s="72">
        <v>1</v>
      </c>
      <c r="EC18" s="73">
        <v>2</v>
      </c>
      <c r="ED18" s="70">
        <v>0</v>
      </c>
      <c r="EE18" s="71">
        <v>3</v>
      </c>
      <c r="EF18" s="72">
        <v>3</v>
      </c>
      <c r="EG18" s="244"/>
      <c r="EH18" s="71">
        <v>2</v>
      </c>
      <c r="EI18" s="71">
        <v>1</v>
      </c>
      <c r="EJ18" s="71">
        <v>2</v>
      </c>
      <c r="EK18" s="71">
        <v>0</v>
      </c>
      <c r="EL18" s="71">
        <v>1</v>
      </c>
      <c r="EM18" s="72">
        <v>6</v>
      </c>
      <c r="EN18" s="73">
        <v>9</v>
      </c>
      <c r="EO18" s="70">
        <v>0</v>
      </c>
      <c r="EP18" s="71">
        <v>5</v>
      </c>
      <c r="EQ18" s="72">
        <v>5</v>
      </c>
      <c r="ER18" s="244"/>
      <c r="ES18" s="71">
        <v>2</v>
      </c>
      <c r="ET18" s="71">
        <v>1</v>
      </c>
      <c r="EU18" s="71">
        <v>0</v>
      </c>
      <c r="EV18" s="71">
        <v>0</v>
      </c>
      <c r="EW18" s="71">
        <v>0</v>
      </c>
      <c r="EX18" s="72">
        <v>3</v>
      </c>
      <c r="EY18" s="73">
        <v>8</v>
      </c>
      <c r="EZ18" s="70">
        <v>0</v>
      </c>
      <c r="FA18" s="71">
        <v>1</v>
      </c>
      <c r="FB18" s="72">
        <v>1</v>
      </c>
      <c r="FC18" s="244"/>
      <c r="FD18" s="71">
        <v>5</v>
      </c>
      <c r="FE18" s="71">
        <v>1</v>
      </c>
      <c r="FF18" s="71">
        <v>0</v>
      </c>
      <c r="FG18" s="71">
        <v>0</v>
      </c>
      <c r="FH18" s="71">
        <v>0</v>
      </c>
      <c r="FI18" s="72">
        <v>6</v>
      </c>
      <c r="FJ18" s="73">
        <v>7</v>
      </c>
      <c r="FK18" s="70">
        <v>2</v>
      </c>
      <c r="FL18" s="71">
        <v>2</v>
      </c>
      <c r="FM18" s="72">
        <v>4</v>
      </c>
      <c r="FN18" s="244"/>
      <c r="FO18" s="71">
        <v>1</v>
      </c>
      <c r="FP18" s="71">
        <v>3</v>
      </c>
      <c r="FQ18" s="71">
        <v>3</v>
      </c>
      <c r="FR18" s="71">
        <v>4</v>
      </c>
      <c r="FS18" s="71">
        <v>0</v>
      </c>
      <c r="FT18" s="72">
        <v>11</v>
      </c>
      <c r="FU18" s="73">
        <v>15</v>
      </c>
      <c r="FV18" s="70">
        <v>0</v>
      </c>
      <c r="FW18" s="71">
        <v>0</v>
      </c>
      <c r="FX18" s="72">
        <v>0</v>
      </c>
      <c r="FY18" s="244"/>
      <c r="FZ18" s="71">
        <v>0</v>
      </c>
      <c r="GA18" s="71">
        <v>0</v>
      </c>
      <c r="GB18" s="71">
        <v>0</v>
      </c>
      <c r="GC18" s="71">
        <v>0</v>
      </c>
      <c r="GD18" s="71">
        <v>0</v>
      </c>
      <c r="GE18" s="72">
        <v>0</v>
      </c>
      <c r="GF18" s="73">
        <v>0</v>
      </c>
      <c r="GG18" s="70">
        <v>2</v>
      </c>
      <c r="GH18" s="71">
        <v>12</v>
      </c>
      <c r="GI18" s="72">
        <v>14</v>
      </c>
      <c r="GJ18" s="244"/>
      <c r="GK18" s="71">
        <v>11</v>
      </c>
      <c r="GL18" s="71">
        <v>6</v>
      </c>
      <c r="GM18" s="71">
        <v>6</v>
      </c>
      <c r="GN18" s="71">
        <v>4</v>
      </c>
      <c r="GO18" s="71">
        <v>1</v>
      </c>
      <c r="GP18" s="72">
        <v>28</v>
      </c>
      <c r="GQ18" s="73">
        <v>42</v>
      </c>
      <c r="GR18" s="123">
        <v>10</v>
      </c>
      <c r="GS18" s="82">
        <v>21</v>
      </c>
      <c r="GT18" s="83">
        <v>31</v>
      </c>
      <c r="GU18" s="241"/>
      <c r="GV18" s="82">
        <v>29</v>
      </c>
      <c r="GW18" s="82">
        <v>21</v>
      </c>
      <c r="GX18" s="82">
        <v>13</v>
      </c>
      <c r="GY18" s="82">
        <v>16</v>
      </c>
      <c r="GZ18" s="82">
        <v>9</v>
      </c>
      <c r="HA18" s="84">
        <v>88</v>
      </c>
      <c r="HB18" s="85">
        <v>119</v>
      </c>
      <c r="HC18" s="70">
        <v>2</v>
      </c>
      <c r="HD18" s="71">
        <v>2</v>
      </c>
      <c r="HE18" s="72">
        <v>4</v>
      </c>
      <c r="HF18" s="241"/>
      <c r="HG18" s="71">
        <v>1</v>
      </c>
      <c r="HH18" s="71">
        <v>1</v>
      </c>
      <c r="HI18" s="71">
        <v>2</v>
      </c>
      <c r="HJ18" s="71">
        <v>2</v>
      </c>
      <c r="HK18" s="71">
        <v>0</v>
      </c>
      <c r="HL18" s="72">
        <v>6</v>
      </c>
      <c r="HM18" s="73">
        <v>10</v>
      </c>
      <c r="HN18" s="70">
        <v>0</v>
      </c>
      <c r="HO18" s="71">
        <v>1</v>
      </c>
      <c r="HP18" s="72">
        <v>1</v>
      </c>
      <c r="HQ18" s="241"/>
      <c r="HR18" s="71">
        <v>3</v>
      </c>
      <c r="HS18" s="71">
        <v>0</v>
      </c>
      <c r="HT18" s="71">
        <v>3</v>
      </c>
      <c r="HU18" s="71">
        <v>2</v>
      </c>
      <c r="HV18" s="71">
        <v>1</v>
      </c>
      <c r="HW18" s="72">
        <v>9</v>
      </c>
      <c r="HX18" s="73">
        <v>10</v>
      </c>
      <c r="HY18" s="70">
        <v>0</v>
      </c>
      <c r="HZ18" s="71">
        <v>4</v>
      </c>
      <c r="IA18" s="72">
        <v>4</v>
      </c>
      <c r="IB18" s="244"/>
      <c r="IC18" s="71">
        <v>6</v>
      </c>
      <c r="ID18" s="71">
        <v>3</v>
      </c>
      <c r="IE18" s="71">
        <v>2</v>
      </c>
      <c r="IF18" s="71">
        <v>1</v>
      </c>
      <c r="IG18" s="71">
        <v>2</v>
      </c>
      <c r="IH18" s="72">
        <v>14</v>
      </c>
      <c r="II18" s="73">
        <v>18</v>
      </c>
      <c r="IJ18" s="70">
        <v>2</v>
      </c>
      <c r="IK18" s="71">
        <v>6</v>
      </c>
      <c r="IL18" s="72">
        <v>8</v>
      </c>
      <c r="IM18" s="244"/>
      <c r="IN18" s="71">
        <v>3</v>
      </c>
      <c r="IO18" s="71">
        <v>3</v>
      </c>
      <c r="IP18" s="71">
        <v>2</v>
      </c>
      <c r="IQ18" s="71">
        <v>2</v>
      </c>
      <c r="IR18" s="71">
        <v>2</v>
      </c>
      <c r="IS18" s="72">
        <v>12</v>
      </c>
      <c r="IT18" s="73">
        <v>20</v>
      </c>
      <c r="IU18" s="70">
        <v>1</v>
      </c>
      <c r="IV18" s="71">
        <v>4</v>
      </c>
      <c r="IW18" s="72">
        <v>5</v>
      </c>
      <c r="IX18" s="244"/>
      <c r="IY18" s="71">
        <v>11</v>
      </c>
      <c r="IZ18" s="71">
        <v>6</v>
      </c>
      <c r="JA18" s="71">
        <v>0</v>
      </c>
      <c r="JB18" s="71">
        <v>2</v>
      </c>
      <c r="JC18" s="71">
        <v>4</v>
      </c>
      <c r="JD18" s="72">
        <v>23</v>
      </c>
      <c r="JE18" s="73">
        <v>28</v>
      </c>
      <c r="JF18" s="70">
        <v>5</v>
      </c>
      <c r="JG18" s="71">
        <v>4</v>
      </c>
      <c r="JH18" s="72">
        <v>9</v>
      </c>
      <c r="JI18" s="244"/>
      <c r="JJ18" s="71">
        <v>5</v>
      </c>
      <c r="JK18" s="71">
        <v>8</v>
      </c>
      <c r="JL18" s="71">
        <v>4</v>
      </c>
      <c r="JM18" s="71">
        <v>7</v>
      </c>
      <c r="JN18" s="71">
        <v>0</v>
      </c>
      <c r="JO18" s="72">
        <v>24</v>
      </c>
      <c r="JP18" s="73">
        <v>33</v>
      </c>
      <c r="JQ18" s="70">
        <v>0</v>
      </c>
      <c r="JR18" s="71">
        <v>0</v>
      </c>
      <c r="JS18" s="72">
        <v>0</v>
      </c>
      <c r="JT18" s="244"/>
      <c r="JU18" s="71">
        <v>0</v>
      </c>
      <c r="JV18" s="71">
        <v>0</v>
      </c>
      <c r="JW18" s="71">
        <v>0</v>
      </c>
      <c r="JX18" s="71">
        <v>0</v>
      </c>
      <c r="JY18" s="71">
        <v>0</v>
      </c>
      <c r="JZ18" s="72">
        <v>0</v>
      </c>
      <c r="KA18" s="73">
        <v>0</v>
      </c>
      <c r="KB18" s="70">
        <v>10</v>
      </c>
      <c r="KC18" s="71">
        <v>21</v>
      </c>
      <c r="KD18" s="72">
        <v>31</v>
      </c>
      <c r="KE18" s="244"/>
      <c r="KF18" s="71">
        <v>29</v>
      </c>
      <c r="KG18" s="71">
        <v>21</v>
      </c>
      <c r="KH18" s="71">
        <v>13</v>
      </c>
      <c r="KI18" s="71">
        <v>16</v>
      </c>
      <c r="KJ18" s="71">
        <v>9</v>
      </c>
      <c r="KK18" s="72">
        <v>88</v>
      </c>
      <c r="KL18" s="73">
        <v>119</v>
      </c>
    </row>
    <row r="19" spans="1:298" ht="19.5" customHeight="1" x14ac:dyDescent="0.2">
      <c r="A19" s="126" t="s">
        <v>16</v>
      </c>
      <c r="B19" s="316">
        <v>28</v>
      </c>
      <c r="C19" s="82">
        <v>30</v>
      </c>
      <c r="D19" s="83">
        <v>58</v>
      </c>
      <c r="E19" s="241"/>
      <c r="F19" s="82">
        <v>51</v>
      </c>
      <c r="G19" s="82">
        <v>56</v>
      </c>
      <c r="H19" s="82">
        <v>34</v>
      </c>
      <c r="I19" s="82">
        <v>29</v>
      </c>
      <c r="J19" s="82">
        <v>16</v>
      </c>
      <c r="K19" s="84">
        <v>186</v>
      </c>
      <c r="L19" s="85">
        <v>244</v>
      </c>
      <c r="M19" s="70">
        <v>0</v>
      </c>
      <c r="N19" s="71">
        <v>1</v>
      </c>
      <c r="O19" s="72">
        <v>1</v>
      </c>
      <c r="P19" s="244"/>
      <c r="Q19" s="71">
        <v>0</v>
      </c>
      <c r="R19" s="71">
        <v>1</v>
      </c>
      <c r="S19" s="71">
        <v>0</v>
      </c>
      <c r="T19" s="71">
        <v>0</v>
      </c>
      <c r="U19" s="71">
        <v>2</v>
      </c>
      <c r="V19" s="72">
        <v>3</v>
      </c>
      <c r="W19" s="73">
        <v>4</v>
      </c>
      <c r="X19" s="70">
        <v>4</v>
      </c>
      <c r="Y19" s="71">
        <v>5</v>
      </c>
      <c r="Z19" s="72">
        <v>9</v>
      </c>
      <c r="AA19" s="244"/>
      <c r="AB19" s="71">
        <v>6</v>
      </c>
      <c r="AC19" s="71">
        <v>8</v>
      </c>
      <c r="AD19" s="71">
        <v>6</v>
      </c>
      <c r="AE19" s="71">
        <v>5</v>
      </c>
      <c r="AF19" s="71">
        <v>0</v>
      </c>
      <c r="AG19" s="72">
        <v>25</v>
      </c>
      <c r="AH19" s="73">
        <v>34</v>
      </c>
      <c r="AI19" s="70">
        <v>6</v>
      </c>
      <c r="AJ19" s="71">
        <v>5</v>
      </c>
      <c r="AK19" s="72">
        <v>11</v>
      </c>
      <c r="AL19" s="244"/>
      <c r="AM19" s="71">
        <v>8</v>
      </c>
      <c r="AN19" s="71">
        <v>6</v>
      </c>
      <c r="AO19" s="71">
        <v>2</v>
      </c>
      <c r="AP19" s="71">
        <v>5</v>
      </c>
      <c r="AQ19" s="71">
        <v>4</v>
      </c>
      <c r="AR19" s="72">
        <v>25</v>
      </c>
      <c r="AS19" s="73">
        <v>36</v>
      </c>
      <c r="AT19" s="70">
        <v>7</v>
      </c>
      <c r="AU19" s="71">
        <v>6</v>
      </c>
      <c r="AV19" s="72">
        <v>13</v>
      </c>
      <c r="AW19" s="244"/>
      <c r="AX19" s="71">
        <v>12</v>
      </c>
      <c r="AY19" s="71">
        <v>17</v>
      </c>
      <c r="AZ19" s="71">
        <v>11</v>
      </c>
      <c r="BA19" s="71">
        <v>2</v>
      </c>
      <c r="BB19" s="71">
        <v>7</v>
      </c>
      <c r="BC19" s="72">
        <v>49</v>
      </c>
      <c r="BD19" s="73">
        <v>62</v>
      </c>
      <c r="BE19" s="70">
        <v>7</v>
      </c>
      <c r="BF19" s="71">
        <v>10</v>
      </c>
      <c r="BG19" s="72">
        <v>17</v>
      </c>
      <c r="BH19" s="244"/>
      <c r="BI19" s="71">
        <v>8</v>
      </c>
      <c r="BJ19" s="71">
        <v>11</v>
      </c>
      <c r="BK19" s="71">
        <v>8</v>
      </c>
      <c r="BL19" s="71">
        <v>5</v>
      </c>
      <c r="BM19" s="71">
        <v>2</v>
      </c>
      <c r="BN19" s="72">
        <v>34</v>
      </c>
      <c r="BO19" s="73">
        <v>51</v>
      </c>
      <c r="BP19" s="70">
        <v>4</v>
      </c>
      <c r="BQ19" s="71">
        <v>3</v>
      </c>
      <c r="BR19" s="72">
        <v>7</v>
      </c>
      <c r="BS19" s="244"/>
      <c r="BT19" s="71">
        <v>17</v>
      </c>
      <c r="BU19" s="71">
        <v>13</v>
      </c>
      <c r="BV19" s="71">
        <v>7</v>
      </c>
      <c r="BW19" s="71">
        <v>12</v>
      </c>
      <c r="BX19" s="71">
        <v>1</v>
      </c>
      <c r="BY19" s="72">
        <v>50</v>
      </c>
      <c r="BZ19" s="73">
        <v>57</v>
      </c>
      <c r="CA19" s="70">
        <v>0</v>
      </c>
      <c r="CB19" s="71">
        <v>0</v>
      </c>
      <c r="CC19" s="72">
        <v>0</v>
      </c>
      <c r="CD19" s="244"/>
      <c r="CE19" s="71">
        <v>0</v>
      </c>
      <c r="CF19" s="71">
        <v>0</v>
      </c>
      <c r="CG19" s="71">
        <v>0</v>
      </c>
      <c r="CH19" s="71">
        <v>0</v>
      </c>
      <c r="CI19" s="71">
        <v>0</v>
      </c>
      <c r="CJ19" s="72">
        <v>0</v>
      </c>
      <c r="CK19" s="73">
        <v>0</v>
      </c>
      <c r="CL19" s="70">
        <v>28</v>
      </c>
      <c r="CM19" s="71">
        <v>30</v>
      </c>
      <c r="CN19" s="72">
        <v>58</v>
      </c>
      <c r="CO19" s="244"/>
      <c r="CP19" s="71">
        <v>51</v>
      </c>
      <c r="CQ19" s="71">
        <v>56</v>
      </c>
      <c r="CR19" s="71">
        <v>34</v>
      </c>
      <c r="CS19" s="71">
        <v>29</v>
      </c>
      <c r="CT19" s="71">
        <v>16</v>
      </c>
      <c r="CU19" s="72">
        <v>186</v>
      </c>
      <c r="CV19" s="73">
        <v>244</v>
      </c>
      <c r="CW19" s="123">
        <v>13</v>
      </c>
      <c r="CX19" s="82">
        <v>11</v>
      </c>
      <c r="CY19" s="83">
        <v>24</v>
      </c>
      <c r="CZ19" s="241"/>
      <c r="DA19" s="82">
        <v>16</v>
      </c>
      <c r="DB19" s="82">
        <v>27</v>
      </c>
      <c r="DC19" s="82">
        <v>11</v>
      </c>
      <c r="DD19" s="82">
        <v>14</v>
      </c>
      <c r="DE19" s="82">
        <v>10</v>
      </c>
      <c r="DF19" s="84">
        <v>78</v>
      </c>
      <c r="DG19" s="85">
        <v>102</v>
      </c>
      <c r="DH19" s="70">
        <v>0</v>
      </c>
      <c r="DI19" s="71">
        <v>0</v>
      </c>
      <c r="DJ19" s="72">
        <v>0</v>
      </c>
      <c r="DK19" s="244"/>
      <c r="DL19" s="71">
        <v>0</v>
      </c>
      <c r="DM19" s="71">
        <v>1</v>
      </c>
      <c r="DN19" s="71">
        <v>0</v>
      </c>
      <c r="DO19" s="71">
        <v>0</v>
      </c>
      <c r="DP19" s="71">
        <v>0</v>
      </c>
      <c r="DQ19" s="72">
        <v>1</v>
      </c>
      <c r="DR19" s="73">
        <v>1</v>
      </c>
      <c r="DS19" s="70">
        <v>2</v>
      </c>
      <c r="DT19" s="71">
        <v>2</v>
      </c>
      <c r="DU19" s="72">
        <v>4</v>
      </c>
      <c r="DV19" s="244"/>
      <c r="DW19" s="71">
        <v>0</v>
      </c>
      <c r="DX19" s="71">
        <v>5</v>
      </c>
      <c r="DY19" s="71">
        <v>0</v>
      </c>
      <c r="DZ19" s="71">
        <v>1</v>
      </c>
      <c r="EA19" s="71">
        <v>0</v>
      </c>
      <c r="EB19" s="72">
        <v>6</v>
      </c>
      <c r="EC19" s="73">
        <v>10</v>
      </c>
      <c r="ED19" s="70">
        <v>3</v>
      </c>
      <c r="EE19" s="71">
        <v>1</v>
      </c>
      <c r="EF19" s="72">
        <v>4</v>
      </c>
      <c r="EG19" s="244"/>
      <c r="EH19" s="71">
        <v>1</v>
      </c>
      <c r="EI19" s="71">
        <v>2</v>
      </c>
      <c r="EJ19" s="71">
        <v>0</v>
      </c>
      <c r="EK19" s="71">
        <v>3</v>
      </c>
      <c r="EL19" s="71">
        <v>0</v>
      </c>
      <c r="EM19" s="72">
        <v>6</v>
      </c>
      <c r="EN19" s="73">
        <v>10</v>
      </c>
      <c r="EO19" s="70">
        <v>5</v>
      </c>
      <c r="EP19" s="71">
        <v>1</v>
      </c>
      <c r="EQ19" s="72">
        <v>6</v>
      </c>
      <c r="ER19" s="244"/>
      <c r="ES19" s="71">
        <v>3</v>
      </c>
      <c r="ET19" s="71">
        <v>6</v>
      </c>
      <c r="EU19" s="71">
        <v>0</v>
      </c>
      <c r="EV19" s="71">
        <v>0</v>
      </c>
      <c r="EW19" s="71">
        <v>1</v>
      </c>
      <c r="EX19" s="72">
        <v>10</v>
      </c>
      <c r="EY19" s="73">
        <v>16</v>
      </c>
      <c r="EZ19" s="70">
        <v>1</v>
      </c>
      <c r="FA19" s="71">
        <v>6</v>
      </c>
      <c r="FB19" s="72">
        <v>7</v>
      </c>
      <c r="FC19" s="244"/>
      <c r="FD19" s="71">
        <v>7</v>
      </c>
      <c r="FE19" s="71">
        <v>6</v>
      </c>
      <c r="FF19" s="71">
        <v>4</v>
      </c>
      <c r="FG19" s="71">
        <v>3</v>
      </c>
      <c r="FH19" s="71">
        <v>3</v>
      </c>
      <c r="FI19" s="72">
        <v>23</v>
      </c>
      <c r="FJ19" s="73">
        <v>30</v>
      </c>
      <c r="FK19" s="70">
        <v>2</v>
      </c>
      <c r="FL19" s="71">
        <v>1</v>
      </c>
      <c r="FM19" s="72">
        <v>3</v>
      </c>
      <c r="FN19" s="244"/>
      <c r="FO19" s="71">
        <v>5</v>
      </c>
      <c r="FP19" s="71">
        <v>7</v>
      </c>
      <c r="FQ19" s="71">
        <v>7</v>
      </c>
      <c r="FR19" s="71">
        <v>7</v>
      </c>
      <c r="FS19" s="71">
        <v>6</v>
      </c>
      <c r="FT19" s="72">
        <v>32</v>
      </c>
      <c r="FU19" s="73">
        <v>35</v>
      </c>
      <c r="FV19" s="70">
        <v>0</v>
      </c>
      <c r="FW19" s="71">
        <v>0</v>
      </c>
      <c r="FX19" s="72">
        <v>0</v>
      </c>
      <c r="FY19" s="244"/>
      <c r="FZ19" s="71">
        <v>0</v>
      </c>
      <c r="GA19" s="71">
        <v>0</v>
      </c>
      <c r="GB19" s="71">
        <v>0</v>
      </c>
      <c r="GC19" s="71">
        <v>0</v>
      </c>
      <c r="GD19" s="71">
        <v>0</v>
      </c>
      <c r="GE19" s="72">
        <v>0</v>
      </c>
      <c r="GF19" s="73">
        <v>0</v>
      </c>
      <c r="GG19" s="70">
        <v>13</v>
      </c>
      <c r="GH19" s="71">
        <v>11</v>
      </c>
      <c r="GI19" s="72">
        <v>24</v>
      </c>
      <c r="GJ19" s="244"/>
      <c r="GK19" s="71">
        <v>16</v>
      </c>
      <c r="GL19" s="71">
        <v>27</v>
      </c>
      <c r="GM19" s="71">
        <v>11</v>
      </c>
      <c r="GN19" s="71">
        <v>14</v>
      </c>
      <c r="GO19" s="71">
        <v>10</v>
      </c>
      <c r="GP19" s="72">
        <v>78</v>
      </c>
      <c r="GQ19" s="73">
        <v>102</v>
      </c>
      <c r="GR19" s="123">
        <v>41</v>
      </c>
      <c r="GS19" s="82">
        <v>41</v>
      </c>
      <c r="GT19" s="83">
        <v>82</v>
      </c>
      <c r="GU19" s="241"/>
      <c r="GV19" s="82">
        <v>67</v>
      </c>
      <c r="GW19" s="82">
        <v>83</v>
      </c>
      <c r="GX19" s="82">
        <v>45</v>
      </c>
      <c r="GY19" s="82">
        <v>43</v>
      </c>
      <c r="GZ19" s="82">
        <v>26</v>
      </c>
      <c r="HA19" s="84">
        <v>264</v>
      </c>
      <c r="HB19" s="85">
        <v>346</v>
      </c>
      <c r="HC19" s="70">
        <v>0</v>
      </c>
      <c r="HD19" s="71">
        <v>1</v>
      </c>
      <c r="HE19" s="72">
        <v>1</v>
      </c>
      <c r="HF19" s="241"/>
      <c r="HG19" s="71">
        <v>0</v>
      </c>
      <c r="HH19" s="71">
        <v>2</v>
      </c>
      <c r="HI19" s="71">
        <v>0</v>
      </c>
      <c r="HJ19" s="71">
        <v>0</v>
      </c>
      <c r="HK19" s="71">
        <v>2</v>
      </c>
      <c r="HL19" s="72">
        <v>4</v>
      </c>
      <c r="HM19" s="73">
        <v>5</v>
      </c>
      <c r="HN19" s="70">
        <v>6</v>
      </c>
      <c r="HO19" s="71">
        <v>7</v>
      </c>
      <c r="HP19" s="72">
        <v>13</v>
      </c>
      <c r="HQ19" s="241"/>
      <c r="HR19" s="71">
        <v>6</v>
      </c>
      <c r="HS19" s="71">
        <v>13</v>
      </c>
      <c r="HT19" s="71">
        <v>6</v>
      </c>
      <c r="HU19" s="71">
        <v>6</v>
      </c>
      <c r="HV19" s="71">
        <v>0</v>
      </c>
      <c r="HW19" s="72">
        <v>31</v>
      </c>
      <c r="HX19" s="73">
        <v>44</v>
      </c>
      <c r="HY19" s="70">
        <v>9</v>
      </c>
      <c r="HZ19" s="71">
        <v>6</v>
      </c>
      <c r="IA19" s="72">
        <v>15</v>
      </c>
      <c r="IB19" s="244"/>
      <c r="IC19" s="71">
        <v>9</v>
      </c>
      <c r="ID19" s="71">
        <v>8</v>
      </c>
      <c r="IE19" s="71">
        <v>2</v>
      </c>
      <c r="IF19" s="71">
        <v>8</v>
      </c>
      <c r="IG19" s="71">
        <v>4</v>
      </c>
      <c r="IH19" s="72">
        <v>31</v>
      </c>
      <c r="II19" s="73">
        <v>46</v>
      </c>
      <c r="IJ19" s="70">
        <v>12</v>
      </c>
      <c r="IK19" s="71">
        <v>7</v>
      </c>
      <c r="IL19" s="72">
        <v>19</v>
      </c>
      <c r="IM19" s="244"/>
      <c r="IN19" s="71">
        <v>15</v>
      </c>
      <c r="IO19" s="71">
        <v>23</v>
      </c>
      <c r="IP19" s="71">
        <v>11</v>
      </c>
      <c r="IQ19" s="71">
        <v>2</v>
      </c>
      <c r="IR19" s="71">
        <v>8</v>
      </c>
      <c r="IS19" s="72">
        <v>59</v>
      </c>
      <c r="IT19" s="73">
        <v>78</v>
      </c>
      <c r="IU19" s="70">
        <v>8</v>
      </c>
      <c r="IV19" s="71">
        <v>16</v>
      </c>
      <c r="IW19" s="72">
        <v>24</v>
      </c>
      <c r="IX19" s="244"/>
      <c r="IY19" s="71">
        <v>15</v>
      </c>
      <c r="IZ19" s="71">
        <v>17</v>
      </c>
      <c r="JA19" s="71">
        <v>12</v>
      </c>
      <c r="JB19" s="71">
        <v>8</v>
      </c>
      <c r="JC19" s="71">
        <v>5</v>
      </c>
      <c r="JD19" s="72">
        <v>57</v>
      </c>
      <c r="JE19" s="73">
        <v>81</v>
      </c>
      <c r="JF19" s="70">
        <v>6</v>
      </c>
      <c r="JG19" s="71">
        <v>4</v>
      </c>
      <c r="JH19" s="72">
        <v>10</v>
      </c>
      <c r="JI19" s="244"/>
      <c r="JJ19" s="71">
        <v>22</v>
      </c>
      <c r="JK19" s="71">
        <v>20</v>
      </c>
      <c r="JL19" s="71">
        <v>14</v>
      </c>
      <c r="JM19" s="71">
        <v>19</v>
      </c>
      <c r="JN19" s="71">
        <v>7</v>
      </c>
      <c r="JO19" s="72">
        <v>82</v>
      </c>
      <c r="JP19" s="73">
        <v>92</v>
      </c>
      <c r="JQ19" s="70">
        <v>0</v>
      </c>
      <c r="JR19" s="71">
        <v>0</v>
      </c>
      <c r="JS19" s="72">
        <v>0</v>
      </c>
      <c r="JT19" s="244"/>
      <c r="JU19" s="71">
        <v>0</v>
      </c>
      <c r="JV19" s="71">
        <v>0</v>
      </c>
      <c r="JW19" s="71">
        <v>0</v>
      </c>
      <c r="JX19" s="71">
        <v>0</v>
      </c>
      <c r="JY19" s="71">
        <v>0</v>
      </c>
      <c r="JZ19" s="72">
        <v>0</v>
      </c>
      <c r="KA19" s="73">
        <v>0</v>
      </c>
      <c r="KB19" s="70">
        <v>41</v>
      </c>
      <c r="KC19" s="71">
        <v>41</v>
      </c>
      <c r="KD19" s="72">
        <v>82</v>
      </c>
      <c r="KE19" s="244"/>
      <c r="KF19" s="71">
        <v>67</v>
      </c>
      <c r="KG19" s="71">
        <v>83</v>
      </c>
      <c r="KH19" s="71">
        <v>45</v>
      </c>
      <c r="KI19" s="71">
        <v>43</v>
      </c>
      <c r="KJ19" s="71">
        <v>26</v>
      </c>
      <c r="KK19" s="72">
        <v>264</v>
      </c>
      <c r="KL19" s="73">
        <v>346</v>
      </c>
    </row>
    <row r="20" spans="1:298" ht="19.5" customHeight="1" x14ac:dyDescent="0.2">
      <c r="A20" s="126" t="s">
        <v>17</v>
      </c>
      <c r="B20" s="316">
        <v>40</v>
      </c>
      <c r="C20" s="82">
        <v>47</v>
      </c>
      <c r="D20" s="83">
        <v>87</v>
      </c>
      <c r="E20" s="241"/>
      <c r="F20" s="82">
        <v>67</v>
      </c>
      <c r="G20" s="82">
        <v>86</v>
      </c>
      <c r="H20" s="82">
        <v>54</v>
      </c>
      <c r="I20" s="82">
        <v>38</v>
      </c>
      <c r="J20" s="82">
        <v>22</v>
      </c>
      <c r="K20" s="84">
        <v>267</v>
      </c>
      <c r="L20" s="85">
        <v>354</v>
      </c>
      <c r="M20" s="70">
        <v>2</v>
      </c>
      <c r="N20" s="71">
        <v>3</v>
      </c>
      <c r="O20" s="72">
        <v>5</v>
      </c>
      <c r="P20" s="244"/>
      <c r="Q20" s="71">
        <v>3</v>
      </c>
      <c r="R20" s="71">
        <v>5</v>
      </c>
      <c r="S20" s="71">
        <v>4</v>
      </c>
      <c r="T20" s="71">
        <v>4</v>
      </c>
      <c r="U20" s="71">
        <v>1</v>
      </c>
      <c r="V20" s="72">
        <v>17</v>
      </c>
      <c r="W20" s="73">
        <v>22</v>
      </c>
      <c r="X20" s="70">
        <v>6</v>
      </c>
      <c r="Y20" s="71">
        <v>6</v>
      </c>
      <c r="Z20" s="72">
        <v>12</v>
      </c>
      <c r="AA20" s="244"/>
      <c r="AB20" s="71">
        <v>5</v>
      </c>
      <c r="AC20" s="71">
        <v>10</v>
      </c>
      <c r="AD20" s="71">
        <v>9</v>
      </c>
      <c r="AE20" s="71">
        <v>3</v>
      </c>
      <c r="AF20" s="71">
        <v>3</v>
      </c>
      <c r="AG20" s="72">
        <v>30</v>
      </c>
      <c r="AH20" s="73">
        <v>42</v>
      </c>
      <c r="AI20" s="70">
        <v>6</v>
      </c>
      <c r="AJ20" s="71">
        <v>4</v>
      </c>
      <c r="AK20" s="72">
        <v>10</v>
      </c>
      <c r="AL20" s="244"/>
      <c r="AM20" s="71">
        <v>14</v>
      </c>
      <c r="AN20" s="71">
        <v>12</v>
      </c>
      <c r="AO20" s="71">
        <v>7</v>
      </c>
      <c r="AP20" s="71">
        <v>6</v>
      </c>
      <c r="AQ20" s="71">
        <v>3</v>
      </c>
      <c r="AR20" s="72">
        <v>42</v>
      </c>
      <c r="AS20" s="73">
        <v>52</v>
      </c>
      <c r="AT20" s="70">
        <v>7</v>
      </c>
      <c r="AU20" s="71">
        <v>9</v>
      </c>
      <c r="AV20" s="72">
        <v>16</v>
      </c>
      <c r="AW20" s="244"/>
      <c r="AX20" s="71">
        <v>16</v>
      </c>
      <c r="AY20" s="71">
        <v>17</v>
      </c>
      <c r="AZ20" s="71">
        <v>13</v>
      </c>
      <c r="BA20" s="71">
        <v>8</v>
      </c>
      <c r="BB20" s="71">
        <v>3</v>
      </c>
      <c r="BC20" s="72">
        <v>57</v>
      </c>
      <c r="BD20" s="73">
        <v>73</v>
      </c>
      <c r="BE20" s="70">
        <v>9</v>
      </c>
      <c r="BF20" s="71">
        <v>13</v>
      </c>
      <c r="BG20" s="72">
        <v>22</v>
      </c>
      <c r="BH20" s="244"/>
      <c r="BI20" s="71">
        <v>15</v>
      </c>
      <c r="BJ20" s="71">
        <v>25</v>
      </c>
      <c r="BK20" s="71">
        <v>10</v>
      </c>
      <c r="BL20" s="71">
        <v>11</v>
      </c>
      <c r="BM20" s="71">
        <v>8</v>
      </c>
      <c r="BN20" s="72">
        <v>69</v>
      </c>
      <c r="BO20" s="73">
        <v>91</v>
      </c>
      <c r="BP20" s="70">
        <v>10</v>
      </c>
      <c r="BQ20" s="71">
        <v>12</v>
      </c>
      <c r="BR20" s="72">
        <v>22</v>
      </c>
      <c r="BS20" s="244"/>
      <c r="BT20" s="71">
        <v>14</v>
      </c>
      <c r="BU20" s="71">
        <v>17</v>
      </c>
      <c r="BV20" s="71">
        <v>11</v>
      </c>
      <c r="BW20" s="71">
        <v>6</v>
      </c>
      <c r="BX20" s="71">
        <v>4</v>
      </c>
      <c r="BY20" s="72">
        <v>52</v>
      </c>
      <c r="BZ20" s="73">
        <v>74</v>
      </c>
      <c r="CA20" s="70">
        <v>0</v>
      </c>
      <c r="CB20" s="71">
        <v>0</v>
      </c>
      <c r="CC20" s="72">
        <v>0</v>
      </c>
      <c r="CD20" s="244"/>
      <c r="CE20" s="71">
        <v>0</v>
      </c>
      <c r="CF20" s="71">
        <v>0</v>
      </c>
      <c r="CG20" s="71">
        <v>0</v>
      </c>
      <c r="CH20" s="71">
        <v>0</v>
      </c>
      <c r="CI20" s="71">
        <v>0</v>
      </c>
      <c r="CJ20" s="72">
        <v>0</v>
      </c>
      <c r="CK20" s="73">
        <v>0</v>
      </c>
      <c r="CL20" s="70">
        <v>40</v>
      </c>
      <c r="CM20" s="71">
        <v>47</v>
      </c>
      <c r="CN20" s="72">
        <v>87</v>
      </c>
      <c r="CO20" s="244"/>
      <c r="CP20" s="71">
        <v>67</v>
      </c>
      <c r="CQ20" s="71">
        <v>86</v>
      </c>
      <c r="CR20" s="71">
        <v>54</v>
      </c>
      <c r="CS20" s="71">
        <v>38</v>
      </c>
      <c r="CT20" s="71">
        <v>22</v>
      </c>
      <c r="CU20" s="72">
        <v>267</v>
      </c>
      <c r="CV20" s="73">
        <v>354</v>
      </c>
      <c r="CW20" s="123">
        <v>23</v>
      </c>
      <c r="CX20" s="82">
        <v>18</v>
      </c>
      <c r="CY20" s="83">
        <v>41</v>
      </c>
      <c r="CZ20" s="241"/>
      <c r="DA20" s="82">
        <v>33</v>
      </c>
      <c r="DB20" s="82">
        <v>30</v>
      </c>
      <c r="DC20" s="82">
        <v>32</v>
      </c>
      <c r="DD20" s="82">
        <v>17</v>
      </c>
      <c r="DE20" s="82">
        <v>23</v>
      </c>
      <c r="DF20" s="84">
        <v>135</v>
      </c>
      <c r="DG20" s="85">
        <v>176</v>
      </c>
      <c r="DH20" s="70">
        <v>1</v>
      </c>
      <c r="DI20" s="71">
        <v>0</v>
      </c>
      <c r="DJ20" s="72">
        <v>1</v>
      </c>
      <c r="DK20" s="244"/>
      <c r="DL20" s="71">
        <v>0</v>
      </c>
      <c r="DM20" s="71">
        <v>1</v>
      </c>
      <c r="DN20" s="71">
        <v>0</v>
      </c>
      <c r="DO20" s="71">
        <v>0</v>
      </c>
      <c r="DP20" s="71">
        <v>1</v>
      </c>
      <c r="DQ20" s="72">
        <v>2</v>
      </c>
      <c r="DR20" s="73">
        <v>3</v>
      </c>
      <c r="DS20" s="70">
        <v>2</v>
      </c>
      <c r="DT20" s="71">
        <v>0</v>
      </c>
      <c r="DU20" s="72">
        <v>2</v>
      </c>
      <c r="DV20" s="244"/>
      <c r="DW20" s="71">
        <v>2</v>
      </c>
      <c r="DX20" s="71">
        <v>3</v>
      </c>
      <c r="DY20" s="71">
        <v>3</v>
      </c>
      <c r="DZ20" s="71">
        <v>0</v>
      </c>
      <c r="EA20" s="71">
        <v>1</v>
      </c>
      <c r="EB20" s="72">
        <v>9</v>
      </c>
      <c r="EC20" s="73">
        <v>11</v>
      </c>
      <c r="ED20" s="70">
        <v>4</v>
      </c>
      <c r="EE20" s="71">
        <v>3</v>
      </c>
      <c r="EF20" s="72">
        <v>7</v>
      </c>
      <c r="EG20" s="244"/>
      <c r="EH20" s="71">
        <v>5</v>
      </c>
      <c r="EI20" s="71">
        <v>1</v>
      </c>
      <c r="EJ20" s="71">
        <v>2</v>
      </c>
      <c r="EK20" s="71">
        <v>1</v>
      </c>
      <c r="EL20" s="71">
        <v>0</v>
      </c>
      <c r="EM20" s="72">
        <v>9</v>
      </c>
      <c r="EN20" s="73">
        <v>16</v>
      </c>
      <c r="EO20" s="70">
        <v>6</v>
      </c>
      <c r="EP20" s="71">
        <v>7</v>
      </c>
      <c r="EQ20" s="72">
        <v>13</v>
      </c>
      <c r="ER20" s="244"/>
      <c r="ES20" s="71">
        <v>10</v>
      </c>
      <c r="ET20" s="71">
        <v>4</v>
      </c>
      <c r="EU20" s="71">
        <v>7</v>
      </c>
      <c r="EV20" s="71">
        <v>3</v>
      </c>
      <c r="EW20" s="71">
        <v>5</v>
      </c>
      <c r="EX20" s="72">
        <v>29</v>
      </c>
      <c r="EY20" s="73">
        <v>42</v>
      </c>
      <c r="EZ20" s="70">
        <v>6</v>
      </c>
      <c r="FA20" s="71">
        <v>6</v>
      </c>
      <c r="FB20" s="72">
        <v>12</v>
      </c>
      <c r="FC20" s="244"/>
      <c r="FD20" s="71">
        <v>7</v>
      </c>
      <c r="FE20" s="71">
        <v>5</v>
      </c>
      <c r="FF20" s="71">
        <v>10</v>
      </c>
      <c r="FG20" s="71">
        <v>2</v>
      </c>
      <c r="FH20" s="71">
        <v>4</v>
      </c>
      <c r="FI20" s="72">
        <v>28</v>
      </c>
      <c r="FJ20" s="73">
        <v>40</v>
      </c>
      <c r="FK20" s="70">
        <v>4</v>
      </c>
      <c r="FL20" s="71">
        <v>2</v>
      </c>
      <c r="FM20" s="72">
        <v>6</v>
      </c>
      <c r="FN20" s="244"/>
      <c r="FO20" s="71">
        <v>9</v>
      </c>
      <c r="FP20" s="71">
        <v>16</v>
      </c>
      <c r="FQ20" s="71">
        <v>10</v>
      </c>
      <c r="FR20" s="71">
        <v>11</v>
      </c>
      <c r="FS20" s="71">
        <v>12</v>
      </c>
      <c r="FT20" s="72">
        <v>58</v>
      </c>
      <c r="FU20" s="73">
        <v>64</v>
      </c>
      <c r="FV20" s="70">
        <v>0</v>
      </c>
      <c r="FW20" s="71">
        <v>0</v>
      </c>
      <c r="FX20" s="72">
        <v>0</v>
      </c>
      <c r="FY20" s="244"/>
      <c r="FZ20" s="71">
        <v>0</v>
      </c>
      <c r="GA20" s="71">
        <v>0</v>
      </c>
      <c r="GB20" s="71">
        <v>0</v>
      </c>
      <c r="GC20" s="71">
        <v>0</v>
      </c>
      <c r="GD20" s="71">
        <v>0</v>
      </c>
      <c r="GE20" s="72">
        <v>0</v>
      </c>
      <c r="GF20" s="73">
        <v>0</v>
      </c>
      <c r="GG20" s="70">
        <v>23</v>
      </c>
      <c r="GH20" s="71">
        <v>18</v>
      </c>
      <c r="GI20" s="72">
        <v>41</v>
      </c>
      <c r="GJ20" s="244"/>
      <c r="GK20" s="71">
        <v>33</v>
      </c>
      <c r="GL20" s="71">
        <v>30</v>
      </c>
      <c r="GM20" s="71">
        <v>32</v>
      </c>
      <c r="GN20" s="71">
        <v>17</v>
      </c>
      <c r="GO20" s="71">
        <v>23</v>
      </c>
      <c r="GP20" s="72">
        <v>135</v>
      </c>
      <c r="GQ20" s="73">
        <v>176</v>
      </c>
      <c r="GR20" s="123">
        <v>63</v>
      </c>
      <c r="GS20" s="82">
        <v>65</v>
      </c>
      <c r="GT20" s="83">
        <v>128</v>
      </c>
      <c r="GU20" s="241"/>
      <c r="GV20" s="82">
        <v>100</v>
      </c>
      <c r="GW20" s="82">
        <v>116</v>
      </c>
      <c r="GX20" s="82">
        <v>86</v>
      </c>
      <c r="GY20" s="82">
        <v>55</v>
      </c>
      <c r="GZ20" s="82">
        <v>45</v>
      </c>
      <c r="HA20" s="84">
        <v>402</v>
      </c>
      <c r="HB20" s="85">
        <v>530</v>
      </c>
      <c r="HC20" s="70">
        <v>3</v>
      </c>
      <c r="HD20" s="71">
        <v>3</v>
      </c>
      <c r="HE20" s="72">
        <v>6</v>
      </c>
      <c r="HF20" s="241"/>
      <c r="HG20" s="71">
        <v>3</v>
      </c>
      <c r="HH20" s="71">
        <v>6</v>
      </c>
      <c r="HI20" s="71">
        <v>4</v>
      </c>
      <c r="HJ20" s="71">
        <v>4</v>
      </c>
      <c r="HK20" s="71">
        <v>2</v>
      </c>
      <c r="HL20" s="72">
        <v>19</v>
      </c>
      <c r="HM20" s="73">
        <v>25</v>
      </c>
      <c r="HN20" s="70">
        <v>8</v>
      </c>
      <c r="HO20" s="71">
        <v>6</v>
      </c>
      <c r="HP20" s="72">
        <v>14</v>
      </c>
      <c r="HQ20" s="241"/>
      <c r="HR20" s="71">
        <v>7</v>
      </c>
      <c r="HS20" s="71">
        <v>13</v>
      </c>
      <c r="HT20" s="71">
        <v>12</v>
      </c>
      <c r="HU20" s="71">
        <v>3</v>
      </c>
      <c r="HV20" s="71">
        <v>4</v>
      </c>
      <c r="HW20" s="72">
        <v>39</v>
      </c>
      <c r="HX20" s="73">
        <v>53</v>
      </c>
      <c r="HY20" s="70">
        <v>10</v>
      </c>
      <c r="HZ20" s="71">
        <v>7</v>
      </c>
      <c r="IA20" s="72">
        <v>17</v>
      </c>
      <c r="IB20" s="244"/>
      <c r="IC20" s="71">
        <v>19</v>
      </c>
      <c r="ID20" s="71">
        <v>13</v>
      </c>
      <c r="IE20" s="71">
        <v>9</v>
      </c>
      <c r="IF20" s="71">
        <v>7</v>
      </c>
      <c r="IG20" s="71">
        <v>3</v>
      </c>
      <c r="IH20" s="72">
        <v>51</v>
      </c>
      <c r="II20" s="73">
        <v>68</v>
      </c>
      <c r="IJ20" s="70">
        <v>13</v>
      </c>
      <c r="IK20" s="71">
        <v>16</v>
      </c>
      <c r="IL20" s="72">
        <v>29</v>
      </c>
      <c r="IM20" s="244"/>
      <c r="IN20" s="71">
        <v>26</v>
      </c>
      <c r="IO20" s="71">
        <v>21</v>
      </c>
      <c r="IP20" s="71">
        <v>20</v>
      </c>
      <c r="IQ20" s="71">
        <v>11</v>
      </c>
      <c r="IR20" s="71">
        <v>8</v>
      </c>
      <c r="IS20" s="72">
        <v>86</v>
      </c>
      <c r="IT20" s="73">
        <v>115</v>
      </c>
      <c r="IU20" s="70">
        <v>15</v>
      </c>
      <c r="IV20" s="71">
        <v>19</v>
      </c>
      <c r="IW20" s="72">
        <v>34</v>
      </c>
      <c r="IX20" s="244"/>
      <c r="IY20" s="71">
        <v>22</v>
      </c>
      <c r="IZ20" s="71">
        <v>30</v>
      </c>
      <c r="JA20" s="71">
        <v>20</v>
      </c>
      <c r="JB20" s="71">
        <v>13</v>
      </c>
      <c r="JC20" s="71">
        <v>12</v>
      </c>
      <c r="JD20" s="72">
        <v>97</v>
      </c>
      <c r="JE20" s="73">
        <v>131</v>
      </c>
      <c r="JF20" s="70">
        <v>14</v>
      </c>
      <c r="JG20" s="71">
        <v>14</v>
      </c>
      <c r="JH20" s="72">
        <v>28</v>
      </c>
      <c r="JI20" s="244"/>
      <c r="JJ20" s="71">
        <v>23</v>
      </c>
      <c r="JK20" s="71">
        <v>33</v>
      </c>
      <c r="JL20" s="71">
        <v>21</v>
      </c>
      <c r="JM20" s="71">
        <v>17</v>
      </c>
      <c r="JN20" s="71">
        <v>16</v>
      </c>
      <c r="JO20" s="72">
        <v>110</v>
      </c>
      <c r="JP20" s="73">
        <v>138</v>
      </c>
      <c r="JQ20" s="70">
        <v>0</v>
      </c>
      <c r="JR20" s="71">
        <v>0</v>
      </c>
      <c r="JS20" s="72">
        <v>0</v>
      </c>
      <c r="JT20" s="244"/>
      <c r="JU20" s="71">
        <v>0</v>
      </c>
      <c r="JV20" s="71">
        <v>0</v>
      </c>
      <c r="JW20" s="71">
        <v>0</v>
      </c>
      <c r="JX20" s="71">
        <v>0</v>
      </c>
      <c r="JY20" s="71">
        <v>0</v>
      </c>
      <c r="JZ20" s="72">
        <v>0</v>
      </c>
      <c r="KA20" s="73">
        <v>0</v>
      </c>
      <c r="KB20" s="70">
        <v>63</v>
      </c>
      <c r="KC20" s="71">
        <v>65</v>
      </c>
      <c r="KD20" s="72">
        <v>128</v>
      </c>
      <c r="KE20" s="244"/>
      <c r="KF20" s="71">
        <v>100</v>
      </c>
      <c r="KG20" s="71">
        <v>116</v>
      </c>
      <c r="KH20" s="71">
        <v>86</v>
      </c>
      <c r="KI20" s="71">
        <v>55</v>
      </c>
      <c r="KJ20" s="71">
        <v>45</v>
      </c>
      <c r="KK20" s="72">
        <v>402</v>
      </c>
      <c r="KL20" s="73">
        <v>530</v>
      </c>
    </row>
    <row r="21" spans="1:298" ht="19.5" customHeight="1" x14ac:dyDescent="0.2">
      <c r="A21" s="126" t="s">
        <v>18</v>
      </c>
      <c r="B21" s="316">
        <v>57</v>
      </c>
      <c r="C21" s="82">
        <v>49</v>
      </c>
      <c r="D21" s="83">
        <v>106</v>
      </c>
      <c r="E21" s="241"/>
      <c r="F21" s="82">
        <v>115</v>
      </c>
      <c r="G21" s="82">
        <v>90</v>
      </c>
      <c r="H21" s="82">
        <v>43</v>
      </c>
      <c r="I21" s="82">
        <v>50</v>
      </c>
      <c r="J21" s="82">
        <v>26</v>
      </c>
      <c r="K21" s="84">
        <v>324</v>
      </c>
      <c r="L21" s="85">
        <v>430</v>
      </c>
      <c r="M21" s="70">
        <v>2</v>
      </c>
      <c r="N21" s="71">
        <v>4</v>
      </c>
      <c r="O21" s="72">
        <v>6</v>
      </c>
      <c r="P21" s="244"/>
      <c r="Q21" s="71">
        <v>4</v>
      </c>
      <c r="R21" s="71">
        <v>5</v>
      </c>
      <c r="S21" s="71">
        <v>5</v>
      </c>
      <c r="T21" s="71">
        <v>3</v>
      </c>
      <c r="U21" s="71">
        <v>0</v>
      </c>
      <c r="V21" s="72">
        <v>17</v>
      </c>
      <c r="W21" s="73">
        <v>23</v>
      </c>
      <c r="X21" s="70">
        <v>9</v>
      </c>
      <c r="Y21" s="71">
        <v>4</v>
      </c>
      <c r="Z21" s="72">
        <v>13</v>
      </c>
      <c r="AA21" s="244"/>
      <c r="AB21" s="71">
        <v>12</v>
      </c>
      <c r="AC21" s="71">
        <v>14</v>
      </c>
      <c r="AD21" s="71">
        <v>6</v>
      </c>
      <c r="AE21" s="71">
        <v>5</v>
      </c>
      <c r="AF21" s="71">
        <v>4</v>
      </c>
      <c r="AG21" s="72">
        <v>41</v>
      </c>
      <c r="AH21" s="73">
        <v>54</v>
      </c>
      <c r="AI21" s="70">
        <v>10</v>
      </c>
      <c r="AJ21" s="71">
        <v>3</v>
      </c>
      <c r="AK21" s="72">
        <v>13</v>
      </c>
      <c r="AL21" s="244"/>
      <c r="AM21" s="71">
        <v>17</v>
      </c>
      <c r="AN21" s="71">
        <v>11</v>
      </c>
      <c r="AO21" s="71">
        <v>5</v>
      </c>
      <c r="AP21" s="71">
        <v>8</v>
      </c>
      <c r="AQ21" s="71">
        <v>5</v>
      </c>
      <c r="AR21" s="72">
        <v>46</v>
      </c>
      <c r="AS21" s="73">
        <v>59</v>
      </c>
      <c r="AT21" s="70">
        <v>13</v>
      </c>
      <c r="AU21" s="71">
        <v>8</v>
      </c>
      <c r="AV21" s="72">
        <v>21</v>
      </c>
      <c r="AW21" s="244"/>
      <c r="AX21" s="71">
        <v>25</v>
      </c>
      <c r="AY21" s="71">
        <v>23</v>
      </c>
      <c r="AZ21" s="71">
        <v>8</v>
      </c>
      <c r="BA21" s="71">
        <v>13</v>
      </c>
      <c r="BB21" s="71">
        <v>5</v>
      </c>
      <c r="BC21" s="72">
        <v>74</v>
      </c>
      <c r="BD21" s="73">
        <v>95</v>
      </c>
      <c r="BE21" s="70">
        <v>12</v>
      </c>
      <c r="BF21" s="71">
        <v>15</v>
      </c>
      <c r="BG21" s="72">
        <v>27</v>
      </c>
      <c r="BH21" s="244"/>
      <c r="BI21" s="71">
        <v>30</v>
      </c>
      <c r="BJ21" s="71">
        <v>18</v>
      </c>
      <c r="BK21" s="71">
        <v>8</v>
      </c>
      <c r="BL21" s="71">
        <v>7</v>
      </c>
      <c r="BM21" s="71">
        <v>6</v>
      </c>
      <c r="BN21" s="72">
        <v>69</v>
      </c>
      <c r="BO21" s="73">
        <v>96</v>
      </c>
      <c r="BP21" s="70">
        <v>11</v>
      </c>
      <c r="BQ21" s="71">
        <v>15</v>
      </c>
      <c r="BR21" s="72">
        <v>26</v>
      </c>
      <c r="BS21" s="244"/>
      <c r="BT21" s="71">
        <v>27</v>
      </c>
      <c r="BU21" s="71">
        <v>19</v>
      </c>
      <c r="BV21" s="71">
        <v>11</v>
      </c>
      <c r="BW21" s="71">
        <v>14</v>
      </c>
      <c r="BX21" s="71">
        <v>6</v>
      </c>
      <c r="BY21" s="72">
        <v>77</v>
      </c>
      <c r="BZ21" s="73">
        <v>103</v>
      </c>
      <c r="CA21" s="70">
        <v>0</v>
      </c>
      <c r="CB21" s="71">
        <v>0</v>
      </c>
      <c r="CC21" s="72">
        <v>0</v>
      </c>
      <c r="CD21" s="244"/>
      <c r="CE21" s="71">
        <v>0</v>
      </c>
      <c r="CF21" s="71">
        <v>0</v>
      </c>
      <c r="CG21" s="71">
        <v>0</v>
      </c>
      <c r="CH21" s="71">
        <v>0</v>
      </c>
      <c r="CI21" s="71">
        <v>0</v>
      </c>
      <c r="CJ21" s="72">
        <v>0</v>
      </c>
      <c r="CK21" s="73">
        <v>0</v>
      </c>
      <c r="CL21" s="70">
        <v>57</v>
      </c>
      <c r="CM21" s="71">
        <v>49</v>
      </c>
      <c r="CN21" s="72">
        <v>106</v>
      </c>
      <c r="CO21" s="244"/>
      <c r="CP21" s="71">
        <v>115</v>
      </c>
      <c r="CQ21" s="71">
        <v>90</v>
      </c>
      <c r="CR21" s="71">
        <v>43</v>
      </c>
      <c r="CS21" s="71">
        <v>50</v>
      </c>
      <c r="CT21" s="71">
        <v>26</v>
      </c>
      <c r="CU21" s="72">
        <v>324</v>
      </c>
      <c r="CV21" s="73">
        <v>430</v>
      </c>
      <c r="CW21" s="123">
        <v>24</v>
      </c>
      <c r="CX21" s="82">
        <v>30</v>
      </c>
      <c r="CY21" s="83">
        <v>54</v>
      </c>
      <c r="CZ21" s="241"/>
      <c r="DA21" s="82">
        <v>34</v>
      </c>
      <c r="DB21" s="82">
        <v>49</v>
      </c>
      <c r="DC21" s="82">
        <v>31</v>
      </c>
      <c r="DD21" s="82">
        <v>29</v>
      </c>
      <c r="DE21" s="82">
        <v>23</v>
      </c>
      <c r="DF21" s="84">
        <v>166</v>
      </c>
      <c r="DG21" s="85">
        <v>220</v>
      </c>
      <c r="DH21" s="70">
        <v>1</v>
      </c>
      <c r="DI21" s="71">
        <v>2</v>
      </c>
      <c r="DJ21" s="72">
        <v>3</v>
      </c>
      <c r="DK21" s="244"/>
      <c r="DL21" s="71">
        <v>1</v>
      </c>
      <c r="DM21" s="71">
        <v>0</v>
      </c>
      <c r="DN21" s="71">
        <v>1</v>
      </c>
      <c r="DO21" s="71">
        <v>0</v>
      </c>
      <c r="DP21" s="71">
        <v>2</v>
      </c>
      <c r="DQ21" s="72">
        <v>4</v>
      </c>
      <c r="DR21" s="73">
        <v>7</v>
      </c>
      <c r="DS21" s="70">
        <v>3</v>
      </c>
      <c r="DT21" s="71">
        <v>5</v>
      </c>
      <c r="DU21" s="72">
        <v>8</v>
      </c>
      <c r="DV21" s="244"/>
      <c r="DW21" s="71">
        <v>1</v>
      </c>
      <c r="DX21" s="71">
        <v>3</v>
      </c>
      <c r="DY21" s="71">
        <v>1</v>
      </c>
      <c r="DZ21" s="71">
        <v>0</v>
      </c>
      <c r="EA21" s="71">
        <v>0</v>
      </c>
      <c r="EB21" s="72">
        <v>5</v>
      </c>
      <c r="EC21" s="73">
        <v>13</v>
      </c>
      <c r="ED21" s="70">
        <v>8</v>
      </c>
      <c r="EE21" s="71">
        <v>5</v>
      </c>
      <c r="EF21" s="72">
        <v>13</v>
      </c>
      <c r="EG21" s="244"/>
      <c r="EH21" s="71">
        <v>4</v>
      </c>
      <c r="EI21" s="71">
        <v>2</v>
      </c>
      <c r="EJ21" s="71">
        <v>4</v>
      </c>
      <c r="EK21" s="71">
        <v>2</v>
      </c>
      <c r="EL21" s="71">
        <v>1</v>
      </c>
      <c r="EM21" s="72">
        <v>13</v>
      </c>
      <c r="EN21" s="73">
        <v>26</v>
      </c>
      <c r="EO21" s="70">
        <v>8</v>
      </c>
      <c r="EP21" s="71">
        <v>4</v>
      </c>
      <c r="EQ21" s="72">
        <v>12</v>
      </c>
      <c r="ER21" s="244"/>
      <c r="ES21" s="71">
        <v>7</v>
      </c>
      <c r="ET21" s="71">
        <v>9</v>
      </c>
      <c r="EU21" s="71">
        <v>5</v>
      </c>
      <c r="EV21" s="71">
        <v>6</v>
      </c>
      <c r="EW21" s="71">
        <v>5</v>
      </c>
      <c r="EX21" s="72">
        <v>32</v>
      </c>
      <c r="EY21" s="73">
        <v>44</v>
      </c>
      <c r="EZ21" s="70">
        <v>3</v>
      </c>
      <c r="FA21" s="71">
        <v>10</v>
      </c>
      <c r="FB21" s="72">
        <v>13</v>
      </c>
      <c r="FC21" s="244"/>
      <c r="FD21" s="71">
        <v>16</v>
      </c>
      <c r="FE21" s="71">
        <v>16</v>
      </c>
      <c r="FF21" s="71">
        <v>5</v>
      </c>
      <c r="FG21" s="71">
        <v>6</v>
      </c>
      <c r="FH21" s="71">
        <v>3</v>
      </c>
      <c r="FI21" s="72">
        <v>46</v>
      </c>
      <c r="FJ21" s="73">
        <v>59</v>
      </c>
      <c r="FK21" s="70">
        <v>1</v>
      </c>
      <c r="FL21" s="71">
        <v>4</v>
      </c>
      <c r="FM21" s="72">
        <v>5</v>
      </c>
      <c r="FN21" s="244"/>
      <c r="FO21" s="71">
        <v>5</v>
      </c>
      <c r="FP21" s="71">
        <v>19</v>
      </c>
      <c r="FQ21" s="71">
        <v>15</v>
      </c>
      <c r="FR21" s="71">
        <v>15</v>
      </c>
      <c r="FS21" s="71">
        <v>12</v>
      </c>
      <c r="FT21" s="72">
        <v>66</v>
      </c>
      <c r="FU21" s="73">
        <v>71</v>
      </c>
      <c r="FV21" s="70">
        <v>0</v>
      </c>
      <c r="FW21" s="71">
        <v>0</v>
      </c>
      <c r="FX21" s="72">
        <v>0</v>
      </c>
      <c r="FY21" s="244"/>
      <c r="FZ21" s="71">
        <v>0</v>
      </c>
      <c r="GA21" s="71">
        <v>0</v>
      </c>
      <c r="GB21" s="71">
        <v>0</v>
      </c>
      <c r="GC21" s="71">
        <v>0</v>
      </c>
      <c r="GD21" s="71">
        <v>0</v>
      </c>
      <c r="GE21" s="72">
        <v>0</v>
      </c>
      <c r="GF21" s="73">
        <v>0</v>
      </c>
      <c r="GG21" s="70">
        <v>24</v>
      </c>
      <c r="GH21" s="71">
        <v>30</v>
      </c>
      <c r="GI21" s="72">
        <v>54</v>
      </c>
      <c r="GJ21" s="244"/>
      <c r="GK21" s="71">
        <v>34</v>
      </c>
      <c r="GL21" s="71">
        <v>49</v>
      </c>
      <c r="GM21" s="71">
        <v>31</v>
      </c>
      <c r="GN21" s="71">
        <v>29</v>
      </c>
      <c r="GO21" s="71">
        <v>23</v>
      </c>
      <c r="GP21" s="72">
        <v>166</v>
      </c>
      <c r="GQ21" s="73">
        <v>220</v>
      </c>
      <c r="GR21" s="123">
        <v>81</v>
      </c>
      <c r="GS21" s="82">
        <v>79</v>
      </c>
      <c r="GT21" s="83">
        <v>160</v>
      </c>
      <c r="GU21" s="241"/>
      <c r="GV21" s="82">
        <v>149</v>
      </c>
      <c r="GW21" s="82">
        <v>139</v>
      </c>
      <c r="GX21" s="82">
        <v>74</v>
      </c>
      <c r="GY21" s="82">
        <v>79</v>
      </c>
      <c r="GZ21" s="82">
        <v>49</v>
      </c>
      <c r="HA21" s="84">
        <v>490</v>
      </c>
      <c r="HB21" s="85">
        <v>650</v>
      </c>
      <c r="HC21" s="70">
        <v>3</v>
      </c>
      <c r="HD21" s="71">
        <v>6</v>
      </c>
      <c r="HE21" s="72">
        <v>9</v>
      </c>
      <c r="HF21" s="241"/>
      <c r="HG21" s="71">
        <v>5</v>
      </c>
      <c r="HH21" s="71">
        <v>5</v>
      </c>
      <c r="HI21" s="71">
        <v>6</v>
      </c>
      <c r="HJ21" s="71">
        <v>3</v>
      </c>
      <c r="HK21" s="71">
        <v>2</v>
      </c>
      <c r="HL21" s="72">
        <v>21</v>
      </c>
      <c r="HM21" s="73">
        <v>30</v>
      </c>
      <c r="HN21" s="70">
        <v>12</v>
      </c>
      <c r="HO21" s="71">
        <v>9</v>
      </c>
      <c r="HP21" s="72">
        <v>21</v>
      </c>
      <c r="HQ21" s="241"/>
      <c r="HR21" s="71">
        <v>13</v>
      </c>
      <c r="HS21" s="71">
        <v>17</v>
      </c>
      <c r="HT21" s="71">
        <v>7</v>
      </c>
      <c r="HU21" s="71">
        <v>5</v>
      </c>
      <c r="HV21" s="71">
        <v>4</v>
      </c>
      <c r="HW21" s="72">
        <v>46</v>
      </c>
      <c r="HX21" s="73">
        <v>67</v>
      </c>
      <c r="HY21" s="70">
        <v>18</v>
      </c>
      <c r="HZ21" s="71">
        <v>8</v>
      </c>
      <c r="IA21" s="72">
        <v>26</v>
      </c>
      <c r="IB21" s="244"/>
      <c r="IC21" s="71">
        <v>21</v>
      </c>
      <c r="ID21" s="71">
        <v>13</v>
      </c>
      <c r="IE21" s="71">
        <v>9</v>
      </c>
      <c r="IF21" s="71">
        <v>10</v>
      </c>
      <c r="IG21" s="71">
        <v>6</v>
      </c>
      <c r="IH21" s="72">
        <v>59</v>
      </c>
      <c r="II21" s="73">
        <v>85</v>
      </c>
      <c r="IJ21" s="70">
        <v>21</v>
      </c>
      <c r="IK21" s="71">
        <v>12</v>
      </c>
      <c r="IL21" s="72">
        <v>33</v>
      </c>
      <c r="IM21" s="244"/>
      <c r="IN21" s="71">
        <v>32</v>
      </c>
      <c r="IO21" s="71">
        <v>32</v>
      </c>
      <c r="IP21" s="71">
        <v>13</v>
      </c>
      <c r="IQ21" s="71">
        <v>19</v>
      </c>
      <c r="IR21" s="71">
        <v>10</v>
      </c>
      <c r="IS21" s="72">
        <v>106</v>
      </c>
      <c r="IT21" s="73">
        <v>139</v>
      </c>
      <c r="IU21" s="70">
        <v>15</v>
      </c>
      <c r="IV21" s="71">
        <v>25</v>
      </c>
      <c r="IW21" s="72">
        <v>40</v>
      </c>
      <c r="IX21" s="244"/>
      <c r="IY21" s="71">
        <v>46</v>
      </c>
      <c r="IZ21" s="71">
        <v>34</v>
      </c>
      <c r="JA21" s="71">
        <v>13</v>
      </c>
      <c r="JB21" s="71">
        <v>13</v>
      </c>
      <c r="JC21" s="71">
        <v>9</v>
      </c>
      <c r="JD21" s="72">
        <v>115</v>
      </c>
      <c r="JE21" s="73">
        <v>155</v>
      </c>
      <c r="JF21" s="70">
        <v>12</v>
      </c>
      <c r="JG21" s="71">
        <v>19</v>
      </c>
      <c r="JH21" s="72">
        <v>31</v>
      </c>
      <c r="JI21" s="244"/>
      <c r="JJ21" s="71">
        <v>32</v>
      </c>
      <c r="JK21" s="71">
        <v>38</v>
      </c>
      <c r="JL21" s="71">
        <v>26</v>
      </c>
      <c r="JM21" s="71">
        <v>29</v>
      </c>
      <c r="JN21" s="71">
        <v>18</v>
      </c>
      <c r="JO21" s="72">
        <v>143</v>
      </c>
      <c r="JP21" s="73">
        <v>174</v>
      </c>
      <c r="JQ21" s="70">
        <v>0</v>
      </c>
      <c r="JR21" s="71">
        <v>0</v>
      </c>
      <c r="JS21" s="72">
        <v>0</v>
      </c>
      <c r="JT21" s="244"/>
      <c r="JU21" s="71">
        <v>0</v>
      </c>
      <c r="JV21" s="71">
        <v>0</v>
      </c>
      <c r="JW21" s="71">
        <v>0</v>
      </c>
      <c r="JX21" s="71">
        <v>0</v>
      </c>
      <c r="JY21" s="71">
        <v>0</v>
      </c>
      <c r="JZ21" s="72">
        <v>0</v>
      </c>
      <c r="KA21" s="73">
        <v>0</v>
      </c>
      <c r="KB21" s="70">
        <v>81</v>
      </c>
      <c r="KC21" s="71">
        <v>79</v>
      </c>
      <c r="KD21" s="72">
        <v>160</v>
      </c>
      <c r="KE21" s="244"/>
      <c r="KF21" s="71">
        <v>149</v>
      </c>
      <c r="KG21" s="71">
        <v>139</v>
      </c>
      <c r="KH21" s="71">
        <v>74</v>
      </c>
      <c r="KI21" s="71">
        <v>79</v>
      </c>
      <c r="KJ21" s="71">
        <v>49</v>
      </c>
      <c r="KK21" s="72">
        <v>490</v>
      </c>
      <c r="KL21" s="73">
        <v>650</v>
      </c>
    </row>
    <row r="22" spans="1:298" ht="19.5" customHeight="1" x14ac:dyDescent="0.2">
      <c r="A22" s="126" t="s">
        <v>19</v>
      </c>
      <c r="B22" s="316">
        <v>21</v>
      </c>
      <c r="C22" s="82">
        <v>21</v>
      </c>
      <c r="D22" s="83">
        <v>42</v>
      </c>
      <c r="E22" s="241"/>
      <c r="F22" s="82">
        <v>50</v>
      </c>
      <c r="G22" s="82">
        <v>36</v>
      </c>
      <c r="H22" s="82">
        <v>23</v>
      </c>
      <c r="I22" s="82">
        <v>12</v>
      </c>
      <c r="J22" s="82">
        <v>14</v>
      </c>
      <c r="K22" s="84">
        <v>135</v>
      </c>
      <c r="L22" s="85">
        <v>177</v>
      </c>
      <c r="M22" s="86">
        <v>2</v>
      </c>
      <c r="N22" s="71">
        <v>0</v>
      </c>
      <c r="O22" s="72">
        <v>2</v>
      </c>
      <c r="P22" s="244"/>
      <c r="Q22" s="71">
        <v>1</v>
      </c>
      <c r="R22" s="71">
        <v>1</v>
      </c>
      <c r="S22" s="71">
        <v>0</v>
      </c>
      <c r="T22" s="71">
        <v>0</v>
      </c>
      <c r="U22" s="71">
        <v>1</v>
      </c>
      <c r="V22" s="72">
        <v>3</v>
      </c>
      <c r="W22" s="73">
        <v>5</v>
      </c>
      <c r="X22" s="70">
        <v>0</v>
      </c>
      <c r="Y22" s="71">
        <v>0</v>
      </c>
      <c r="Z22" s="72">
        <v>0</v>
      </c>
      <c r="AA22" s="244"/>
      <c r="AB22" s="71">
        <v>4</v>
      </c>
      <c r="AC22" s="71">
        <v>8</v>
      </c>
      <c r="AD22" s="71">
        <v>2</v>
      </c>
      <c r="AE22" s="71">
        <v>4</v>
      </c>
      <c r="AF22" s="71">
        <v>1</v>
      </c>
      <c r="AG22" s="72">
        <v>19</v>
      </c>
      <c r="AH22" s="73">
        <v>19</v>
      </c>
      <c r="AI22" s="86">
        <v>5</v>
      </c>
      <c r="AJ22" s="71">
        <v>1</v>
      </c>
      <c r="AK22" s="72">
        <v>6</v>
      </c>
      <c r="AL22" s="244"/>
      <c r="AM22" s="71">
        <v>5</v>
      </c>
      <c r="AN22" s="71">
        <v>3</v>
      </c>
      <c r="AO22" s="71">
        <v>0</v>
      </c>
      <c r="AP22" s="71">
        <v>2</v>
      </c>
      <c r="AQ22" s="71">
        <v>0</v>
      </c>
      <c r="AR22" s="72">
        <v>10</v>
      </c>
      <c r="AS22" s="73">
        <v>16</v>
      </c>
      <c r="AT22" s="70">
        <v>3</v>
      </c>
      <c r="AU22" s="71">
        <v>4</v>
      </c>
      <c r="AV22" s="72">
        <v>7</v>
      </c>
      <c r="AW22" s="244"/>
      <c r="AX22" s="71">
        <v>14</v>
      </c>
      <c r="AY22" s="71">
        <v>4</v>
      </c>
      <c r="AZ22" s="71">
        <v>4</v>
      </c>
      <c r="BA22" s="71">
        <v>2</v>
      </c>
      <c r="BB22" s="71">
        <v>2</v>
      </c>
      <c r="BC22" s="72">
        <v>26</v>
      </c>
      <c r="BD22" s="73">
        <v>33</v>
      </c>
      <c r="BE22" s="86">
        <v>9</v>
      </c>
      <c r="BF22" s="71">
        <v>7</v>
      </c>
      <c r="BG22" s="72">
        <v>16</v>
      </c>
      <c r="BH22" s="244"/>
      <c r="BI22" s="71">
        <v>12</v>
      </c>
      <c r="BJ22" s="71">
        <v>9</v>
      </c>
      <c r="BK22" s="71">
        <v>8</v>
      </c>
      <c r="BL22" s="71">
        <v>2</v>
      </c>
      <c r="BM22" s="71">
        <v>4</v>
      </c>
      <c r="BN22" s="72">
        <v>35</v>
      </c>
      <c r="BO22" s="73">
        <v>51</v>
      </c>
      <c r="BP22" s="70">
        <v>2</v>
      </c>
      <c r="BQ22" s="71">
        <v>9</v>
      </c>
      <c r="BR22" s="72">
        <v>11</v>
      </c>
      <c r="BS22" s="244"/>
      <c r="BT22" s="71">
        <v>14</v>
      </c>
      <c r="BU22" s="71">
        <v>11</v>
      </c>
      <c r="BV22" s="71">
        <v>9</v>
      </c>
      <c r="BW22" s="71">
        <v>2</v>
      </c>
      <c r="BX22" s="71">
        <v>6</v>
      </c>
      <c r="BY22" s="72">
        <v>42</v>
      </c>
      <c r="BZ22" s="73">
        <v>53</v>
      </c>
      <c r="CA22" s="70">
        <v>0</v>
      </c>
      <c r="CB22" s="71">
        <v>0</v>
      </c>
      <c r="CC22" s="72">
        <v>0</v>
      </c>
      <c r="CD22" s="244"/>
      <c r="CE22" s="71">
        <v>0</v>
      </c>
      <c r="CF22" s="71">
        <v>0</v>
      </c>
      <c r="CG22" s="71">
        <v>0</v>
      </c>
      <c r="CH22" s="71">
        <v>0</v>
      </c>
      <c r="CI22" s="71">
        <v>0</v>
      </c>
      <c r="CJ22" s="72">
        <v>0</v>
      </c>
      <c r="CK22" s="73">
        <v>0</v>
      </c>
      <c r="CL22" s="70">
        <v>21</v>
      </c>
      <c r="CM22" s="71">
        <v>21</v>
      </c>
      <c r="CN22" s="72">
        <v>42</v>
      </c>
      <c r="CO22" s="244"/>
      <c r="CP22" s="71">
        <v>50</v>
      </c>
      <c r="CQ22" s="71">
        <v>36</v>
      </c>
      <c r="CR22" s="71">
        <v>23</v>
      </c>
      <c r="CS22" s="71">
        <v>12</v>
      </c>
      <c r="CT22" s="71">
        <v>14</v>
      </c>
      <c r="CU22" s="72">
        <v>135</v>
      </c>
      <c r="CV22" s="73">
        <v>177</v>
      </c>
      <c r="CW22" s="123">
        <v>8</v>
      </c>
      <c r="CX22" s="82">
        <v>12</v>
      </c>
      <c r="CY22" s="83">
        <v>20</v>
      </c>
      <c r="CZ22" s="241"/>
      <c r="DA22" s="82">
        <v>17</v>
      </c>
      <c r="DB22" s="82">
        <v>11</v>
      </c>
      <c r="DC22" s="82">
        <v>10</v>
      </c>
      <c r="DD22" s="82">
        <v>9</v>
      </c>
      <c r="DE22" s="82">
        <v>3</v>
      </c>
      <c r="DF22" s="84">
        <v>50</v>
      </c>
      <c r="DG22" s="85">
        <v>70</v>
      </c>
      <c r="DH22" s="86">
        <v>0</v>
      </c>
      <c r="DI22" s="71">
        <v>0</v>
      </c>
      <c r="DJ22" s="72">
        <v>0</v>
      </c>
      <c r="DK22" s="244"/>
      <c r="DL22" s="71">
        <v>1</v>
      </c>
      <c r="DM22" s="71">
        <v>1</v>
      </c>
      <c r="DN22" s="71">
        <v>2</v>
      </c>
      <c r="DO22" s="71">
        <v>0</v>
      </c>
      <c r="DP22" s="71">
        <v>0</v>
      </c>
      <c r="DQ22" s="72">
        <v>4</v>
      </c>
      <c r="DR22" s="73">
        <v>4</v>
      </c>
      <c r="DS22" s="70">
        <v>0</v>
      </c>
      <c r="DT22" s="71">
        <v>0</v>
      </c>
      <c r="DU22" s="72">
        <v>0</v>
      </c>
      <c r="DV22" s="244"/>
      <c r="DW22" s="71">
        <v>2</v>
      </c>
      <c r="DX22" s="71">
        <v>1</v>
      </c>
      <c r="DY22" s="71">
        <v>0</v>
      </c>
      <c r="DZ22" s="71">
        <v>0</v>
      </c>
      <c r="EA22" s="71">
        <v>0</v>
      </c>
      <c r="EB22" s="72">
        <v>3</v>
      </c>
      <c r="EC22" s="73">
        <v>3</v>
      </c>
      <c r="ED22" s="86">
        <v>2</v>
      </c>
      <c r="EE22" s="71">
        <v>1</v>
      </c>
      <c r="EF22" s="72">
        <v>3</v>
      </c>
      <c r="EG22" s="244"/>
      <c r="EH22" s="71">
        <v>1</v>
      </c>
      <c r="EI22" s="71">
        <v>1</v>
      </c>
      <c r="EJ22" s="71">
        <v>0</v>
      </c>
      <c r="EK22" s="71">
        <v>1</v>
      </c>
      <c r="EL22" s="71">
        <v>1</v>
      </c>
      <c r="EM22" s="72">
        <v>4</v>
      </c>
      <c r="EN22" s="73">
        <v>7</v>
      </c>
      <c r="EO22" s="70">
        <v>1</v>
      </c>
      <c r="EP22" s="71">
        <v>4</v>
      </c>
      <c r="EQ22" s="72">
        <v>5</v>
      </c>
      <c r="ER22" s="244"/>
      <c r="ES22" s="71">
        <v>4</v>
      </c>
      <c r="ET22" s="71">
        <v>2</v>
      </c>
      <c r="EU22" s="71">
        <v>1</v>
      </c>
      <c r="EV22" s="71">
        <v>1</v>
      </c>
      <c r="EW22" s="71">
        <v>1</v>
      </c>
      <c r="EX22" s="72">
        <v>9</v>
      </c>
      <c r="EY22" s="73">
        <v>14</v>
      </c>
      <c r="EZ22" s="86">
        <v>1</v>
      </c>
      <c r="FA22" s="71">
        <v>2</v>
      </c>
      <c r="FB22" s="72">
        <v>3</v>
      </c>
      <c r="FC22" s="244"/>
      <c r="FD22" s="71">
        <v>3</v>
      </c>
      <c r="FE22" s="71">
        <v>5</v>
      </c>
      <c r="FF22" s="71">
        <v>4</v>
      </c>
      <c r="FG22" s="71">
        <v>3</v>
      </c>
      <c r="FH22" s="71">
        <v>0</v>
      </c>
      <c r="FI22" s="72">
        <v>15</v>
      </c>
      <c r="FJ22" s="73">
        <v>18</v>
      </c>
      <c r="FK22" s="70">
        <v>4</v>
      </c>
      <c r="FL22" s="71">
        <v>5</v>
      </c>
      <c r="FM22" s="72">
        <v>9</v>
      </c>
      <c r="FN22" s="244"/>
      <c r="FO22" s="71">
        <v>6</v>
      </c>
      <c r="FP22" s="71">
        <v>1</v>
      </c>
      <c r="FQ22" s="71">
        <v>3</v>
      </c>
      <c r="FR22" s="71">
        <v>4</v>
      </c>
      <c r="FS22" s="71">
        <v>1</v>
      </c>
      <c r="FT22" s="72">
        <v>15</v>
      </c>
      <c r="FU22" s="73">
        <v>24</v>
      </c>
      <c r="FV22" s="70">
        <v>0</v>
      </c>
      <c r="FW22" s="71">
        <v>0</v>
      </c>
      <c r="FX22" s="72">
        <v>0</v>
      </c>
      <c r="FY22" s="244"/>
      <c r="FZ22" s="71">
        <v>0</v>
      </c>
      <c r="GA22" s="71">
        <v>0</v>
      </c>
      <c r="GB22" s="71">
        <v>0</v>
      </c>
      <c r="GC22" s="71">
        <v>0</v>
      </c>
      <c r="GD22" s="71">
        <v>0</v>
      </c>
      <c r="GE22" s="72">
        <v>0</v>
      </c>
      <c r="GF22" s="73">
        <v>0</v>
      </c>
      <c r="GG22" s="70">
        <v>8</v>
      </c>
      <c r="GH22" s="71">
        <v>12</v>
      </c>
      <c r="GI22" s="72">
        <v>20</v>
      </c>
      <c r="GJ22" s="244"/>
      <c r="GK22" s="71">
        <v>17</v>
      </c>
      <c r="GL22" s="71">
        <v>11</v>
      </c>
      <c r="GM22" s="71">
        <v>10</v>
      </c>
      <c r="GN22" s="71">
        <v>9</v>
      </c>
      <c r="GO22" s="71">
        <v>3</v>
      </c>
      <c r="GP22" s="72">
        <v>50</v>
      </c>
      <c r="GQ22" s="73">
        <v>70</v>
      </c>
      <c r="GR22" s="123">
        <v>29</v>
      </c>
      <c r="GS22" s="82">
        <v>33</v>
      </c>
      <c r="GT22" s="83">
        <v>62</v>
      </c>
      <c r="GU22" s="241"/>
      <c r="GV22" s="82">
        <v>67</v>
      </c>
      <c r="GW22" s="82">
        <v>47</v>
      </c>
      <c r="GX22" s="82">
        <v>33</v>
      </c>
      <c r="GY22" s="82">
        <v>21</v>
      </c>
      <c r="GZ22" s="82">
        <v>17</v>
      </c>
      <c r="HA22" s="84">
        <v>185</v>
      </c>
      <c r="HB22" s="85">
        <v>247</v>
      </c>
      <c r="HC22" s="86">
        <v>2</v>
      </c>
      <c r="HD22" s="71">
        <v>0</v>
      </c>
      <c r="HE22" s="72">
        <v>2</v>
      </c>
      <c r="HF22" s="241"/>
      <c r="HG22" s="71">
        <v>2</v>
      </c>
      <c r="HH22" s="71">
        <v>2</v>
      </c>
      <c r="HI22" s="71">
        <v>2</v>
      </c>
      <c r="HJ22" s="71">
        <v>0</v>
      </c>
      <c r="HK22" s="71">
        <v>1</v>
      </c>
      <c r="HL22" s="72">
        <v>7</v>
      </c>
      <c r="HM22" s="73">
        <v>9</v>
      </c>
      <c r="HN22" s="70">
        <v>0</v>
      </c>
      <c r="HO22" s="71">
        <v>0</v>
      </c>
      <c r="HP22" s="72">
        <v>0</v>
      </c>
      <c r="HQ22" s="241"/>
      <c r="HR22" s="71">
        <v>6</v>
      </c>
      <c r="HS22" s="71">
        <v>9</v>
      </c>
      <c r="HT22" s="71">
        <v>2</v>
      </c>
      <c r="HU22" s="71">
        <v>4</v>
      </c>
      <c r="HV22" s="71">
        <v>1</v>
      </c>
      <c r="HW22" s="72">
        <v>22</v>
      </c>
      <c r="HX22" s="73">
        <v>22</v>
      </c>
      <c r="HY22" s="86">
        <v>7</v>
      </c>
      <c r="HZ22" s="71">
        <v>2</v>
      </c>
      <c r="IA22" s="72">
        <v>9</v>
      </c>
      <c r="IB22" s="244"/>
      <c r="IC22" s="71">
        <v>6</v>
      </c>
      <c r="ID22" s="71">
        <v>4</v>
      </c>
      <c r="IE22" s="71">
        <v>0</v>
      </c>
      <c r="IF22" s="71">
        <v>3</v>
      </c>
      <c r="IG22" s="71">
        <v>1</v>
      </c>
      <c r="IH22" s="72">
        <v>14</v>
      </c>
      <c r="II22" s="73">
        <v>23</v>
      </c>
      <c r="IJ22" s="70">
        <v>4</v>
      </c>
      <c r="IK22" s="71">
        <v>8</v>
      </c>
      <c r="IL22" s="72">
        <v>12</v>
      </c>
      <c r="IM22" s="244"/>
      <c r="IN22" s="71">
        <v>18</v>
      </c>
      <c r="IO22" s="71">
        <v>6</v>
      </c>
      <c r="IP22" s="71">
        <v>5</v>
      </c>
      <c r="IQ22" s="71">
        <v>3</v>
      </c>
      <c r="IR22" s="71">
        <v>3</v>
      </c>
      <c r="IS22" s="72">
        <v>35</v>
      </c>
      <c r="IT22" s="73">
        <v>47</v>
      </c>
      <c r="IU22" s="86">
        <v>10</v>
      </c>
      <c r="IV22" s="71">
        <v>9</v>
      </c>
      <c r="IW22" s="72">
        <v>19</v>
      </c>
      <c r="IX22" s="244"/>
      <c r="IY22" s="71">
        <v>15</v>
      </c>
      <c r="IZ22" s="71">
        <v>14</v>
      </c>
      <c r="JA22" s="71">
        <v>12</v>
      </c>
      <c r="JB22" s="71">
        <v>5</v>
      </c>
      <c r="JC22" s="71">
        <v>4</v>
      </c>
      <c r="JD22" s="72">
        <v>50</v>
      </c>
      <c r="JE22" s="73">
        <v>69</v>
      </c>
      <c r="JF22" s="70">
        <v>6</v>
      </c>
      <c r="JG22" s="71">
        <v>14</v>
      </c>
      <c r="JH22" s="72">
        <v>20</v>
      </c>
      <c r="JI22" s="244"/>
      <c r="JJ22" s="71">
        <v>20</v>
      </c>
      <c r="JK22" s="71">
        <v>12</v>
      </c>
      <c r="JL22" s="71">
        <v>12</v>
      </c>
      <c r="JM22" s="71">
        <v>6</v>
      </c>
      <c r="JN22" s="71">
        <v>7</v>
      </c>
      <c r="JO22" s="72">
        <v>57</v>
      </c>
      <c r="JP22" s="73">
        <v>77</v>
      </c>
      <c r="JQ22" s="70">
        <v>0</v>
      </c>
      <c r="JR22" s="71">
        <v>0</v>
      </c>
      <c r="JS22" s="72">
        <v>0</v>
      </c>
      <c r="JT22" s="244"/>
      <c r="JU22" s="71">
        <v>0</v>
      </c>
      <c r="JV22" s="71">
        <v>0</v>
      </c>
      <c r="JW22" s="71">
        <v>0</v>
      </c>
      <c r="JX22" s="71">
        <v>0</v>
      </c>
      <c r="JY22" s="71">
        <v>0</v>
      </c>
      <c r="JZ22" s="72">
        <v>0</v>
      </c>
      <c r="KA22" s="73">
        <v>0</v>
      </c>
      <c r="KB22" s="70">
        <v>29</v>
      </c>
      <c r="KC22" s="71">
        <v>33</v>
      </c>
      <c r="KD22" s="72">
        <v>62</v>
      </c>
      <c r="KE22" s="244"/>
      <c r="KF22" s="71">
        <v>67</v>
      </c>
      <c r="KG22" s="71">
        <v>47</v>
      </c>
      <c r="KH22" s="71">
        <v>33</v>
      </c>
      <c r="KI22" s="71">
        <v>21</v>
      </c>
      <c r="KJ22" s="71">
        <v>17</v>
      </c>
      <c r="KK22" s="72">
        <v>185</v>
      </c>
      <c r="KL22" s="73">
        <v>247</v>
      </c>
    </row>
    <row r="23" spans="1:298" ht="19.5" customHeight="1" x14ac:dyDescent="0.2">
      <c r="A23" s="126" t="s">
        <v>20</v>
      </c>
      <c r="B23" s="316">
        <v>31</v>
      </c>
      <c r="C23" s="82">
        <v>43</v>
      </c>
      <c r="D23" s="83">
        <v>74</v>
      </c>
      <c r="E23" s="241"/>
      <c r="F23" s="82">
        <v>66</v>
      </c>
      <c r="G23" s="82">
        <v>41</v>
      </c>
      <c r="H23" s="82">
        <v>24</v>
      </c>
      <c r="I23" s="82">
        <v>24</v>
      </c>
      <c r="J23" s="82">
        <v>15</v>
      </c>
      <c r="K23" s="84">
        <v>170</v>
      </c>
      <c r="L23" s="85">
        <v>244</v>
      </c>
      <c r="M23" s="70">
        <v>2</v>
      </c>
      <c r="N23" s="71">
        <v>0</v>
      </c>
      <c r="O23" s="72">
        <v>2</v>
      </c>
      <c r="P23" s="244"/>
      <c r="Q23" s="71">
        <v>3</v>
      </c>
      <c r="R23" s="71">
        <v>1</v>
      </c>
      <c r="S23" s="71">
        <v>1</v>
      </c>
      <c r="T23" s="71">
        <v>2</v>
      </c>
      <c r="U23" s="71">
        <v>0</v>
      </c>
      <c r="V23" s="72">
        <v>7</v>
      </c>
      <c r="W23" s="73">
        <v>9</v>
      </c>
      <c r="X23" s="70">
        <v>6</v>
      </c>
      <c r="Y23" s="71">
        <v>1</v>
      </c>
      <c r="Z23" s="72">
        <v>7</v>
      </c>
      <c r="AA23" s="244"/>
      <c r="AB23" s="71">
        <v>16</v>
      </c>
      <c r="AC23" s="71">
        <v>8</v>
      </c>
      <c r="AD23" s="71">
        <v>5</v>
      </c>
      <c r="AE23" s="71">
        <v>2</v>
      </c>
      <c r="AF23" s="71">
        <v>1</v>
      </c>
      <c r="AG23" s="72">
        <v>32</v>
      </c>
      <c r="AH23" s="73">
        <v>39</v>
      </c>
      <c r="AI23" s="70">
        <v>5</v>
      </c>
      <c r="AJ23" s="71">
        <v>7</v>
      </c>
      <c r="AK23" s="72">
        <v>12</v>
      </c>
      <c r="AL23" s="244"/>
      <c r="AM23" s="71">
        <v>7</v>
      </c>
      <c r="AN23" s="71">
        <v>5</v>
      </c>
      <c r="AO23" s="71">
        <v>5</v>
      </c>
      <c r="AP23" s="71">
        <v>5</v>
      </c>
      <c r="AQ23" s="71">
        <v>2</v>
      </c>
      <c r="AR23" s="72">
        <v>24</v>
      </c>
      <c r="AS23" s="73">
        <v>36</v>
      </c>
      <c r="AT23" s="70">
        <v>4</v>
      </c>
      <c r="AU23" s="71">
        <v>18</v>
      </c>
      <c r="AV23" s="72">
        <v>22</v>
      </c>
      <c r="AW23" s="244"/>
      <c r="AX23" s="71">
        <v>19</v>
      </c>
      <c r="AY23" s="71">
        <v>12</v>
      </c>
      <c r="AZ23" s="71">
        <v>4</v>
      </c>
      <c r="BA23" s="71">
        <v>6</v>
      </c>
      <c r="BB23" s="71">
        <v>6</v>
      </c>
      <c r="BC23" s="72">
        <v>47</v>
      </c>
      <c r="BD23" s="73">
        <v>69</v>
      </c>
      <c r="BE23" s="70">
        <v>6</v>
      </c>
      <c r="BF23" s="71">
        <v>11</v>
      </c>
      <c r="BG23" s="72">
        <v>17</v>
      </c>
      <c r="BH23" s="244"/>
      <c r="BI23" s="71">
        <v>12</v>
      </c>
      <c r="BJ23" s="71">
        <v>9</v>
      </c>
      <c r="BK23" s="71">
        <v>3</v>
      </c>
      <c r="BL23" s="71">
        <v>7</v>
      </c>
      <c r="BM23" s="71">
        <v>2</v>
      </c>
      <c r="BN23" s="72">
        <v>33</v>
      </c>
      <c r="BO23" s="73">
        <v>50</v>
      </c>
      <c r="BP23" s="70">
        <v>8</v>
      </c>
      <c r="BQ23" s="71">
        <v>6</v>
      </c>
      <c r="BR23" s="72">
        <v>14</v>
      </c>
      <c r="BS23" s="244"/>
      <c r="BT23" s="71">
        <v>9</v>
      </c>
      <c r="BU23" s="71">
        <v>6</v>
      </c>
      <c r="BV23" s="71">
        <v>6</v>
      </c>
      <c r="BW23" s="71">
        <v>2</v>
      </c>
      <c r="BX23" s="71">
        <v>4</v>
      </c>
      <c r="BY23" s="72">
        <v>27</v>
      </c>
      <c r="BZ23" s="73">
        <v>41</v>
      </c>
      <c r="CA23" s="70">
        <v>0</v>
      </c>
      <c r="CB23" s="71">
        <v>0</v>
      </c>
      <c r="CC23" s="72">
        <v>0</v>
      </c>
      <c r="CD23" s="244"/>
      <c r="CE23" s="71">
        <v>0</v>
      </c>
      <c r="CF23" s="71">
        <v>0</v>
      </c>
      <c r="CG23" s="71">
        <v>0</v>
      </c>
      <c r="CH23" s="71">
        <v>0</v>
      </c>
      <c r="CI23" s="71">
        <v>0</v>
      </c>
      <c r="CJ23" s="72">
        <v>0</v>
      </c>
      <c r="CK23" s="73">
        <v>0</v>
      </c>
      <c r="CL23" s="70">
        <v>31</v>
      </c>
      <c r="CM23" s="71">
        <v>43</v>
      </c>
      <c r="CN23" s="72">
        <v>74</v>
      </c>
      <c r="CO23" s="244"/>
      <c r="CP23" s="71">
        <v>66</v>
      </c>
      <c r="CQ23" s="71">
        <v>41</v>
      </c>
      <c r="CR23" s="71">
        <v>24</v>
      </c>
      <c r="CS23" s="71">
        <v>24</v>
      </c>
      <c r="CT23" s="71">
        <v>15</v>
      </c>
      <c r="CU23" s="72">
        <v>170</v>
      </c>
      <c r="CV23" s="73">
        <v>244</v>
      </c>
      <c r="CW23" s="123">
        <v>15</v>
      </c>
      <c r="CX23" s="82">
        <v>21</v>
      </c>
      <c r="CY23" s="83">
        <v>36</v>
      </c>
      <c r="CZ23" s="241"/>
      <c r="DA23" s="82">
        <v>26</v>
      </c>
      <c r="DB23" s="82">
        <v>13</v>
      </c>
      <c r="DC23" s="82">
        <v>10</v>
      </c>
      <c r="DD23" s="82">
        <v>10</v>
      </c>
      <c r="DE23" s="82">
        <v>7</v>
      </c>
      <c r="DF23" s="84">
        <v>66</v>
      </c>
      <c r="DG23" s="85">
        <v>102</v>
      </c>
      <c r="DH23" s="70">
        <v>1</v>
      </c>
      <c r="DI23" s="71">
        <v>0</v>
      </c>
      <c r="DJ23" s="72">
        <v>1</v>
      </c>
      <c r="DK23" s="244"/>
      <c r="DL23" s="71">
        <v>0</v>
      </c>
      <c r="DM23" s="71">
        <v>0</v>
      </c>
      <c r="DN23" s="71">
        <v>0</v>
      </c>
      <c r="DO23" s="71">
        <v>1</v>
      </c>
      <c r="DP23" s="71">
        <v>0</v>
      </c>
      <c r="DQ23" s="72">
        <v>1</v>
      </c>
      <c r="DR23" s="73">
        <v>2</v>
      </c>
      <c r="DS23" s="70">
        <v>1</v>
      </c>
      <c r="DT23" s="71">
        <v>0</v>
      </c>
      <c r="DU23" s="72">
        <v>1</v>
      </c>
      <c r="DV23" s="244"/>
      <c r="DW23" s="71">
        <v>1</v>
      </c>
      <c r="DX23" s="71">
        <v>0</v>
      </c>
      <c r="DY23" s="71">
        <v>0</v>
      </c>
      <c r="DZ23" s="71">
        <v>0</v>
      </c>
      <c r="EA23" s="71">
        <v>0</v>
      </c>
      <c r="EB23" s="72">
        <v>1</v>
      </c>
      <c r="EC23" s="73">
        <v>2</v>
      </c>
      <c r="ED23" s="70">
        <v>3</v>
      </c>
      <c r="EE23" s="71">
        <v>3</v>
      </c>
      <c r="EF23" s="72">
        <v>6</v>
      </c>
      <c r="EG23" s="244"/>
      <c r="EH23" s="71">
        <v>4</v>
      </c>
      <c r="EI23" s="71">
        <v>1</v>
      </c>
      <c r="EJ23" s="71">
        <v>1</v>
      </c>
      <c r="EK23" s="71">
        <v>0</v>
      </c>
      <c r="EL23" s="71">
        <v>2</v>
      </c>
      <c r="EM23" s="72">
        <v>8</v>
      </c>
      <c r="EN23" s="73">
        <v>14</v>
      </c>
      <c r="EO23" s="70">
        <v>1</v>
      </c>
      <c r="EP23" s="71">
        <v>7</v>
      </c>
      <c r="EQ23" s="72">
        <v>8</v>
      </c>
      <c r="ER23" s="244"/>
      <c r="ES23" s="71">
        <v>3</v>
      </c>
      <c r="ET23" s="71">
        <v>4</v>
      </c>
      <c r="EU23" s="71">
        <v>1</v>
      </c>
      <c r="EV23" s="71">
        <v>0</v>
      </c>
      <c r="EW23" s="71">
        <v>3</v>
      </c>
      <c r="EX23" s="72">
        <v>11</v>
      </c>
      <c r="EY23" s="73">
        <v>19</v>
      </c>
      <c r="EZ23" s="70">
        <v>5</v>
      </c>
      <c r="FA23" s="71">
        <v>6</v>
      </c>
      <c r="FB23" s="72">
        <v>11</v>
      </c>
      <c r="FC23" s="244"/>
      <c r="FD23" s="71">
        <v>9</v>
      </c>
      <c r="FE23" s="71">
        <v>2</v>
      </c>
      <c r="FF23" s="71">
        <v>3</v>
      </c>
      <c r="FG23" s="71">
        <v>2</v>
      </c>
      <c r="FH23" s="71">
        <v>1</v>
      </c>
      <c r="FI23" s="72">
        <v>17</v>
      </c>
      <c r="FJ23" s="73">
        <v>28</v>
      </c>
      <c r="FK23" s="70">
        <v>4</v>
      </c>
      <c r="FL23" s="71">
        <v>5</v>
      </c>
      <c r="FM23" s="72">
        <v>9</v>
      </c>
      <c r="FN23" s="244"/>
      <c r="FO23" s="71">
        <v>9</v>
      </c>
      <c r="FP23" s="71">
        <v>6</v>
      </c>
      <c r="FQ23" s="71">
        <v>5</v>
      </c>
      <c r="FR23" s="71">
        <v>7</v>
      </c>
      <c r="FS23" s="71">
        <v>1</v>
      </c>
      <c r="FT23" s="72">
        <v>28</v>
      </c>
      <c r="FU23" s="73">
        <v>37</v>
      </c>
      <c r="FV23" s="70">
        <v>0</v>
      </c>
      <c r="FW23" s="71">
        <v>0</v>
      </c>
      <c r="FX23" s="72">
        <v>0</v>
      </c>
      <c r="FY23" s="244"/>
      <c r="FZ23" s="71">
        <v>0</v>
      </c>
      <c r="GA23" s="71">
        <v>0</v>
      </c>
      <c r="GB23" s="71">
        <v>0</v>
      </c>
      <c r="GC23" s="71">
        <v>0</v>
      </c>
      <c r="GD23" s="71">
        <v>0</v>
      </c>
      <c r="GE23" s="72">
        <v>0</v>
      </c>
      <c r="GF23" s="73">
        <v>0</v>
      </c>
      <c r="GG23" s="70">
        <v>15</v>
      </c>
      <c r="GH23" s="71">
        <v>21</v>
      </c>
      <c r="GI23" s="72">
        <v>36</v>
      </c>
      <c r="GJ23" s="244"/>
      <c r="GK23" s="71">
        <v>26</v>
      </c>
      <c r="GL23" s="71">
        <v>13</v>
      </c>
      <c r="GM23" s="71">
        <v>10</v>
      </c>
      <c r="GN23" s="71">
        <v>10</v>
      </c>
      <c r="GO23" s="71">
        <v>7</v>
      </c>
      <c r="GP23" s="72">
        <v>66</v>
      </c>
      <c r="GQ23" s="73">
        <v>102</v>
      </c>
      <c r="GR23" s="123">
        <v>46</v>
      </c>
      <c r="GS23" s="82">
        <v>64</v>
      </c>
      <c r="GT23" s="83">
        <v>110</v>
      </c>
      <c r="GU23" s="241"/>
      <c r="GV23" s="82">
        <v>92</v>
      </c>
      <c r="GW23" s="82">
        <v>54</v>
      </c>
      <c r="GX23" s="82">
        <v>34</v>
      </c>
      <c r="GY23" s="82">
        <v>34</v>
      </c>
      <c r="GZ23" s="82">
        <v>22</v>
      </c>
      <c r="HA23" s="84">
        <v>236</v>
      </c>
      <c r="HB23" s="85">
        <v>346</v>
      </c>
      <c r="HC23" s="70">
        <v>3</v>
      </c>
      <c r="HD23" s="71">
        <v>0</v>
      </c>
      <c r="HE23" s="72">
        <v>3</v>
      </c>
      <c r="HF23" s="241"/>
      <c r="HG23" s="71">
        <v>3</v>
      </c>
      <c r="HH23" s="71">
        <v>1</v>
      </c>
      <c r="HI23" s="71">
        <v>1</v>
      </c>
      <c r="HJ23" s="71">
        <v>3</v>
      </c>
      <c r="HK23" s="71">
        <v>0</v>
      </c>
      <c r="HL23" s="72">
        <v>8</v>
      </c>
      <c r="HM23" s="73">
        <v>11</v>
      </c>
      <c r="HN23" s="70">
        <v>7</v>
      </c>
      <c r="HO23" s="71">
        <v>1</v>
      </c>
      <c r="HP23" s="72">
        <v>8</v>
      </c>
      <c r="HQ23" s="241"/>
      <c r="HR23" s="71">
        <v>17</v>
      </c>
      <c r="HS23" s="71">
        <v>8</v>
      </c>
      <c r="HT23" s="71">
        <v>5</v>
      </c>
      <c r="HU23" s="71">
        <v>2</v>
      </c>
      <c r="HV23" s="71">
        <v>1</v>
      </c>
      <c r="HW23" s="72">
        <v>33</v>
      </c>
      <c r="HX23" s="73">
        <v>41</v>
      </c>
      <c r="HY23" s="70">
        <v>8</v>
      </c>
      <c r="HZ23" s="71">
        <v>10</v>
      </c>
      <c r="IA23" s="72">
        <v>18</v>
      </c>
      <c r="IB23" s="244"/>
      <c r="IC23" s="71">
        <v>11</v>
      </c>
      <c r="ID23" s="71">
        <v>6</v>
      </c>
      <c r="IE23" s="71">
        <v>6</v>
      </c>
      <c r="IF23" s="71">
        <v>5</v>
      </c>
      <c r="IG23" s="71">
        <v>4</v>
      </c>
      <c r="IH23" s="72">
        <v>32</v>
      </c>
      <c r="II23" s="73">
        <v>50</v>
      </c>
      <c r="IJ23" s="70">
        <v>5</v>
      </c>
      <c r="IK23" s="71">
        <v>25</v>
      </c>
      <c r="IL23" s="72">
        <v>30</v>
      </c>
      <c r="IM23" s="244"/>
      <c r="IN23" s="71">
        <v>22</v>
      </c>
      <c r="IO23" s="71">
        <v>16</v>
      </c>
      <c r="IP23" s="71">
        <v>5</v>
      </c>
      <c r="IQ23" s="71">
        <v>6</v>
      </c>
      <c r="IR23" s="71">
        <v>9</v>
      </c>
      <c r="IS23" s="72">
        <v>58</v>
      </c>
      <c r="IT23" s="73">
        <v>88</v>
      </c>
      <c r="IU23" s="70">
        <v>11</v>
      </c>
      <c r="IV23" s="71">
        <v>17</v>
      </c>
      <c r="IW23" s="72">
        <v>28</v>
      </c>
      <c r="IX23" s="244"/>
      <c r="IY23" s="71">
        <v>21</v>
      </c>
      <c r="IZ23" s="71">
        <v>11</v>
      </c>
      <c r="JA23" s="71">
        <v>6</v>
      </c>
      <c r="JB23" s="71">
        <v>9</v>
      </c>
      <c r="JC23" s="71">
        <v>3</v>
      </c>
      <c r="JD23" s="72">
        <v>50</v>
      </c>
      <c r="JE23" s="73">
        <v>78</v>
      </c>
      <c r="JF23" s="70">
        <v>12</v>
      </c>
      <c r="JG23" s="71">
        <v>11</v>
      </c>
      <c r="JH23" s="72">
        <v>23</v>
      </c>
      <c r="JI23" s="244"/>
      <c r="JJ23" s="71">
        <v>18</v>
      </c>
      <c r="JK23" s="71">
        <v>12</v>
      </c>
      <c r="JL23" s="71">
        <v>11</v>
      </c>
      <c r="JM23" s="71">
        <v>9</v>
      </c>
      <c r="JN23" s="71">
        <v>5</v>
      </c>
      <c r="JO23" s="72">
        <v>55</v>
      </c>
      <c r="JP23" s="73">
        <v>78</v>
      </c>
      <c r="JQ23" s="70">
        <v>0</v>
      </c>
      <c r="JR23" s="71">
        <v>0</v>
      </c>
      <c r="JS23" s="72">
        <v>0</v>
      </c>
      <c r="JT23" s="244"/>
      <c r="JU23" s="71">
        <v>0</v>
      </c>
      <c r="JV23" s="71">
        <v>0</v>
      </c>
      <c r="JW23" s="71">
        <v>0</v>
      </c>
      <c r="JX23" s="71">
        <v>0</v>
      </c>
      <c r="JY23" s="71">
        <v>0</v>
      </c>
      <c r="JZ23" s="72">
        <v>0</v>
      </c>
      <c r="KA23" s="73">
        <v>0</v>
      </c>
      <c r="KB23" s="70">
        <v>46</v>
      </c>
      <c r="KC23" s="71">
        <v>64</v>
      </c>
      <c r="KD23" s="72">
        <v>110</v>
      </c>
      <c r="KE23" s="244"/>
      <c r="KF23" s="71">
        <v>92</v>
      </c>
      <c r="KG23" s="71">
        <v>54</v>
      </c>
      <c r="KH23" s="71">
        <v>34</v>
      </c>
      <c r="KI23" s="71">
        <v>34</v>
      </c>
      <c r="KJ23" s="71">
        <v>22</v>
      </c>
      <c r="KK23" s="72">
        <v>236</v>
      </c>
      <c r="KL23" s="73">
        <v>346</v>
      </c>
    </row>
    <row r="24" spans="1:298" ht="19.5" customHeight="1" x14ac:dyDescent="0.2">
      <c r="A24" s="126" t="s">
        <v>21</v>
      </c>
      <c r="B24" s="316">
        <v>36</v>
      </c>
      <c r="C24" s="82">
        <v>26</v>
      </c>
      <c r="D24" s="83">
        <v>62</v>
      </c>
      <c r="E24" s="241"/>
      <c r="F24" s="82">
        <v>55</v>
      </c>
      <c r="G24" s="82">
        <v>35</v>
      </c>
      <c r="H24" s="82">
        <v>21</v>
      </c>
      <c r="I24" s="82">
        <v>15</v>
      </c>
      <c r="J24" s="82">
        <v>8</v>
      </c>
      <c r="K24" s="84">
        <v>134</v>
      </c>
      <c r="L24" s="85">
        <v>196</v>
      </c>
      <c r="M24" s="70">
        <v>1</v>
      </c>
      <c r="N24" s="71">
        <v>2</v>
      </c>
      <c r="O24" s="72">
        <v>3</v>
      </c>
      <c r="P24" s="244"/>
      <c r="Q24" s="71">
        <v>1</v>
      </c>
      <c r="R24" s="71">
        <v>2</v>
      </c>
      <c r="S24" s="71">
        <v>1</v>
      </c>
      <c r="T24" s="71">
        <v>1</v>
      </c>
      <c r="U24" s="71">
        <v>0</v>
      </c>
      <c r="V24" s="72">
        <v>5</v>
      </c>
      <c r="W24" s="73">
        <v>8</v>
      </c>
      <c r="X24" s="70">
        <v>3</v>
      </c>
      <c r="Y24" s="71">
        <v>3</v>
      </c>
      <c r="Z24" s="72">
        <v>6</v>
      </c>
      <c r="AA24" s="244"/>
      <c r="AB24" s="71">
        <v>4</v>
      </c>
      <c r="AC24" s="71">
        <v>4</v>
      </c>
      <c r="AD24" s="71">
        <v>2</v>
      </c>
      <c r="AE24" s="71">
        <v>0</v>
      </c>
      <c r="AF24" s="71">
        <v>2</v>
      </c>
      <c r="AG24" s="72">
        <v>12</v>
      </c>
      <c r="AH24" s="73">
        <v>18</v>
      </c>
      <c r="AI24" s="70">
        <v>5</v>
      </c>
      <c r="AJ24" s="71">
        <v>2</v>
      </c>
      <c r="AK24" s="72">
        <v>7</v>
      </c>
      <c r="AL24" s="244"/>
      <c r="AM24" s="71">
        <v>11</v>
      </c>
      <c r="AN24" s="71">
        <v>4</v>
      </c>
      <c r="AO24" s="71">
        <v>3</v>
      </c>
      <c r="AP24" s="71">
        <v>3</v>
      </c>
      <c r="AQ24" s="71">
        <v>0</v>
      </c>
      <c r="AR24" s="72">
        <v>21</v>
      </c>
      <c r="AS24" s="73">
        <v>28</v>
      </c>
      <c r="AT24" s="70">
        <v>7</v>
      </c>
      <c r="AU24" s="71">
        <v>7</v>
      </c>
      <c r="AV24" s="72">
        <v>14</v>
      </c>
      <c r="AW24" s="244"/>
      <c r="AX24" s="71">
        <v>12</v>
      </c>
      <c r="AY24" s="71">
        <v>9</v>
      </c>
      <c r="AZ24" s="71">
        <v>3</v>
      </c>
      <c r="BA24" s="71">
        <v>3</v>
      </c>
      <c r="BB24" s="71">
        <v>2</v>
      </c>
      <c r="BC24" s="72">
        <v>29</v>
      </c>
      <c r="BD24" s="73">
        <v>43</v>
      </c>
      <c r="BE24" s="70">
        <v>12</v>
      </c>
      <c r="BF24" s="71">
        <v>6</v>
      </c>
      <c r="BG24" s="72">
        <v>18</v>
      </c>
      <c r="BH24" s="244"/>
      <c r="BI24" s="71">
        <v>18</v>
      </c>
      <c r="BJ24" s="71">
        <v>8</v>
      </c>
      <c r="BK24" s="71">
        <v>8</v>
      </c>
      <c r="BL24" s="71">
        <v>3</v>
      </c>
      <c r="BM24" s="71">
        <v>3</v>
      </c>
      <c r="BN24" s="72">
        <v>40</v>
      </c>
      <c r="BO24" s="73">
        <v>58</v>
      </c>
      <c r="BP24" s="70">
        <v>8</v>
      </c>
      <c r="BQ24" s="71">
        <v>6</v>
      </c>
      <c r="BR24" s="72">
        <v>14</v>
      </c>
      <c r="BS24" s="244"/>
      <c r="BT24" s="71">
        <v>9</v>
      </c>
      <c r="BU24" s="71">
        <v>8</v>
      </c>
      <c r="BV24" s="71">
        <v>4</v>
      </c>
      <c r="BW24" s="71">
        <v>5</v>
      </c>
      <c r="BX24" s="71">
        <v>1</v>
      </c>
      <c r="BY24" s="72">
        <v>27</v>
      </c>
      <c r="BZ24" s="73">
        <v>41</v>
      </c>
      <c r="CA24" s="70">
        <v>0</v>
      </c>
      <c r="CB24" s="71">
        <v>0</v>
      </c>
      <c r="CC24" s="72">
        <v>0</v>
      </c>
      <c r="CD24" s="244"/>
      <c r="CE24" s="71">
        <v>0</v>
      </c>
      <c r="CF24" s="71">
        <v>0</v>
      </c>
      <c r="CG24" s="71">
        <v>0</v>
      </c>
      <c r="CH24" s="71">
        <v>0</v>
      </c>
      <c r="CI24" s="71">
        <v>0</v>
      </c>
      <c r="CJ24" s="72">
        <v>0</v>
      </c>
      <c r="CK24" s="73">
        <v>0</v>
      </c>
      <c r="CL24" s="70">
        <v>36</v>
      </c>
      <c r="CM24" s="71">
        <v>26</v>
      </c>
      <c r="CN24" s="72">
        <v>62</v>
      </c>
      <c r="CO24" s="244"/>
      <c r="CP24" s="71">
        <v>55</v>
      </c>
      <c r="CQ24" s="71">
        <v>35</v>
      </c>
      <c r="CR24" s="71">
        <v>21</v>
      </c>
      <c r="CS24" s="71">
        <v>15</v>
      </c>
      <c r="CT24" s="71">
        <v>8</v>
      </c>
      <c r="CU24" s="72">
        <v>134</v>
      </c>
      <c r="CV24" s="73">
        <v>196</v>
      </c>
      <c r="CW24" s="123">
        <v>8</v>
      </c>
      <c r="CX24" s="82">
        <v>10</v>
      </c>
      <c r="CY24" s="83">
        <v>18</v>
      </c>
      <c r="CZ24" s="241"/>
      <c r="DA24" s="82">
        <v>11</v>
      </c>
      <c r="DB24" s="82">
        <v>17</v>
      </c>
      <c r="DC24" s="82">
        <v>9</v>
      </c>
      <c r="DD24" s="82">
        <v>7</v>
      </c>
      <c r="DE24" s="82">
        <v>5</v>
      </c>
      <c r="DF24" s="84">
        <v>49</v>
      </c>
      <c r="DG24" s="85">
        <v>67</v>
      </c>
      <c r="DH24" s="70">
        <v>0</v>
      </c>
      <c r="DI24" s="71">
        <v>0</v>
      </c>
      <c r="DJ24" s="72">
        <v>0</v>
      </c>
      <c r="DK24" s="244"/>
      <c r="DL24" s="71">
        <v>0</v>
      </c>
      <c r="DM24" s="71">
        <v>0</v>
      </c>
      <c r="DN24" s="71">
        <v>1</v>
      </c>
      <c r="DO24" s="71">
        <v>0</v>
      </c>
      <c r="DP24" s="71">
        <v>0</v>
      </c>
      <c r="DQ24" s="72">
        <v>1</v>
      </c>
      <c r="DR24" s="73">
        <v>1</v>
      </c>
      <c r="DS24" s="70">
        <v>2</v>
      </c>
      <c r="DT24" s="71">
        <v>1</v>
      </c>
      <c r="DU24" s="72">
        <v>3</v>
      </c>
      <c r="DV24" s="244"/>
      <c r="DW24" s="71">
        <v>1</v>
      </c>
      <c r="DX24" s="71">
        <v>0</v>
      </c>
      <c r="DY24" s="71">
        <v>1</v>
      </c>
      <c r="DZ24" s="71">
        <v>0</v>
      </c>
      <c r="EA24" s="71">
        <v>1</v>
      </c>
      <c r="EB24" s="72">
        <v>3</v>
      </c>
      <c r="EC24" s="73">
        <v>6</v>
      </c>
      <c r="ED24" s="70">
        <v>0</v>
      </c>
      <c r="EE24" s="71">
        <v>1</v>
      </c>
      <c r="EF24" s="72">
        <v>1</v>
      </c>
      <c r="EG24" s="244"/>
      <c r="EH24" s="71">
        <v>2</v>
      </c>
      <c r="EI24" s="71">
        <v>3</v>
      </c>
      <c r="EJ24" s="71">
        <v>0</v>
      </c>
      <c r="EK24" s="71">
        <v>0</v>
      </c>
      <c r="EL24" s="71">
        <v>1</v>
      </c>
      <c r="EM24" s="72">
        <v>6</v>
      </c>
      <c r="EN24" s="73">
        <v>7</v>
      </c>
      <c r="EO24" s="70">
        <v>5</v>
      </c>
      <c r="EP24" s="71">
        <v>2</v>
      </c>
      <c r="EQ24" s="72">
        <v>7</v>
      </c>
      <c r="ER24" s="244"/>
      <c r="ES24" s="71">
        <v>2</v>
      </c>
      <c r="ET24" s="71">
        <v>3</v>
      </c>
      <c r="EU24" s="71">
        <v>2</v>
      </c>
      <c r="EV24" s="71">
        <v>0</v>
      </c>
      <c r="EW24" s="71">
        <v>1</v>
      </c>
      <c r="EX24" s="72">
        <v>8</v>
      </c>
      <c r="EY24" s="73">
        <v>15</v>
      </c>
      <c r="EZ24" s="70">
        <v>0</v>
      </c>
      <c r="FA24" s="71">
        <v>4</v>
      </c>
      <c r="FB24" s="72">
        <v>4</v>
      </c>
      <c r="FC24" s="244"/>
      <c r="FD24" s="71">
        <v>1</v>
      </c>
      <c r="FE24" s="71">
        <v>4</v>
      </c>
      <c r="FF24" s="71">
        <v>1</v>
      </c>
      <c r="FG24" s="71">
        <v>1</v>
      </c>
      <c r="FH24" s="71">
        <v>0</v>
      </c>
      <c r="FI24" s="72">
        <v>7</v>
      </c>
      <c r="FJ24" s="73">
        <v>11</v>
      </c>
      <c r="FK24" s="70">
        <v>1</v>
      </c>
      <c r="FL24" s="71">
        <v>2</v>
      </c>
      <c r="FM24" s="72">
        <v>3</v>
      </c>
      <c r="FN24" s="244"/>
      <c r="FO24" s="71">
        <v>5</v>
      </c>
      <c r="FP24" s="71">
        <v>7</v>
      </c>
      <c r="FQ24" s="71">
        <v>4</v>
      </c>
      <c r="FR24" s="71">
        <v>6</v>
      </c>
      <c r="FS24" s="71">
        <v>2</v>
      </c>
      <c r="FT24" s="72">
        <v>24</v>
      </c>
      <c r="FU24" s="73">
        <v>27</v>
      </c>
      <c r="FV24" s="70">
        <v>0</v>
      </c>
      <c r="FW24" s="71">
        <v>0</v>
      </c>
      <c r="FX24" s="72">
        <v>0</v>
      </c>
      <c r="FY24" s="244"/>
      <c r="FZ24" s="71">
        <v>0</v>
      </c>
      <c r="GA24" s="71">
        <v>0</v>
      </c>
      <c r="GB24" s="71">
        <v>0</v>
      </c>
      <c r="GC24" s="71">
        <v>0</v>
      </c>
      <c r="GD24" s="71">
        <v>0</v>
      </c>
      <c r="GE24" s="72">
        <v>0</v>
      </c>
      <c r="GF24" s="73">
        <v>0</v>
      </c>
      <c r="GG24" s="70">
        <v>8</v>
      </c>
      <c r="GH24" s="71">
        <v>10</v>
      </c>
      <c r="GI24" s="72">
        <v>18</v>
      </c>
      <c r="GJ24" s="244"/>
      <c r="GK24" s="71">
        <v>11</v>
      </c>
      <c r="GL24" s="71">
        <v>17</v>
      </c>
      <c r="GM24" s="71">
        <v>9</v>
      </c>
      <c r="GN24" s="71">
        <v>7</v>
      </c>
      <c r="GO24" s="71">
        <v>5</v>
      </c>
      <c r="GP24" s="72">
        <v>49</v>
      </c>
      <c r="GQ24" s="73">
        <v>67</v>
      </c>
      <c r="GR24" s="123">
        <v>44</v>
      </c>
      <c r="GS24" s="82">
        <v>36</v>
      </c>
      <c r="GT24" s="83">
        <v>80</v>
      </c>
      <c r="GU24" s="241"/>
      <c r="GV24" s="82">
        <v>66</v>
      </c>
      <c r="GW24" s="82">
        <v>52</v>
      </c>
      <c r="GX24" s="82">
        <v>30</v>
      </c>
      <c r="GY24" s="82">
        <v>22</v>
      </c>
      <c r="GZ24" s="82">
        <v>13</v>
      </c>
      <c r="HA24" s="84">
        <v>183</v>
      </c>
      <c r="HB24" s="85">
        <v>263</v>
      </c>
      <c r="HC24" s="70">
        <v>1</v>
      </c>
      <c r="HD24" s="71">
        <v>2</v>
      </c>
      <c r="HE24" s="72">
        <v>3</v>
      </c>
      <c r="HF24" s="241"/>
      <c r="HG24" s="71">
        <v>1</v>
      </c>
      <c r="HH24" s="71">
        <v>2</v>
      </c>
      <c r="HI24" s="71">
        <v>2</v>
      </c>
      <c r="HJ24" s="71">
        <v>1</v>
      </c>
      <c r="HK24" s="71">
        <v>0</v>
      </c>
      <c r="HL24" s="72">
        <v>6</v>
      </c>
      <c r="HM24" s="73">
        <v>9</v>
      </c>
      <c r="HN24" s="70">
        <v>5</v>
      </c>
      <c r="HO24" s="71">
        <v>4</v>
      </c>
      <c r="HP24" s="72">
        <v>9</v>
      </c>
      <c r="HQ24" s="241"/>
      <c r="HR24" s="71">
        <v>5</v>
      </c>
      <c r="HS24" s="71">
        <v>4</v>
      </c>
      <c r="HT24" s="71">
        <v>3</v>
      </c>
      <c r="HU24" s="71">
        <v>0</v>
      </c>
      <c r="HV24" s="71">
        <v>3</v>
      </c>
      <c r="HW24" s="72">
        <v>15</v>
      </c>
      <c r="HX24" s="73">
        <v>24</v>
      </c>
      <c r="HY24" s="70">
        <v>5</v>
      </c>
      <c r="HZ24" s="71">
        <v>3</v>
      </c>
      <c r="IA24" s="72">
        <v>8</v>
      </c>
      <c r="IB24" s="244"/>
      <c r="IC24" s="71">
        <v>13</v>
      </c>
      <c r="ID24" s="71">
        <v>7</v>
      </c>
      <c r="IE24" s="71">
        <v>3</v>
      </c>
      <c r="IF24" s="71">
        <v>3</v>
      </c>
      <c r="IG24" s="71">
        <v>1</v>
      </c>
      <c r="IH24" s="72">
        <v>27</v>
      </c>
      <c r="II24" s="73">
        <v>35</v>
      </c>
      <c r="IJ24" s="70">
        <v>12</v>
      </c>
      <c r="IK24" s="71">
        <v>9</v>
      </c>
      <c r="IL24" s="72">
        <v>21</v>
      </c>
      <c r="IM24" s="244"/>
      <c r="IN24" s="71">
        <v>14</v>
      </c>
      <c r="IO24" s="71">
        <v>12</v>
      </c>
      <c r="IP24" s="71">
        <v>5</v>
      </c>
      <c r="IQ24" s="71">
        <v>3</v>
      </c>
      <c r="IR24" s="71">
        <v>3</v>
      </c>
      <c r="IS24" s="72">
        <v>37</v>
      </c>
      <c r="IT24" s="73">
        <v>58</v>
      </c>
      <c r="IU24" s="70">
        <v>12</v>
      </c>
      <c r="IV24" s="71">
        <v>10</v>
      </c>
      <c r="IW24" s="72">
        <v>22</v>
      </c>
      <c r="IX24" s="244"/>
      <c r="IY24" s="71">
        <v>19</v>
      </c>
      <c r="IZ24" s="71">
        <v>12</v>
      </c>
      <c r="JA24" s="71">
        <v>9</v>
      </c>
      <c r="JB24" s="71">
        <v>4</v>
      </c>
      <c r="JC24" s="71">
        <v>3</v>
      </c>
      <c r="JD24" s="72">
        <v>47</v>
      </c>
      <c r="JE24" s="73">
        <v>69</v>
      </c>
      <c r="JF24" s="70">
        <v>9</v>
      </c>
      <c r="JG24" s="71">
        <v>8</v>
      </c>
      <c r="JH24" s="72">
        <v>17</v>
      </c>
      <c r="JI24" s="244"/>
      <c r="JJ24" s="71">
        <v>14</v>
      </c>
      <c r="JK24" s="71">
        <v>15</v>
      </c>
      <c r="JL24" s="71">
        <v>8</v>
      </c>
      <c r="JM24" s="71">
        <v>11</v>
      </c>
      <c r="JN24" s="71">
        <v>3</v>
      </c>
      <c r="JO24" s="72">
        <v>51</v>
      </c>
      <c r="JP24" s="73">
        <v>68</v>
      </c>
      <c r="JQ24" s="70">
        <v>0</v>
      </c>
      <c r="JR24" s="71">
        <v>0</v>
      </c>
      <c r="JS24" s="72">
        <v>0</v>
      </c>
      <c r="JT24" s="244"/>
      <c r="JU24" s="71">
        <v>0</v>
      </c>
      <c r="JV24" s="71">
        <v>0</v>
      </c>
      <c r="JW24" s="71">
        <v>0</v>
      </c>
      <c r="JX24" s="71">
        <v>0</v>
      </c>
      <c r="JY24" s="71">
        <v>0</v>
      </c>
      <c r="JZ24" s="72">
        <v>0</v>
      </c>
      <c r="KA24" s="73">
        <v>0</v>
      </c>
      <c r="KB24" s="70">
        <v>44</v>
      </c>
      <c r="KC24" s="71">
        <v>36</v>
      </c>
      <c r="KD24" s="72">
        <v>80</v>
      </c>
      <c r="KE24" s="244"/>
      <c r="KF24" s="71">
        <v>66</v>
      </c>
      <c r="KG24" s="71">
        <v>52</v>
      </c>
      <c r="KH24" s="71">
        <v>30</v>
      </c>
      <c r="KI24" s="71">
        <v>22</v>
      </c>
      <c r="KJ24" s="71">
        <v>13</v>
      </c>
      <c r="KK24" s="72">
        <v>183</v>
      </c>
      <c r="KL24" s="73">
        <v>263</v>
      </c>
    </row>
    <row r="25" spans="1:298" ht="19.5" customHeight="1" x14ac:dyDescent="0.2">
      <c r="A25" s="126" t="s">
        <v>22</v>
      </c>
      <c r="B25" s="316">
        <v>17</v>
      </c>
      <c r="C25" s="82">
        <v>6</v>
      </c>
      <c r="D25" s="83">
        <v>23</v>
      </c>
      <c r="E25" s="241"/>
      <c r="F25" s="82">
        <v>27</v>
      </c>
      <c r="G25" s="82">
        <v>18</v>
      </c>
      <c r="H25" s="82">
        <v>9</v>
      </c>
      <c r="I25" s="82">
        <v>13</v>
      </c>
      <c r="J25" s="82">
        <v>5</v>
      </c>
      <c r="K25" s="84">
        <v>72</v>
      </c>
      <c r="L25" s="85">
        <v>95</v>
      </c>
      <c r="M25" s="70">
        <v>0</v>
      </c>
      <c r="N25" s="71">
        <v>0</v>
      </c>
      <c r="O25" s="72">
        <v>0</v>
      </c>
      <c r="P25" s="244"/>
      <c r="Q25" s="71">
        <v>2</v>
      </c>
      <c r="R25" s="71">
        <v>0</v>
      </c>
      <c r="S25" s="71">
        <v>0</v>
      </c>
      <c r="T25" s="71">
        <v>0</v>
      </c>
      <c r="U25" s="71">
        <v>0</v>
      </c>
      <c r="V25" s="72">
        <v>2</v>
      </c>
      <c r="W25" s="73">
        <v>2</v>
      </c>
      <c r="X25" s="70">
        <v>2</v>
      </c>
      <c r="Y25" s="71">
        <v>1</v>
      </c>
      <c r="Z25" s="72">
        <v>3</v>
      </c>
      <c r="AA25" s="244"/>
      <c r="AB25" s="71">
        <v>3</v>
      </c>
      <c r="AC25" s="71">
        <v>0</v>
      </c>
      <c r="AD25" s="71">
        <v>0</v>
      </c>
      <c r="AE25" s="71">
        <v>1</v>
      </c>
      <c r="AF25" s="71">
        <v>1</v>
      </c>
      <c r="AG25" s="72">
        <v>5</v>
      </c>
      <c r="AH25" s="73">
        <v>8</v>
      </c>
      <c r="AI25" s="70">
        <v>3</v>
      </c>
      <c r="AJ25" s="71">
        <v>1</v>
      </c>
      <c r="AK25" s="72">
        <v>4</v>
      </c>
      <c r="AL25" s="244"/>
      <c r="AM25" s="71">
        <v>4</v>
      </c>
      <c r="AN25" s="71">
        <v>1</v>
      </c>
      <c r="AO25" s="71">
        <v>0</v>
      </c>
      <c r="AP25" s="71">
        <v>0</v>
      </c>
      <c r="AQ25" s="71">
        <v>1</v>
      </c>
      <c r="AR25" s="72">
        <v>6</v>
      </c>
      <c r="AS25" s="73">
        <v>10</v>
      </c>
      <c r="AT25" s="70">
        <v>4</v>
      </c>
      <c r="AU25" s="71">
        <v>3</v>
      </c>
      <c r="AV25" s="72">
        <v>7</v>
      </c>
      <c r="AW25" s="244"/>
      <c r="AX25" s="71">
        <v>8</v>
      </c>
      <c r="AY25" s="71">
        <v>6</v>
      </c>
      <c r="AZ25" s="71">
        <v>2</v>
      </c>
      <c r="BA25" s="71">
        <v>1</v>
      </c>
      <c r="BB25" s="71">
        <v>1</v>
      </c>
      <c r="BC25" s="72">
        <v>18</v>
      </c>
      <c r="BD25" s="73">
        <v>25</v>
      </c>
      <c r="BE25" s="70">
        <v>3</v>
      </c>
      <c r="BF25" s="71">
        <v>1</v>
      </c>
      <c r="BG25" s="72">
        <v>4</v>
      </c>
      <c r="BH25" s="244"/>
      <c r="BI25" s="71">
        <v>2</v>
      </c>
      <c r="BJ25" s="71">
        <v>5</v>
      </c>
      <c r="BK25" s="71">
        <v>3</v>
      </c>
      <c r="BL25" s="71">
        <v>7</v>
      </c>
      <c r="BM25" s="71">
        <v>1</v>
      </c>
      <c r="BN25" s="72">
        <v>18</v>
      </c>
      <c r="BO25" s="73">
        <v>22</v>
      </c>
      <c r="BP25" s="70">
        <v>5</v>
      </c>
      <c r="BQ25" s="71">
        <v>0</v>
      </c>
      <c r="BR25" s="72">
        <v>5</v>
      </c>
      <c r="BS25" s="244"/>
      <c r="BT25" s="71">
        <v>8</v>
      </c>
      <c r="BU25" s="71">
        <v>6</v>
      </c>
      <c r="BV25" s="71">
        <v>4</v>
      </c>
      <c r="BW25" s="71">
        <v>4</v>
      </c>
      <c r="BX25" s="71">
        <v>1</v>
      </c>
      <c r="BY25" s="72">
        <v>23</v>
      </c>
      <c r="BZ25" s="73">
        <v>28</v>
      </c>
      <c r="CA25" s="70">
        <v>0</v>
      </c>
      <c r="CB25" s="71">
        <v>0</v>
      </c>
      <c r="CC25" s="72">
        <v>0</v>
      </c>
      <c r="CD25" s="244"/>
      <c r="CE25" s="71">
        <v>0</v>
      </c>
      <c r="CF25" s="71">
        <v>0</v>
      </c>
      <c r="CG25" s="71">
        <v>0</v>
      </c>
      <c r="CH25" s="71">
        <v>0</v>
      </c>
      <c r="CI25" s="71">
        <v>0</v>
      </c>
      <c r="CJ25" s="72">
        <v>0</v>
      </c>
      <c r="CK25" s="73">
        <v>0</v>
      </c>
      <c r="CL25" s="70">
        <v>17</v>
      </c>
      <c r="CM25" s="71">
        <v>6</v>
      </c>
      <c r="CN25" s="72">
        <v>23</v>
      </c>
      <c r="CO25" s="244"/>
      <c r="CP25" s="71">
        <v>27</v>
      </c>
      <c r="CQ25" s="71">
        <v>18</v>
      </c>
      <c r="CR25" s="71">
        <v>9</v>
      </c>
      <c r="CS25" s="71">
        <v>13</v>
      </c>
      <c r="CT25" s="71">
        <v>5</v>
      </c>
      <c r="CU25" s="72">
        <v>72</v>
      </c>
      <c r="CV25" s="73">
        <v>95</v>
      </c>
      <c r="CW25" s="123">
        <v>3</v>
      </c>
      <c r="CX25" s="82">
        <v>7</v>
      </c>
      <c r="CY25" s="83">
        <v>10</v>
      </c>
      <c r="CZ25" s="241"/>
      <c r="DA25" s="82">
        <v>7</v>
      </c>
      <c r="DB25" s="82">
        <v>2</v>
      </c>
      <c r="DC25" s="82">
        <v>2</v>
      </c>
      <c r="DD25" s="82">
        <v>4</v>
      </c>
      <c r="DE25" s="82">
        <v>4</v>
      </c>
      <c r="DF25" s="84">
        <v>19</v>
      </c>
      <c r="DG25" s="85">
        <v>29</v>
      </c>
      <c r="DH25" s="70">
        <v>0</v>
      </c>
      <c r="DI25" s="71">
        <v>1</v>
      </c>
      <c r="DJ25" s="72">
        <v>1</v>
      </c>
      <c r="DK25" s="244"/>
      <c r="DL25" s="71">
        <v>0</v>
      </c>
      <c r="DM25" s="71">
        <v>0</v>
      </c>
      <c r="DN25" s="71">
        <v>0</v>
      </c>
      <c r="DO25" s="71">
        <v>0</v>
      </c>
      <c r="DP25" s="71">
        <v>0</v>
      </c>
      <c r="DQ25" s="72">
        <v>0</v>
      </c>
      <c r="DR25" s="73">
        <v>1</v>
      </c>
      <c r="DS25" s="70">
        <v>0</v>
      </c>
      <c r="DT25" s="71">
        <v>0</v>
      </c>
      <c r="DU25" s="72">
        <v>0</v>
      </c>
      <c r="DV25" s="244"/>
      <c r="DW25" s="71">
        <v>0</v>
      </c>
      <c r="DX25" s="71">
        <v>0</v>
      </c>
      <c r="DY25" s="71">
        <v>0</v>
      </c>
      <c r="DZ25" s="71">
        <v>0</v>
      </c>
      <c r="EA25" s="71">
        <v>0</v>
      </c>
      <c r="EB25" s="72">
        <v>0</v>
      </c>
      <c r="EC25" s="73">
        <v>0</v>
      </c>
      <c r="ED25" s="70">
        <v>0</v>
      </c>
      <c r="EE25" s="71">
        <v>2</v>
      </c>
      <c r="EF25" s="72">
        <v>2</v>
      </c>
      <c r="EG25" s="244"/>
      <c r="EH25" s="71">
        <v>1</v>
      </c>
      <c r="EI25" s="71">
        <v>0</v>
      </c>
      <c r="EJ25" s="71">
        <v>0</v>
      </c>
      <c r="EK25" s="71">
        <v>0</v>
      </c>
      <c r="EL25" s="71">
        <v>1</v>
      </c>
      <c r="EM25" s="72">
        <v>2</v>
      </c>
      <c r="EN25" s="73">
        <v>4</v>
      </c>
      <c r="EO25" s="70">
        <v>2</v>
      </c>
      <c r="EP25" s="71">
        <v>1</v>
      </c>
      <c r="EQ25" s="72">
        <v>3</v>
      </c>
      <c r="ER25" s="244"/>
      <c r="ES25" s="71">
        <v>2</v>
      </c>
      <c r="ET25" s="71">
        <v>0</v>
      </c>
      <c r="EU25" s="71">
        <v>1</v>
      </c>
      <c r="EV25" s="71">
        <v>2</v>
      </c>
      <c r="EW25" s="71">
        <v>0</v>
      </c>
      <c r="EX25" s="72">
        <v>5</v>
      </c>
      <c r="EY25" s="73">
        <v>8</v>
      </c>
      <c r="EZ25" s="70">
        <v>1</v>
      </c>
      <c r="FA25" s="71">
        <v>0</v>
      </c>
      <c r="FB25" s="72">
        <v>1</v>
      </c>
      <c r="FC25" s="244"/>
      <c r="FD25" s="71">
        <v>2</v>
      </c>
      <c r="FE25" s="71">
        <v>0</v>
      </c>
      <c r="FF25" s="71">
        <v>1</v>
      </c>
      <c r="FG25" s="71">
        <v>0</v>
      </c>
      <c r="FH25" s="71">
        <v>1</v>
      </c>
      <c r="FI25" s="72">
        <v>4</v>
      </c>
      <c r="FJ25" s="73">
        <v>5</v>
      </c>
      <c r="FK25" s="70">
        <v>0</v>
      </c>
      <c r="FL25" s="71">
        <v>3</v>
      </c>
      <c r="FM25" s="72">
        <v>3</v>
      </c>
      <c r="FN25" s="244"/>
      <c r="FO25" s="71">
        <v>2</v>
      </c>
      <c r="FP25" s="71">
        <v>2</v>
      </c>
      <c r="FQ25" s="71">
        <v>0</v>
      </c>
      <c r="FR25" s="71">
        <v>2</v>
      </c>
      <c r="FS25" s="71">
        <v>2</v>
      </c>
      <c r="FT25" s="72">
        <v>8</v>
      </c>
      <c r="FU25" s="73">
        <v>11</v>
      </c>
      <c r="FV25" s="70">
        <v>0</v>
      </c>
      <c r="FW25" s="71">
        <v>0</v>
      </c>
      <c r="FX25" s="72">
        <v>0</v>
      </c>
      <c r="FY25" s="244"/>
      <c r="FZ25" s="71">
        <v>0</v>
      </c>
      <c r="GA25" s="71">
        <v>0</v>
      </c>
      <c r="GB25" s="71">
        <v>0</v>
      </c>
      <c r="GC25" s="71">
        <v>0</v>
      </c>
      <c r="GD25" s="71">
        <v>0</v>
      </c>
      <c r="GE25" s="72">
        <v>0</v>
      </c>
      <c r="GF25" s="73">
        <v>0</v>
      </c>
      <c r="GG25" s="70">
        <v>3</v>
      </c>
      <c r="GH25" s="71">
        <v>7</v>
      </c>
      <c r="GI25" s="72">
        <v>10</v>
      </c>
      <c r="GJ25" s="244"/>
      <c r="GK25" s="71">
        <v>7</v>
      </c>
      <c r="GL25" s="71">
        <v>2</v>
      </c>
      <c r="GM25" s="71">
        <v>2</v>
      </c>
      <c r="GN25" s="71">
        <v>4</v>
      </c>
      <c r="GO25" s="71">
        <v>4</v>
      </c>
      <c r="GP25" s="72">
        <v>19</v>
      </c>
      <c r="GQ25" s="73">
        <v>29</v>
      </c>
      <c r="GR25" s="123">
        <v>20</v>
      </c>
      <c r="GS25" s="82">
        <v>13</v>
      </c>
      <c r="GT25" s="83">
        <v>33</v>
      </c>
      <c r="GU25" s="241"/>
      <c r="GV25" s="82">
        <v>34</v>
      </c>
      <c r="GW25" s="82">
        <v>20</v>
      </c>
      <c r="GX25" s="82">
        <v>11</v>
      </c>
      <c r="GY25" s="82">
        <v>17</v>
      </c>
      <c r="GZ25" s="82">
        <v>9</v>
      </c>
      <c r="HA25" s="84">
        <v>91</v>
      </c>
      <c r="HB25" s="85">
        <v>124</v>
      </c>
      <c r="HC25" s="70">
        <v>0</v>
      </c>
      <c r="HD25" s="71">
        <v>1</v>
      </c>
      <c r="HE25" s="72">
        <v>1</v>
      </c>
      <c r="HF25" s="241"/>
      <c r="HG25" s="71">
        <v>2</v>
      </c>
      <c r="HH25" s="71">
        <v>0</v>
      </c>
      <c r="HI25" s="71">
        <v>0</v>
      </c>
      <c r="HJ25" s="71">
        <v>0</v>
      </c>
      <c r="HK25" s="71">
        <v>0</v>
      </c>
      <c r="HL25" s="72">
        <v>2</v>
      </c>
      <c r="HM25" s="73">
        <v>3</v>
      </c>
      <c r="HN25" s="70">
        <v>2</v>
      </c>
      <c r="HO25" s="71">
        <v>1</v>
      </c>
      <c r="HP25" s="72">
        <v>3</v>
      </c>
      <c r="HQ25" s="241"/>
      <c r="HR25" s="71">
        <v>3</v>
      </c>
      <c r="HS25" s="71">
        <v>0</v>
      </c>
      <c r="HT25" s="71">
        <v>0</v>
      </c>
      <c r="HU25" s="71">
        <v>1</v>
      </c>
      <c r="HV25" s="71">
        <v>1</v>
      </c>
      <c r="HW25" s="72">
        <v>5</v>
      </c>
      <c r="HX25" s="73">
        <v>8</v>
      </c>
      <c r="HY25" s="70">
        <v>3</v>
      </c>
      <c r="HZ25" s="71">
        <v>3</v>
      </c>
      <c r="IA25" s="72">
        <v>6</v>
      </c>
      <c r="IB25" s="244"/>
      <c r="IC25" s="71">
        <v>5</v>
      </c>
      <c r="ID25" s="71">
        <v>1</v>
      </c>
      <c r="IE25" s="71">
        <v>0</v>
      </c>
      <c r="IF25" s="71">
        <v>0</v>
      </c>
      <c r="IG25" s="71">
        <v>2</v>
      </c>
      <c r="IH25" s="72">
        <v>8</v>
      </c>
      <c r="II25" s="73">
        <v>14</v>
      </c>
      <c r="IJ25" s="70">
        <v>6</v>
      </c>
      <c r="IK25" s="71">
        <v>4</v>
      </c>
      <c r="IL25" s="72">
        <v>10</v>
      </c>
      <c r="IM25" s="244"/>
      <c r="IN25" s="71">
        <v>10</v>
      </c>
      <c r="IO25" s="71">
        <v>6</v>
      </c>
      <c r="IP25" s="71">
        <v>3</v>
      </c>
      <c r="IQ25" s="71">
        <v>3</v>
      </c>
      <c r="IR25" s="71">
        <v>1</v>
      </c>
      <c r="IS25" s="72">
        <v>23</v>
      </c>
      <c r="IT25" s="73">
        <v>33</v>
      </c>
      <c r="IU25" s="70">
        <v>4</v>
      </c>
      <c r="IV25" s="71">
        <v>1</v>
      </c>
      <c r="IW25" s="72">
        <v>5</v>
      </c>
      <c r="IX25" s="244"/>
      <c r="IY25" s="71">
        <v>4</v>
      </c>
      <c r="IZ25" s="71">
        <v>5</v>
      </c>
      <c r="JA25" s="71">
        <v>4</v>
      </c>
      <c r="JB25" s="71">
        <v>7</v>
      </c>
      <c r="JC25" s="71">
        <v>2</v>
      </c>
      <c r="JD25" s="72">
        <v>22</v>
      </c>
      <c r="JE25" s="73">
        <v>27</v>
      </c>
      <c r="JF25" s="70">
        <v>5</v>
      </c>
      <c r="JG25" s="71">
        <v>3</v>
      </c>
      <c r="JH25" s="72">
        <v>8</v>
      </c>
      <c r="JI25" s="244"/>
      <c r="JJ25" s="71">
        <v>10</v>
      </c>
      <c r="JK25" s="71">
        <v>8</v>
      </c>
      <c r="JL25" s="71">
        <v>4</v>
      </c>
      <c r="JM25" s="71">
        <v>6</v>
      </c>
      <c r="JN25" s="71">
        <v>3</v>
      </c>
      <c r="JO25" s="72">
        <v>31</v>
      </c>
      <c r="JP25" s="73">
        <v>39</v>
      </c>
      <c r="JQ25" s="70">
        <v>0</v>
      </c>
      <c r="JR25" s="71">
        <v>0</v>
      </c>
      <c r="JS25" s="72">
        <v>0</v>
      </c>
      <c r="JT25" s="244"/>
      <c r="JU25" s="71">
        <v>0</v>
      </c>
      <c r="JV25" s="71">
        <v>0</v>
      </c>
      <c r="JW25" s="71">
        <v>0</v>
      </c>
      <c r="JX25" s="71">
        <v>0</v>
      </c>
      <c r="JY25" s="71">
        <v>0</v>
      </c>
      <c r="JZ25" s="72">
        <v>0</v>
      </c>
      <c r="KA25" s="73">
        <v>0</v>
      </c>
      <c r="KB25" s="70">
        <v>20</v>
      </c>
      <c r="KC25" s="71">
        <v>13</v>
      </c>
      <c r="KD25" s="72">
        <v>33</v>
      </c>
      <c r="KE25" s="244"/>
      <c r="KF25" s="71">
        <v>34</v>
      </c>
      <c r="KG25" s="71">
        <v>20</v>
      </c>
      <c r="KH25" s="71">
        <v>11</v>
      </c>
      <c r="KI25" s="71">
        <v>17</v>
      </c>
      <c r="KJ25" s="71">
        <v>9</v>
      </c>
      <c r="KK25" s="72">
        <v>91</v>
      </c>
      <c r="KL25" s="73">
        <v>124</v>
      </c>
    </row>
    <row r="26" spans="1:298" ht="19.5" customHeight="1" x14ac:dyDescent="0.2">
      <c r="A26" s="126" t="s">
        <v>23</v>
      </c>
      <c r="B26" s="316">
        <v>12</v>
      </c>
      <c r="C26" s="82">
        <v>12</v>
      </c>
      <c r="D26" s="83">
        <v>24</v>
      </c>
      <c r="E26" s="241"/>
      <c r="F26" s="82">
        <v>30</v>
      </c>
      <c r="G26" s="82">
        <v>27</v>
      </c>
      <c r="H26" s="82">
        <v>21</v>
      </c>
      <c r="I26" s="82">
        <v>18</v>
      </c>
      <c r="J26" s="82">
        <v>8</v>
      </c>
      <c r="K26" s="84">
        <v>104</v>
      </c>
      <c r="L26" s="85">
        <v>128</v>
      </c>
      <c r="M26" s="70">
        <v>0</v>
      </c>
      <c r="N26" s="71">
        <v>0</v>
      </c>
      <c r="O26" s="72">
        <v>0</v>
      </c>
      <c r="P26" s="244"/>
      <c r="Q26" s="71">
        <v>0</v>
      </c>
      <c r="R26" s="71">
        <v>2</v>
      </c>
      <c r="S26" s="71">
        <v>0</v>
      </c>
      <c r="T26" s="71">
        <v>1</v>
      </c>
      <c r="U26" s="71">
        <v>0</v>
      </c>
      <c r="V26" s="72">
        <v>3</v>
      </c>
      <c r="W26" s="73">
        <v>3</v>
      </c>
      <c r="X26" s="70">
        <v>2</v>
      </c>
      <c r="Y26" s="71">
        <v>2</v>
      </c>
      <c r="Z26" s="72">
        <v>4</v>
      </c>
      <c r="AA26" s="244"/>
      <c r="AB26" s="71">
        <v>4</v>
      </c>
      <c r="AC26" s="71">
        <v>4</v>
      </c>
      <c r="AD26" s="71">
        <v>0</v>
      </c>
      <c r="AE26" s="71">
        <v>1</v>
      </c>
      <c r="AF26" s="71">
        <v>1</v>
      </c>
      <c r="AG26" s="72">
        <v>10</v>
      </c>
      <c r="AH26" s="73">
        <v>14</v>
      </c>
      <c r="AI26" s="70">
        <v>4</v>
      </c>
      <c r="AJ26" s="71">
        <v>0</v>
      </c>
      <c r="AK26" s="72">
        <v>4</v>
      </c>
      <c r="AL26" s="244"/>
      <c r="AM26" s="71">
        <v>6</v>
      </c>
      <c r="AN26" s="71">
        <v>4</v>
      </c>
      <c r="AO26" s="71">
        <v>2</v>
      </c>
      <c r="AP26" s="71">
        <v>2</v>
      </c>
      <c r="AQ26" s="71">
        <v>2</v>
      </c>
      <c r="AR26" s="72">
        <v>16</v>
      </c>
      <c r="AS26" s="73">
        <v>20</v>
      </c>
      <c r="AT26" s="70">
        <v>1</v>
      </c>
      <c r="AU26" s="71">
        <v>5</v>
      </c>
      <c r="AV26" s="72">
        <v>6</v>
      </c>
      <c r="AW26" s="244"/>
      <c r="AX26" s="71">
        <v>5</v>
      </c>
      <c r="AY26" s="71">
        <v>8</v>
      </c>
      <c r="AZ26" s="71">
        <v>9</v>
      </c>
      <c r="BA26" s="71">
        <v>3</v>
      </c>
      <c r="BB26" s="71">
        <v>1</v>
      </c>
      <c r="BC26" s="72">
        <v>26</v>
      </c>
      <c r="BD26" s="73">
        <v>32</v>
      </c>
      <c r="BE26" s="70">
        <v>3</v>
      </c>
      <c r="BF26" s="71">
        <v>3</v>
      </c>
      <c r="BG26" s="72">
        <v>6</v>
      </c>
      <c r="BH26" s="244"/>
      <c r="BI26" s="71">
        <v>7</v>
      </c>
      <c r="BJ26" s="71">
        <v>6</v>
      </c>
      <c r="BK26" s="71">
        <v>6</v>
      </c>
      <c r="BL26" s="71">
        <v>3</v>
      </c>
      <c r="BM26" s="71">
        <v>2</v>
      </c>
      <c r="BN26" s="72">
        <v>24</v>
      </c>
      <c r="BO26" s="73">
        <v>30</v>
      </c>
      <c r="BP26" s="70">
        <v>2</v>
      </c>
      <c r="BQ26" s="71">
        <v>2</v>
      </c>
      <c r="BR26" s="72">
        <v>4</v>
      </c>
      <c r="BS26" s="244"/>
      <c r="BT26" s="71">
        <v>8</v>
      </c>
      <c r="BU26" s="71">
        <v>3</v>
      </c>
      <c r="BV26" s="71">
        <v>4</v>
      </c>
      <c r="BW26" s="71">
        <v>8</v>
      </c>
      <c r="BX26" s="71">
        <v>2</v>
      </c>
      <c r="BY26" s="72">
        <v>25</v>
      </c>
      <c r="BZ26" s="73">
        <v>29</v>
      </c>
      <c r="CA26" s="70">
        <v>0</v>
      </c>
      <c r="CB26" s="71">
        <v>0</v>
      </c>
      <c r="CC26" s="72">
        <v>0</v>
      </c>
      <c r="CD26" s="244"/>
      <c r="CE26" s="71">
        <v>0</v>
      </c>
      <c r="CF26" s="71">
        <v>0</v>
      </c>
      <c r="CG26" s="71">
        <v>0</v>
      </c>
      <c r="CH26" s="71">
        <v>0</v>
      </c>
      <c r="CI26" s="71">
        <v>0</v>
      </c>
      <c r="CJ26" s="72">
        <v>0</v>
      </c>
      <c r="CK26" s="73">
        <v>0</v>
      </c>
      <c r="CL26" s="70">
        <v>12</v>
      </c>
      <c r="CM26" s="71">
        <v>12</v>
      </c>
      <c r="CN26" s="72">
        <v>24</v>
      </c>
      <c r="CO26" s="244"/>
      <c r="CP26" s="71">
        <v>30</v>
      </c>
      <c r="CQ26" s="71">
        <v>27</v>
      </c>
      <c r="CR26" s="71">
        <v>21</v>
      </c>
      <c r="CS26" s="71">
        <v>18</v>
      </c>
      <c r="CT26" s="71">
        <v>8</v>
      </c>
      <c r="CU26" s="72">
        <v>104</v>
      </c>
      <c r="CV26" s="73">
        <v>128</v>
      </c>
      <c r="CW26" s="123">
        <v>7</v>
      </c>
      <c r="CX26" s="82">
        <v>8</v>
      </c>
      <c r="CY26" s="83">
        <v>15</v>
      </c>
      <c r="CZ26" s="241"/>
      <c r="DA26" s="82">
        <v>10</v>
      </c>
      <c r="DB26" s="82">
        <v>12</v>
      </c>
      <c r="DC26" s="82">
        <v>4</v>
      </c>
      <c r="DD26" s="82">
        <v>11</v>
      </c>
      <c r="DE26" s="82">
        <v>5</v>
      </c>
      <c r="DF26" s="84">
        <v>42</v>
      </c>
      <c r="DG26" s="85">
        <v>57</v>
      </c>
      <c r="DH26" s="70">
        <v>0</v>
      </c>
      <c r="DI26" s="71">
        <v>0</v>
      </c>
      <c r="DJ26" s="72">
        <v>0</v>
      </c>
      <c r="DK26" s="244"/>
      <c r="DL26" s="71">
        <v>0</v>
      </c>
      <c r="DM26" s="71">
        <v>1</v>
      </c>
      <c r="DN26" s="71">
        <v>1</v>
      </c>
      <c r="DO26" s="71">
        <v>0</v>
      </c>
      <c r="DP26" s="71">
        <v>0</v>
      </c>
      <c r="DQ26" s="72">
        <v>2</v>
      </c>
      <c r="DR26" s="73">
        <v>2</v>
      </c>
      <c r="DS26" s="70">
        <v>1</v>
      </c>
      <c r="DT26" s="71">
        <v>0</v>
      </c>
      <c r="DU26" s="72">
        <v>1</v>
      </c>
      <c r="DV26" s="244"/>
      <c r="DW26" s="71">
        <v>0</v>
      </c>
      <c r="DX26" s="71">
        <v>2</v>
      </c>
      <c r="DY26" s="71">
        <v>0</v>
      </c>
      <c r="DZ26" s="71">
        <v>0</v>
      </c>
      <c r="EA26" s="71">
        <v>1</v>
      </c>
      <c r="EB26" s="72">
        <v>3</v>
      </c>
      <c r="EC26" s="73">
        <v>4</v>
      </c>
      <c r="ED26" s="70">
        <v>1</v>
      </c>
      <c r="EE26" s="71">
        <v>4</v>
      </c>
      <c r="EF26" s="72">
        <v>5</v>
      </c>
      <c r="EG26" s="244"/>
      <c r="EH26" s="71">
        <v>0</v>
      </c>
      <c r="EI26" s="71">
        <v>0</v>
      </c>
      <c r="EJ26" s="71">
        <v>0</v>
      </c>
      <c r="EK26" s="71">
        <v>0</v>
      </c>
      <c r="EL26" s="71">
        <v>0</v>
      </c>
      <c r="EM26" s="72">
        <v>0</v>
      </c>
      <c r="EN26" s="73">
        <v>5</v>
      </c>
      <c r="EO26" s="70">
        <v>1</v>
      </c>
      <c r="EP26" s="71">
        <v>2</v>
      </c>
      <c r="EQ26" s="72">
        <v>3</v>
      </c>
      <c r="ER26" s="244"/>
      <c r="ES26" s="71">
        <v>1</v>
      </c>
      <c r="ET26" s="71">
        <v>1</v>
      </c>
      <c r="EU26" s="71">
        <v>1</v>
      </c>
      <c r="EV26" s="71">
        <v>0</v>
      </c>
      <c r="EW26" s="71">
        <v>1</v>
      </c>
      <c r="EX26" s="72">
        <v>4</v>
      </c>
      <c r="EY26" s="73">
        <v>7</v>
      </c>
      <c r="EZ26" s="70">
        <v>3</v>
      </c>
      <c r="FA26" s="71">
        <v>1</v>
      </c>
      <c r="FB26" s="72">
        <v>4</v>
      </c>
      <c r="FC26" s="244"/>
      <c r="FD26" s="71">
        <v>2</v>
      </c>
      <c r="FE26" s="71">
        <v>4</v>
      </c>
      <c r="FF26" s="71">
        <v>0</v>
      </c>
      <c r="FG26" s="71">
        <v>1</v>
      </c>
      <c r="FH26" s="71">
        <v>1</v>
      </c>
      <c r="FI26" s="72">
        <v>8</v>
      </c>
      <c r="FJ26" s="73">
        <v>12</v>
      </c>
      <c r="FK26" s="70">
        <v>1</v>
      </c>
      <c r="FL26" s="71">
        <v>1</v>
      </c>
      <c r="FM26" s="72">
        <v>2</v>
      </c>
      <c r="FN26" s="244"/>
      <c r="FO26" s="71">
        <v>7</v>
      </c>
      <c r="FP26" s="71">
        <v>4</v>
      </c>
      <c r="FQ26" s="71">
        <v>2</v>
      </c>
      <c r="FR26" s="71">
        <v>10</v>
      </c>
      <c r="FS26" s="71">
        <v>2</v>
      </c>
      <c r="FT26" s="72">
        <v>25</v>
      </c>
      <c r="FU26" s="73">
        <v>27</v>
      </c>
      <c r="FV26" s="70">
        <v>0</v>
      </c>
      <c r="FW26" s="71">
        <v>0</v>
      </c>
      <c r="FX26" s="72">
        <v>0</v>
      </c>
      <c r="FY26" s="244"/>
      <c r="FZ26" s="71">
        <v>0</v>
      </c>
      <c r="GA26" s="71">
        <v>0</v>
      </c>
      <c r="GB26" s="71">
        <v>0</v>
      </c>
      <c r="GC26" s="71">
        <v>0</v>
      </c>
      <c r="GD26" s="71">
        <v>0</v>
      </c>
      <c r="GE26" s="72">
        <v>0</v>
      </c>
      <c r="GF26" s="73">
        <v>0</v>
      </c>
      <c r="GG26" s="70">
        <v>7</v>
      </c>
      <c r="GH26" s="71">
        <v>8</v>
      </c>
      <c r="GI26" s="72">
        <v>15</v>
      </c>
      <c r="GJ26" s="244"/>
      <c r="GK26" s="71">
        <v>10</v>
      </c>
      <c r="GL26" s="71">
        <v>12</v>
      </c>
      <c r="GM26" s="71">
        <v>4</v>
      </c>
      <c r="GN26" s="71">
        <v>11</v>
      </c>
      <c r="GO26" s="71">
        <v>5</v>
      </c>
      <c r="GP26" s="72">
        <v>42</v>
      </c>
      <c r="GQ26" s="73">
        <v>57</v>
      </c>
      <c r="GR26" s="123">
        <v>19</v>
      </c>
      <c r="GS26" s="82">
        <v>20</v>
      </c>
      <c r="GT26" s="83">
        <v>39</v>
      </c>
      <c r="GU26" s="241"/>
      <c r="GV26" s="82">
        <v>40</v>
      </c>
      <c r="GW26" s="82">
        <v>39</v>
      </c>
      <c r="GX26" s="82">
        <v>25</v>
      </c>
      <c r="GY26" s="82">
        <v>29</v>
      </c>
      <c r="GZ26" s="82">
        <v>13</v>
      </c>
      <c r="HA26" s="84">
        <v>146</v>
      </c>
      <c r="HB26" s="85">
        <v>185</v>
      </c>
      <c r="HC26" s="70">
        <v>0</v>
      </c>
      <c r="HD26" s="71">
        <v>0</v>
      </c>
      <c r="HE26" s="72">
        <v>0</v>
      </c>
      <c r="HF26" s="241"/>
      <c r="HG26" s="71">
        <v>0</v>
      </c>
      <c r="HH26" s="71">
        <v>3</v>
      </c>
      <c r="HI26" s="71">
        <v>1</v>
      </c>
      <c r="HJ26" s="71">
        <v>1</v>
      </c>
      <c r="HK26" s="71">
        <v>0</v>
      </c>
      <c r="HL26" s="72">
        <v>5</v>
      </c>
      <c r="HM26" s="73">
        <v>5</v>
      </c>
      <c r="HN26" s="70">
        <v>3</v>
      </c>
      <c r="HO26" s="71">
        <v>2</v>
      </c>
      <c r="HP26" s="72">
        <v>5</v>
      </c>
      <c r="HQ26" s="241"/>
      <c r="HR26" s="71">
        <v>4</v>
      </c>
      <c r="HS26" s="71">
        <v>6</v>
      </c>
      <c r="HT26" s="71">
        <v>0</v>
      </c>
      <c r="HU26" s="71">
        <v>1</v>
      </c>
      <c r="HV26" s="71">
        <v>2</v>
      </c>
      <c r="HW26" s="72">
        <v>13</v>
      </c>
      <c r="HX26" s="73">
        <v>18</v>
      </c>
      <c r="HY26" s="70">
        <v>5</v>
      </c>
      <c r="HZ26" s="71">
        <v>4</v>
      </c>
      <c r="IA26" s="72">
        <v>9</v>
      </c>
      <c r="IB26" s="244"/>
      <c r="IC26" s="71">
        <v>6</v>
      </c>
      <c r="ID26" s="71">
        <v>4</v>
      </c>
      <c r="IE26" s="71">
        <v>2</v>
      </c>
      <c r="IF26" s="71">
        <v>2</v>
      </c>
      <c r="IG26" s="71">
        <v>2</v>
      </c>
      <c r="IH26" s="72">
        <v>16</v>
      </c>
      <c r="II26" s="73">
        <v>25</v>
      </c>
      <c r="IJ26" s="70">
        <v>2</v>
      </c>
      <c r="IK26" s="71">
        <v>7</v>
      </c>
      <c r="IL26" s="72">
        <v>9</v>
      </c>
      <c r="IM26" s="244"/>
      <c r="IN26" s="71">
        <v>6</v>
      </c>
      <c r="IO26" s="71">
        <v>9</v>
      </c>
      <c r="IP26" s="71">
        <v>10</v>
      </c>
      <c r="IQ26" s="71">
        <v>3</v>
      </c>
      <c r="IR26" s="71">
        <v>2</v>
      </c>
      <c r="IS26" s="72">
        <v>30</v>
      </c>
      <c r="IT26" s="73">
        <v>39</v>
      </c>
      <c r="IU26" s="70">
        <v>6</v>
      </c>
      <c r="IV26" s="71">
        <v>4</v>
      </c>
      <c r="IW26" s="72">
        <v>10</v>
      </c>
      <c r="IX26" s="244"/>
      <c r="IY26" s="71">
        <v>9</v>
      </c>
      <c r="IZ26" s="71">
        <v>10</v>
      </c>
      <c r="JA26" s="71">
        <v>6</v>
      </c>
      <c r="JB26" s="71">
        <v>4</v>
      </c>
      <c r="JC26" s="71">
        <v>3</v>
      </c>
      <c r="JD26" s="72">
        <v>32</v>
      </c>
      <c r="JE26" s="73">
        <v>42</v>
      </c>
      <c r="JF26" s="70">
        <v>3</v>
      </c>
      <c r="JG26" s="71">
        <v>3</v>
      </c>
      <c r="JH26" s="72">
        <v>6</v>
      </c>
      <c r="JI26" s="244"/>
      <c r="JJ26" s="71">
        <v>15</v>
      </c>
      <c r="JK26" s="71">
        <v>7</v>
      </c>
      <c r="JL26" s="71">
        <v>6</v>
      </c>
      <c r="JM26" s="71">
        <v>18</v>
      </c>
      <c r="JN26" s="71">
        <v>4</v>
      </c>
      <c r="JO26" s="72">
        <v>50</v>
      </c>
      <c r="JP26" s="73">
        <v>56</v>
      </c>
      <c r="JQ26" s="70">
        <v>0</v>
      </c>
      <c r="JR26" s="71">
        <v>0</v>
      </c>
      <c r="JS26" s="72">
        <v>0</v>
      </c>
      <c r="JT26" s="244"/>
      <c r="JU26" s="71">
        <v>0</v>
      </c>
      <c r="JV26" s="71">
        <v>0</v>
      </c>
      <c r="JW26" s="71">
        <v>0</v>
      </c>
      <c r="JX26" s="71">
        <v>0</v>
      </c>
      <c r="JY26" s="71">
        <v>0</v>
      </c>
      <c r="JZ26" s="72">
        <v>0</v>
      </c>
      <c r="KA26" s="73">
        <v>0</v>
      </c>
      <c r="KB26" s="70">
        <v>19</v>
      </c>
      <c r="KC26" s="71">
        <v>20</v>
      </c>
      <c r="KD26" s="72">
        <v>39</v>
      </c>
      <c r="KE26" s="244"/>
      <c r="KF26" s="71">
        <v>40</v>
      </c>
      <c r="KG26" s="71">
        <v>39</v>
      </c>
      <c r="KH26" s="71">
        <v>25</v>
      </c>
      <c r="KI26" s="71">
        <v>29</v>
      </c>
      <c r="KJ26" s="71">
        <v>13</v>
      </c>
      <c r="KK26" s="72">
        <v>146</v>
      </c>
      <c r="KL26" s="73">
        <v>185</v>
      </c>
    </row>
    <row r="27" spans="1:298" ht="19.5" customHeight="1" x14ac:dyDescent="0.2">
      <c r="A27" s="126" t="s">
        <v>24</v>
      </c>
      <c r="B27" s="316">
        <v>22</v>
      </c>
      <c r="C27" s="82">
        <v>16</v>
      </c>
      <c r="D27" s="83">
        <v>38</v>
      </c>
      <c r="E27" s="241"/>
      <c r="F27" s="82">
        <v>31</v>
      </c>
      <c r="G27" s="82">
        <v>20</v>
      </c>
      <c r="H27" s="82">
        <v>14</v>
      </c>
      <c r="I27" s="82">
        <v>18</v>
      </c>
      <c r="J27" s="82">
        <v>11</v>
      </c>
      <c r="K27" s="84">
        <v>94</v>
      </c>
      <c r="L27" s="85">
        <v>132</v>
      </c>
      <c r="M27" s="70">
        <v>0</v>
      </c>
      <c r="N27" s="71">
        <v>0</v>
      </c>
      <c r="O27" s="72">
        <v>0</v>
      </c>
      <c r="P27" s="244"/>
      <c r="Q27" s="71">
        <v>0</v>
      </c>
      <c r="R27" s="71">
        <v>0</v>
      </c>
      <c r="S27" s="71">
        <v>0</v>
      </c>
      <c r="T27" s="71">
        <v>0</v>
      </c>
      <c r="U27" s="71">
        <v>1</v>
      </c>
      <c r="V27" s="72">
        <v>1</v>
      </c>
      <c r="W27" s="73">
        <v>1</v>
      </c>
      <c r="X27" s="70">
        <v>0</v>
      </c>
      <c r="Y27" s="71">
        <v>0</v>
      </c>
      <c r="Z27" s="72">
        <v>0</v>
      </c>
      <c r="AA27" s="244"/>
      <c r="AB27" s="71">
        <v>1</v>
      </c>
      <c r="AC27" s="71">
        <v>0</v>
      </c>
      <c r="AD27" s="71">
        <v>3</v>
      </c>
      <c r="AE27" s="71">
        <v>0</v>
      </c>
      <c r="AF27" s="71">
        <v>0</v>
      </c>
      <c r="AG27" s="72">
        <v>4</v>
      </c>
      <c r="AH27" s="73">
        <v>4</v>
      </c>
      <c r="AI27" s="70">
        <v>1</v>
      </c>
      <c r="AJ27" s="71">
        <v>0</v>
      </c>
      <c r="AK27" s="72">
        <v>1</v>
      </c>
      <c r="AL27" s="244"/>
      <c r="AM27" s="71">
        <v>3</v>
      </c>
      <c r="AN27" s="71">
        <v>2</v>
      </c>
      <c r="AO27" s="71">
        <v>1</v>
      </c>
      <c r="AP27" s="71">
        <v>2</v>
      </c>
      <c r="AQ27" s="71">
        <v>1</v>
      </c>
      <c r="AR27" s="72">
        <v>9</v>
      </c>
      <c r="AS27" s="73">
        <v>10</v>
      </c>
      <c r="AT27" s="70">
        <v>8</v>
      </c>
      <c r="AU27" s="71">
        <v>6</v>
      </c>
      <c r="AV27" s="72">
        <v>14</v>
      </c>
      <c r="AW27" s="244"/>
      <c r="AX27" s="71">
        <v>9</v>
      </c>
      <c r="AY27" s="71">
        <v>6</v>
      </c>
      <c r="AZ27" s="71">
        <v>4</v>
      </c>
      <c r="BA27" s="71">
        <v>5</v>
      </c>
      <c r="BB27" s="71">
        <v>1</v>
      </c>
      <c r="BC27" s="72">
        <v>25</v>
      </c>
      <c r="BD27" s="73">
        <v>39</v>
      </c>
      <c r="BE27" s="70">
        <v>10</v>
      </c>
      <c r="BF27" s="71">
        <v>4</v>
      </c>
      <c r="BG27" s="72">
        <v>14</v>
      </c>
      <c r="BH27" s="244"/>
      <c r="BI27" s="71">
        <v>12</v>
      </c>
      <c r="BJ27" s="71">
        <v>7</v>
      </c>
      <c r="BK27" s="71">
        <v>3</v>
      </c>
      <c r="BL27" s="71">
        <v>3</v>
      </c>
      <c r="BM27" s="71">
        <v>5</v>
      </c>
      <c r="BN27" s="72">
        <v>30</v>
      </c>
      <c r="BO27" s="73">
        <v>44</v>
      </c>
      <c r="BP27" s="70">
        <v>3</v>
      </c>
      <c r="BQ27" s="71">
        <v>6</v>
      </c>
      <c r="BR27" s="72">
        <v>9</v>
      </c>
      <c r="BS27" s="244"/>
      <c r="BT27" s="71">
        <v>6</v>
      </c>
      <c r="BU27" s="71">
        <v>5</v>
      </c>
      <c r="BV27" s="71">
        <v>3</v>
      </c>
      <c r="BW27" s="71">
        <v>8</v>
      </c>
      <c r="BX27" s="71">
        <v>3</v>
      </c>
      <c r="BY27" s="72">
        <v>25</v>
      </c>
      <c r="BZ27" s="73">
        <v>34</v>
      </c>
      <c r="CA27" s="70">
        <v>0</v>
      </c>
      <c r="CB27" s="71">
        <v>0</v>
      </c>
      <c r="CC27" s="72">
        <v>0</v>
      </c>
      <c r="CD27" s="244"/>
      <c r="CE27" s="71">
        <v>0</v>
      </c>
      <c r="CF27" s="71">
        <v>0</v>
      </c>
      <c r="CG27" s="71">
        <v>0</v>
      </c>
      <c r="CH27" s="71">
        <v>0</v>
      </c>
      <c r="CI27" s="71">
        <v>0</v>
      </c>
      <c r="CJ27" s="72">
        <v>0</v>
      </c>
      <c r="CK27" s="73">
        <v>0</v>
      </c>
      <c r="CL27" s="70">
        <v>22</v>
      </c>
      <c r="CM27" s="71">
        <v>16</v>
      </c>
      <c r="CN27" s="72">
        <v>38</v>
      </c>
      <c r="CO27" s="244"/>
      <c r="CP27" s="71">
        <v>31</v>
      </c>
      <c r="CQ27" s="71">
        <v>20</v>
      </c>
      <c r="CR27" s="71">
        <v>14</v>
      </c>
      <c r="CS27" s="71">
        <v>18</v>
      </c>
      <c r="CT27" s="71">
        <v>11</v>
      </c>
      <c r="CU27" s="72">
        <v>94</v>
      </c>
      <c r="CV27" s="73">
        <v>132</v>
      </c>
      <c r="CW27" s="123">
        <v>9</v>
      </c>
      <c r="CX27" s="82">
        <v>4</v>
      </c>
      <c r="CY27" s="83">
        <v>13</v>
      </c>
      <c r="CZ27" s="241"/>
      <c r="DA27" s="82">
        <v>8</v>
      </c>
      <c r="DB27" s="82">
        <v>9</v>
      </c>
      <c r="DC27" s="82">
        <v>4</v>
      </c>
      <c r="DD27" s="82">
        <v>3</v>
      </c>
      <c r="DE27" s="82">
        <v>3</v>
      </c>
      <c r="DF27" s="84">
        <v>27</v>
      </c>
      <c r="DG27" s="85">
        <v>40</v>
      </c>
      <c r="DH27" s="70">
        <v>0</v>
      </c>
      <c r="DI27" s="71">
        <v>0</v>
      </c>
      <c r="DJ27" s="72">
        <v>0</v>
      </c>
      <c r="DK27" s="244"/>
      <c r="DL27" s="71">
        <v>0</v>
      </c>
      <c r="DM27" s="71">
        <v>0</v>
      </c>
      <c r="DN27" s="71">
        <v>0</v>
      </c>
      <c r="DO27" s="71">
        <v>0</v>
      </c>
      <c r="DP27" s="71">
        <v>0</v>
      </c>
      <c r="DQ27" s="72">
        <v>0</v>
      </c>
      <c r="DR27" s="73">
        <v>0</v>
      </c>
      <c r="DS27" s="70">
        <v>0</v>
      </c>
      <c r="DT27" s="71">
        <v>0</v>
      </c>
      <c r="DU27" s="72">
        <v>0</v>
      </c>
      <c r="DV27" s="244"/>
      <c r="DW27" s="71">
        <v>1</v>
      </c>
      <c r="DX27" s="71">
        <v>0</v>
      </c>
      <c r="DY27" s="71">
        <v>0</v>
      </c>
      <c r="DZ27" s="71">
        <v>1</v>
      </c>
      <c r="EA27" s="71">
        <v>1</v>
      </c>
      <c r="EB27" s="72">
        <v>3</v>
      </c>
      <c r="EC27" s="73">
        <v>3</v>
      </c>
      <c r="ED27" s="70">
        <v>1</v>
      </c>
      <c r="EE27" s="71">
        <v>0</v>
      </c>
      <c r="EF27" s="72">
        <v>1</v>
      </c>
      <c r="EG27" s="244"/>
      <c r="EH27" s="71">
        <v>1</v>
      </c>
      <c r="EI27" s="71">
        <v>1</v>
      </c>
      <c r="EJ27" s="71">
        <v>0</v>
      </c>
      <c r="EK27" s="71">
        <v>0</v>
      </c>
      <c r="EL27" s="71">
        <v>0</v>
      </c>
      <c r="EM27" s="72">
        <v>2</v>
      </c>
      <c r="EN27" s="73">
        <v>3</v>
      </c>
      <c r="EO27" s="70">
        <v>1</v>
      </c>
      <c r="EP27" s="71">
        <v>2</v>
      </c>
      <c r="EQ27" s="72">
        <v>3</v>
      </c>
      <c r="ER27" s="244"/>
      <c r="ES27" s="71">
        <v>1</v>
      </c>
      <c r="ET27" s="71">
        <v>1</v>
      </c>
      <c r="EU27" s="71">
        <v>3</v>
      </c>
      <c r="EV27" s="71">
        <v>0</v>
      </c>
      <c r="EW27" s="71">
        <v>0</v>
      </c>
      <c r="EX27" s="72">
        <v>5</v>
      </c>
      <c r="EY27" s="73">
        <v>8</v>
      </c>
      <c r="EZ27" s="70">
        <v>5</v>
      </c>
      <c r="FA27" s="71">
        <v>1</v>
      </c>
      <c r="FB27" s="72">
        <v>6</v>
      </c>
      <c r="FC27" s="244"/>
      <c r="FD27" s="71">
        <v>3</v>
      </c>
      <c r="FE27" s="71">
        <v>4</v>
      </c>
      <c r="FF27" s="71">
        <v>1</v>
      </c>
      <c r="FG27" s="71">
        <v>1</v>
      </c>
      <c r="FH27" s="71">
        <v>2</v>
      </c>
      <c r="FI27" s="72">
        <v>11</v>
      </c>
      <c r="FJ27" s="73">
        <v>17</v>
      </c>
      <c r="FK27" s="70">
        <v>2</v>
      </c>
      <c r="FL27" s="71">
        <v>1</v>
      </c>
      <c r="FM27" s="72">
        <v>3</v>
      </c>
      <c r="FN27" s="244"/>
      <c r="FO27" s="71">
        <v>2</v>
      </c>
      <c r="FP27" s="71">
        <v>3</v>
      </c>
      <c r="FQ27" s="71">
        <v>0</v>
      </c>
      <c r="FR27" s="71">
        <v>1</v>
      </c>
      <c r="FS27" s="71">
        <v>0</v>
      </c>
      <c r="FT27" s="72">
        <v>6</v>
      </c>
      <c r="FU27" s="73">
        <v>9</v>
      </c>
      <c r="FV27" s="70">
        <v>0</v>
      </c>
      <c r="FW27" s="71">
        <v>0</v>
      </c>
      <c r="FX27" s="72">
        <v>0</v>
      </c>
      <c r="FY27" s="244"/>
      <c r="FZ27" s="71">
        <v>0</v>
      </c>
      <c r="GA27" s="71">
        <v>0</v>
      </c>
      <c r="GB27" s="71">
        <v>0</v>
      </c>
      <c r="GC27" s="71">
        <v>0</v>
      </c>
      <c r="GD27" s="71">
        <v>0</v>
      </c>
      <c r="GE27" s="72">
        <v>0</v>
      </c>
      <c r="GF27" s="73">
        <v>0</v>
      </c>
      <c r="GG27" s="70">
        <v>9</v>
      </c>
      <c r="GH27" s="71">
        <v>4</v>
      </c>
      <c r="GI27" s="72">
        <v>13</v>
      </c>
      <c r="GJ27" s="244"/>
      <c r="GK27" s="71">
        <v>8</v>
      </c>
      <c r="GL27" s="71">
        <v>9</v>
      </c>
      <c r="GM27" s="71">
        <v>4</v>
      </c>
      <c r="GN27" s="71">
        <v>3</v>
      </c>
      <c r="GO27" s="71">
        <v>3</v>
      </c>
      <c r="GP27" s="72">
        <v>27</v>
      </c>
      <c r="GQ27" s="73">
        <v>40</v>
      </c>
      <c r="GR27" s="123">
        <v>31</v>
      </c>
      <c r="GS27" s="82">
        <v>20</v>
      </c>
      <c r="GT27" s="83">
        <v>51</v>
      </c>
      <c r="GU27" s="241"/>
      <c r="GV27" s="82">
        <v>39</v>
      </c>
      <c r="GW27" s="82">
        <v>29</v>
      </c>
      <c r="GX27" s="82">
        <v>18</v>
      </c>
      <c r="GY27" s="82">
        <v>21</v>
      </c>
      <c r="GZ27" s="82">
        <v>14</v>
      </c>
      <c r="HA27" s="84">
        <v>121</v>
      </c>
      <c r="HB27" s="85">
        <v>172</v>
      </c>
      <c r="HC27" s="70">
        <v>0</v>
      </c>
      <c r="HD27" s="71">
        <v>0</v>
      </c>
      <c r="HE27" s="72">
        <v>0</v>
      </c>
      <c r="HF27" s="241"/>
      <c r="HG27" s="71">
        <v>0</v>
      </c>
      <c r="HH27" s="71">
        <v>0</v>
      </c>
      <c r="HI27" s="71">
        <v>0</v>
      </c>
      <c r="HJ27" s="71">
        <v>0</v>
      </c>
      <c r="HK27" s="71">
        <v>1</v>
      </c>
      <c r="HL27" s="72">
        <v>1</v>
      </c>
      <c r="HM27" s="73">
        <v>1</v>
      </c>
      <c r="HN27" s="70">
        <v>0</v>
      </c>
      <c r="HO27" s="71">
        <v>0</v>
      </c>
      <c r="HP27" s="72">
        <v>0</v>
      </c>
      <c r="HQ27" s="241"/>
      <c r="HR27" s="71">
        <v>2</v>
      </c>
      <c r="HS27" s="71">
        <v>0</v>
      </c>
      <c r="HT27" s="71">
        <v>3</v>
      </c>
      <c r="HU27" s="71">
        <v>1</v>
      </c>
      <c r="HV27" s="71">
        <v>1</v>
      </c>
      <c r="HW27" s="72">
        <v>7</v>
      </c>
      <c r="HX27" s="73">
        <v>7</v>
      </c>
      <c r="HY27" s="70">
        <v>2</v>
      </c>
      <c r="HZ27" s="71">
        <v>0</v>
      </c>
      <c r="IA27" s="72">
        <v>2</v>
      </c>
      <c r="IB27" s="244"/>
      <c r="IC27" s="71">
        <v>4</v>
      </c>
      <c r="ID27" s="71">
        <v>3</v>
      </c>
      <c r="IE27" s="71">
        <v>1</v>
      </c>
      <c r="IF27" s="71">
        <v>2</v>
      </c>
      <c r="IG27" s="71">
        <v>1</v>
      </c>
      <c r="IH27" s="72">
        <v>11</v>
      </c>
      <c r="II27" s="73">
        <v>13</v>
      </c>
      <c r="IJ27" s="70">
        <v>9</v>
      </c>
      <c r="IK27" s="71">
        <v>8</v>
      </c>
      <c r="IL27" s="72">
        <v>17</v>
      </c>
      <c r="IM27" s="244"/>
      <c r="IN27" s="71">
        <v>10</v>
      </c>
      <c r="IO27" s="71">
        <v>7</v>
      </c>
      <c r="IP27" s="71">
        <v>7</v>
      </c>
      <c r="IQ27" s="71">
        <v>5</v>
      </c>
      <c r="IR27" s="71">
        <v>1</v>
      </c>
      <c r="IS27" s="72">
        <v>30</v>
      </c>
      <c r="IT27" s="73">
        <v>47</v>
      </c>
      <c r="IU27" s="70">
        <v>15</v>
      </c>
      <c r="IV27" s="71">
        <v>5</v>
      </c>
      <c r="IW27" s="72">
        <v>20</v>
      </c>
      <c r="IX27" s="244"/>
      <c r="IY27" s="71">
        <v>15</v>
      </c>
      <c r="IZ27" s="71">
        <v>11</v>
      </c>
      <c r="JA27" s="71">
        <v>4</v>
      </c>
      <c r="JB27" s="71">
        <v>4</v>
      </c>
      <c r="JC27" s="71">
        <v>7</v>
      </c>
      <c r="JD27" s="72">
        <v>41</v>
      </c>
      <c r="JE27" s="73">
        <v>61</v>
      </c>
      <c r="JF27" s="70">
        <v>5</v>
      </c>
      <c r="JG27" s="71">
        <v>7</v>
      </c>
      <c r="JH27" s="72">
        <v>12</v>
      </c>
      <c r="JI27" s="244"/>
      <c r="JJ27" s="71">
        <v>8</v>
      </c>
      <c r="JK27" s="71">
        <v>8</v>
      </c>
      <c r="JL27" s="71">
        <v>3</v>
      </c>
      <c r="JM27" s="71">
        <v>9</v>
      </c>
      <c r="JN27" s="71">
        <v>3</v>
      </c>
      <c r="JO27" s="72">
        <v>31</v>
      </c>
      <c r="JP27" s="73">
        <v>43</v>
      </c>
      <c r="JQ27" s="70">
        <v>0</v>
      </c>
      <c r="JR27" s="71">
        <v>0</v>
      </c>
      <c r="JS27" s="72">
        <v>0</v>
      </c>
      <c r="JT27" s="244"/>
      <c r="JU27" s="71">
        <v>0</v>
      </c>
      <c r="JV27" s="71">
        <v>0</v>
      </c>
      <c r="JW27" s="71">
        <v>0</v>
      </c>
      <c r="JX27" s="71">
        <v>0</v>
      </c>
      <c r="JY27" s="71">
        <v>0</v>
      </c>
      <c r="JZ27" s="72">
        <v>0</v>
      </c>
      <c r="KA27" s="73">
        <v>0</v>
      </c>
      <c r="KB27" s="70">
        <v>31</v>
      </c>
      <c r="KC27" s="71">
        <v>20</v>
      </c>
      <c r="KD27" s="72">
        <v>51</v>
      </c>
      <c r="KE27" s="244"/>
      <c r="KF27" s="71">
        <v>39</v>
      </c>
      <c r="KG27" s="71">
        <v>29</v>
      </c>
      <c r="KH27" s="71">
        <v>18</v>
      </c>
      <c r="KI27" s="71">
        <v>21</v>
      </c>
      <c r="KJ27" s="71">
        <v>14</v>
      </c>
      <c r="KK27" s="72">
        <v>121</v>
      </c>
      <c r="KL27" s="73">
        <v>172</v>
      </c>
    </row>
    <row r="28" spans="1:298" ht="19.5" customHeight="1" x14ac:dyDescent="0.2">
      <c r="A28" s="126" t="s">
        <v>25</v>
      </c>
      <c r="B28" s="316">
        <v>7</v>
      </c>
      <c r="C28" s="82">
        <v>11</v>
      </c>
      <c r="D28" s="83">
        <v>18</v>
      </c>
      <c r="E28" s="241"/>
      <c r="F28" s="82">
        <v>13</v>
      </c>
      <c r="G28" s="82">
        <v>9</v>
      </c>
      <c r="H28" s="82">
        <v>7</v>
      </c>
      <c r="I28" s="82">
        <v>5</v>
      </c>
      <c r="J28" s="82">
        <v>5</v>
      </c>
      <c r="K28" s="84">
        <v>39</v>
      </c>
      <c r="L28" s="85">
        <v>57</v>
      </c>
      <c r="M28" s="70">
        <v>0</v>
      </c>
      <c r="N28" s="71">
        <v>1</v>
      </c>
      <c r="O28" s="72">
        <v>1</v>
      </c>
      <c r="P28" s="244"/>
      <c r="Q28" s="71">
        <v>0</v>
      </c>
      <c r="R28" s="71">
        <v>1</v>
      </c>
      <c r="S28" s="71">
        <v>0</v>
      </c>
      <c r="T28" s="71">
        <v>0</v>
      </c>
      <c r="U28" s="71">
        <v>1</v>
      </c>
      <c r="V28" s="72">
        <v>2</v>
      </c>
      <c r="W28" s="73">
        <v>3</v>
      </c>
      <c r="X28" s="70">
        <v>0</v>
      </c>
      <c r="Y28" s="71">
        <v>1</v>
      </c>
      <c r="Z28" s="72">
        <v>1</v>
      </c>
      <c r="AA28" s="244"/>
      <c r="AB28" s="71">
        <v>1</v>
      </c>
      <c r="AC28" s="71">
        <v>1</v>
      </c>
      <c r="AD28" s="71">
        <v>0</v>
      </c>
      <c r="AE28" s="71">
        <v>1</v>
      </c>
      <c r="AF28" s="71">
        <v>0</v>
      </c>
      <c r="AG28" s="72">
        <v>3</v>
      </c>
      <c r="AH28" s="73">
        <v>4</v>
      </c>
      <c r="AI28" s="70">
        <v>2</v>
      </c>
      <c r="AJ28" s="71">
        <v>3</v>
      </c>
      <c r="AK28" s="72">
        <v>5</v>
      </c>
      <c r="AL28" s="244"/>
      <c r="AM28" s="71">
        <v>2</v>
      </c>
      <c r="AN28" s="71">
        <v>1</v>
      </c>
      <c r="AO28" s="71">
        <v>0</v>
      </c>
      <c r="AP28" s="71">
        <v>1</v>
      </c>
      <c r="AQ28" s="71">
        <v>0</v>
      </c>
      <c r="AR28" s="72">
        <v>4</v>
      </c>
      <c r="AS28" s="73">
        <v>9</v>
      </c>
      <c r="AT28" s="70">
        <v>2</v>
      </c>
      <c r="AU28" s="71">
        <v>1</v>
      </c>
      <c r="AV28" s="72">
        <v>3</v>
      </c>
      <c r="AW28" s="244"/>
      <c r="AX28" s="71">
        <v>2</v>
      </c>
      <c r="AY28" s="71">
        <v>1</v>
      </c>
      <c r="AZ28" s="71">
        <v>5</v>
      </c>
      <c r="BA28" s="71">
        <v>1</v>
      </c>
      <c r="BB28" s="71">
        <v>0</v>
      </c>
      <c r="BC28" s="72">
        <v>9</v>
      </c>
      <c r="BD28" s="73">
        <v>12</v>
      </c>
      <c r="BE28" s="70">
        <v>2</v>
      </c>
      <c r="BF28" s="71">
        <v>3</v>
      </c>
      <c r="BG28" s="72">
        <v>5</v>
      </c>
      <c r="BH28" s="244"/>
      <c r="BI28" s="71">
        <v>6</v>
      </c>
      <c r="BJ28" s="71">
        <v>1</v>
      </c>
      <c r="BK28" s="71">
        <v>2</v>
      </c>
      <c r="BL28" s="71">
        <v>0</v>
      </c>
      <c r="BM28" s="71">
        <v>4</v>
      </c>
      <c r="BN28" s="72">
        <v>13</v>
      </c>
      <c r="BO28" s="73">
        <v>18</v>
      </c>
      <c r="BP28" s="70">
        <v>1</v>
      </c>
      <c r="BQ28" s="71">
        <v>2</v>
      </c>
      <c r="BR28" s="72">
        <v>3</v>
      </c>
      <c r="BS28" s="244"/>
      <c r="BT28" s="71">
        <v>2</v>
      </c>
      <c r="BU28" s="71">
        <v>4</v>
      </c>
      <c r="BV28" s="71">
        <v>0</v>
      </c>
      <c r="BW28" s="71">
        <v>2</v>
      </c>
      <c r="BX28" s="71">
        <v>0</v>
      </c>
      <c r="BY28" s="72">
        <v>8</v>
      </c>
      <c r="BZ28" s="73">
        <v>11</v>
      </c>
      <c r="CA28" s="70">
        <v>0</v>
      </c>
      <c r="CB28" s="71">
        <v>0</v>
      </c>
      <c r="CC28" s="72">
        <v>0</v>
      </c>
      <c r="CD28" s="244"/>
      <c r="CE28" s="71">
        <v>0</v>
      </c>
      <c r="CF28" s="71">
        <v>0</v>
      </c>
      <c r="CG28" s="71">
        <v>0</v>
      </c>
      <c r="CH28" s="71">
        <v>0</v>
      </c>
      <c r="CI28" s="71">
        <v>0</v>
      </c>
      <c r="CJ28" s="72">
        <v>0</v>
      </c>
      <c r="CK28" s="73">
        <v>0</v>
      </c>
      <c r="CL28" s="70">
        <v>7</v>
      </c>
      <c r="CM28" s="71">
        <v>11</v>
      </c>
      <c r="CN28" s="72">
        <v>18</v>
      </c>
      <c r="CO28" s="244"/>
      <c r="CP28" s="71">
        <v>13</v>
      </c>
      <c r="CQ28" s="71">
        <v>9</v>
      </c>
      <c r="CR28" s="71">
        <v>7</v>
      </c>
      <c r="CS28" s="71">
        <v>5</v>
      </c>
      <c r="CT28" s="71">
        <v>5</v>
      </c>
      <c r="CU28" s="72">
        <v>39</v>
      </c>
      <c r="CV28" s="73">
        <v>57</v>
      </c>
      <c r="CW28" s="123">
        <v>4</v>
      </c>
      <c r="CX28" s="82">
        <v>8</v>
      </c>
      <c r="CY28" s="83">
        <v>12</v>
      </c>
      <c r="CZ28" s="241"/>
      <c r="DA28" s="82">
        <v>12</v>
      </c>
      <c r="DB28" s="82">
        <v>5</v>
      </c>
      <c r="DC28" s="82">
        <v>2</v>
      </c>
      <c r="DD28" s="82">
        <v>7</v>
      </c>
      <c r="DE28" s="82">
        <v>2</v>
      </c>
      <c r="DF28" s="84">
        <v>28</v>
      </c>
      <c r="DG28" s="85">
        <v>40</v>
      </c>
      <c r="DH28" s="70">
        <v>0</v>
      </c>
      <c r="DI28" s="71">
        <v>0</v>
      </c>
      <c r="DJ28" s="72">
        <v>0</v>
      </c>
      <c r="DK28" s="244"/>
      <c r="DL28" s="71">
        <v>0</v>
      </c>
      <c r="DM28" s="71">
        <v>0</v>
      </c>
      <c r="DN28" s="71">
        <v>0</v>
      </c>
      <c r="DO28" s="71">
        <v>0</v>
      </c>
      <c r="DP28" s="71">
        <v>0</v>
      </c>
      <c r="DQ28" s="72">
        <v>0</v>
      </c>
      <c r="DR28" s="73">
        <v>0</v>
      </c>
      <c r="DS28" s="70">
        <v>0</v>
      </c>
      <c r="DT28" s="71">
        <v>0</v>
      </c>
      <c r="DU28" s="72">
        <v>0</v>
      </c>
      <c r="DV28" s="244"/>
      <c r="DW28" s="71">
        <v>1</v>
      </c>
      <c r="DX28" s="71">
        <v>0</v>
      </c>
      <c r="DY28" s="71">
        <v>0</v>
      </c>
      <c r="DZ28" s="71">
        <v>0</v>
      </c>
      <c r="EA28" s="71">
        <v>1</v>
      </c>
      <c r="EB28" s="72">
        <v>2</v>
      </c>
      <c r="EC28" s="73">
        <v>2</v>
      </c>
      <c r="ED28" s="70">
        <v>1</v>
      </c>
      <c r="EE28" s="71">
        <v>2</v>
      </c>
      <c r="EF28" s="72">
        <v>3</v>
      </c>
      <c r="EG28" s="244"/>
      <c r="EH28" s="71">
        <v>1</v>
      </c>
      <c r="EI28" s="71">
        <v>1</v>
      </c>
      <c r="EJ28" s="71">
        <v>0</v>
      </c>
      <c r="EK28" s="71">
        <v>1</v>
      </c>
      <c r="EL28" s="71">
        <v>0</v>
      </c>
      <c r="EM28" s="72">
        <v>3</v>
      </c>
      <c r="EN28" s="73">
        <v>6</v>
      </c>
      <c r="EO28" s="70">
        <v>0</v>
      </c>
      <c r="EP28" s="71">
        <v>1</v>
      </c>
      <c r="EQ28" s="72">
        <v>1</v>
      </c>
      <c r="ER28" s="244"/>
      <c r="ES28" s="71">
        <v>0</v>
      </c>
      <c r="ET28" s="71">
        <v>0</v>
      </c>
      <c r="EU28" s="71">
        <v>0</v>
      </c>
      <c r="EV28" s="71">
        <v>3</v>
      </c>
      <c r="EW28" s="71">
        <v>1</v>
      </c>
      <c r="EX28" s="72">
        <v>4</v>
      </c>
      <c r="EY28" s="73">
        <v>5</v>
      </c>
      <c r="EZ28" s="70">
        <v>1</v>
      </c>
      <c r="FA28" s="71">
        <v>3</v>
      </c>
      <c r="FB28" s="72">
        <v>4</v>
      </c>
      <c r="FC28" s="244"/>
      <c r="FD28" s="71">
        <v>5</v>
      </c>
      <c r="FE28" s="71">
        <v>0</v>
      </c>
      <c r="FF28" s="71">
        <v>1</v>
      </c>
      <c r="FG28" s="71">
        <v>2</v>
      </c>
      <c r="FH28" s="71">
        <v>0</v>
      </c>
      <c r="FI28" s="72">
        <v>8</v>
      </c>
      <c r="FJ28" s="73">
        <v>12</v>
      </c>
      <c r="FK28" s="70">
        <v>2</v>
      </c>
      <c r="FL28" s="71">
        <v>2</v>
      </c>
      <c r="FM28" s="72">
        <v>4</v>
      </c>
      <c r="FN28" s="244"/>
      <c r="FO28" s="71">
        <v>5</v>
      </c>
      <c r="FP28" s="71">
        <v>4</v>
      </c>
      <c r="FQ28" s="71">
        <v>1</v>
      </c>
      <c r="FR28" s="71">
        <v>1</v>
      </c>
      <c r="FS28" s="71">
        <v>0</v>
      </c>
      <c r="FT28" s="72">
        <v>11</v>
      </c>
      <c r="FU28" s="73">
        <v>15</v>
      </c>
      <c r="FV28" s="70">
        <v>0</v>
      </c>
      <c r="FW28" s="71">
        <v>0</v>
      </c>
      <c r="FX28" s="72">
        <v>0</v>
      </c>
      <c r="FY28" s="244"/>
      <c r="FZ28" s="71">
        <v>0</v>
      </c>
      <c r="GA28" s="71">
        <v>0</v>
      </c>
      <c r="GB28" s="71">
        <v>0</v>
      </c>
      <c r="GC28" s="71">
        <v>0</v>
      </c>
      <c r="GD28" s="71">
        <v>0</v>
      </c>
      <c r="GE28" s="72">
        <v>0</v>
      </c>
      <c r="GF28" s="73">
        <v>0</v>
      </c>
      <c r="GG28" s="70">
        <v>4</v>
      </c>
      <c r="GH28" s="71">
        <v>8</v>
      </c>
      <c r="GI28" s="72">
        <v>12</v>
      </c>
      <c r="GJ28" s="244"/>
      <c r="GK28" s="71">
        <v>12</v>
      </c>
      <c r="GL28" s="71">
        <v>5</v>
      </c>
      <c r="GM28" s="71">
        <v>2</v>
      </c>
      <c r="GN28" s="71">
        <v>7</v>
      </c>
      <c r="GO28" s="71">
        <v>2</v>
      </c>
      <c r="GP28" s="72">
        <v>28</v>
      </c>
      <c r="GQ28" s="73">
        <v>40</v>
      </c>
      <c r="GR28" s="123">
        <v>11</v>
      </c>
      <c r="GS28" s="82">
        <v>19</v>
      </c>
      <c r="GT28" s="83">
        <v>30</v>
      </c>
      <c r="GU28" s="241"/>
      <c r="GV28" s="82">
        <v>25</v>
      </c>
      <c r="GW28" s="82">
        <v>14</v>
      </c>
      <c r="GX28" s="82">
        <v>9</v>
      </c>
      <c r="GY28" s="82">
        <v>12</v>
      </c>
      <c r="GZ28" s="82">
        <v>7</v>
      </c>
      <c r="HA28" s="84">
        <v>67</v>
      </c>
      <c r="HB28" s="85">
        <v>97</v>
      </c>
      <c r="HC28" s="70">
        <v>0</v>
      </c>
      <c r="HD28" s="71">
        <v>1</v>
      </c>
      <c r="HE28" s="72">
        <v>1</v>
      </c>
      <c r="HF28" s="241"/>
      <c r="HG28" s="71">
        <v>0</v>
      </c>
      <c r="HH28" s="71">
        <v>1</v>
      </c>
      <c r="HI28" s="71">
        <v>0</v>
      </c>
      <c r="HJ28" s="71">
        <v>0</v>
      </c>
      <c r="HK28" s="71">
        <v>1</v>
      </c>
      <c r="HL28" s="72">
        <v>2</v>
      </c>
      <c r="HM28" s="73">
        <v>3</v>
      </c>
      <c r="HN28" s="70">
        <v>0</v>
      </c>
      <c r="HO28" s="71">
        <v>1</v>
      </c>
      <c r="HP28" s="72">
        <v>1</v>
      </c>
      <c r="HQ28" s="241"/>
      <c r="HR28" s="71">
        <v>2</v>
      </c>
      <c r="HS28" s="71">
        <v>1</v>
      </c>
      <c r="HT28" s="71">
        <v>0</v>
      </c>
      <c r="HU28" s="71">
        <v>1</v>
      </c>
      <c r="HV28" s="71">
        <v>1</v>
      </c>
      <c r="HW28" s="72">
        <v>5</v>
      </c>
      <c r="HX28" s="73">
        <v>6</v>
      </c>
      <c r="HY28" s="70">
        <v>3</v>
      </c>
      <c r="HZ28" s="71">
        <v>5</v>
      </c>
      <c r="IA28" s="72">
        <v>8</v>
      </c>
      <c r="IB28" s="244"/>
      <c r="IC28" s="71">
        <v>3</v>
      </c>
      <c r="ID28" s="71">
        <v>2</v>
      </c>
      <c r="IE28" s="71">
        <v>0</v>
      </c>
      <c r="IF28" s="71">
        <v>2</v>
      </c>
      <c r="IG28" s="71">
        <v>0</v>
      </c>
      <c r="IH28" s="72">
        <v>7</v>
      </c>
      <c r="II28" s="73">
        <v>15</v>
      </c>
      <c r="IJ28" s="70">
        <v>2</v>
      </c>
      <c r="IK28" s="71">
        <v>2</v>
      </c>
      <c r="IL28" s="72">
        <v>4</v>
      </c>
      <c r="IM28" s="244"/>
      <c r="IN28" s="71">
        <v>2</v>
      </c>
      <c r="IO28" s="71">
        <v>1</v>
      </c>
      <c r="IP28" s="71">
        <v>5</v>
      </c>
      <c r="IQ28" s="71">
        <v>4</v>
      </c>
      <c r="IR28" s="71">
        <v>1</v>
      </c>
      <c r="IS28" s="72">
        <v>13</v>
      </c>
      <c r="IT28" s="73">
        <v>17</v>
      </c>
      <c r="IU28" s="70">
        <v>3</v>
      </c>
      <c r="IV28" s="71">
        <v>6</v>
      </c>
      <c r="IW28" s="72">
        <v>9</v>
      </c>
      <c r="IX28" s="244"/>
      <c r="IY28" s="71">
        <v>11</v>
      </c>
      <c r="IZ28" s="71">
        <v>1</v>
      </c>
      <c r="JA28" s="71">
        <v>3</v>
      </c>
      <c r="JB28" s="71">
        <v>2</v>
      </c>
      <c r="JC28" s="71">
        <v>4</v>
      </c>
      <c r="JD28" s="72">
        <v>21</v>
      </c>
      <c r="JE28" s="73">
        <v>30</v>
      </c>
      <c r="JF28" s="70">
        <v>3</v>
      </c>
      <c r="JG28" s="71">
        <v>4</v>
      </c>
      <c r="JH28" s="72">
        <v>7</v>
      </c>
      <c r="JI28" s="244"/>
      <c r="JJ28" s="71">
        <v>7</v>
      </c>
      <c r="JK28" s="71">
        <v>8</v>
      </c>
      <c r="JL28" s="71">
        <v>1</v>
      </c>
      <c r="JM28" s="71">
        <v>3</v>
      </c>
      <c r="JN28" s="71">
        <v>0</v>
      </c>
      <c r="JO28" s="72">
        <v>19</v>
      </c>
      <c r="JP28" s="73">
        <v>26</v>
      </c>
      <c r="JQ28" s="70">
        <v>0</v>
      </c>
      <c r="JR28" s="71">
        <v>0</v>
      </c>
      <c r="JS28" s="72">
        <v>0</v>
      </c>
      <c r="JT28" s="244"/>
      <c r="JU28" s="71">
        <v>0</v>
      </c>
      <c r="JV28" s="71">
        <v>0</v>
      </c>
      <c r="JW28" s="71">
        <v>0</v>
      </c>
      <c r="JX28" s="71">
        <v>0</v>
      </c>
      <c r="JY28" s="71">
        <v>0</v>
      </c>
      <c r="JZ28" s="72">
        <v>0</v>
      </c>
      <c r="KA28" s="73">
        <v>0</v>
      </c>
      <c r="KB28" s="70">
        <v>11</v>
      </c>
      <c r="KC28" s="71">
        <v>19</v>
      </c>
      <c r="KD28" s="72">
        <v>30</v>
      </c>
      <c r="KE28" s="244"/>
      <c r="KF28" s="71">
        <v>25</v>
      </c>
      <c r="KG28" s="71">
        <v>14</v>
      </c>
      <c r="KH28" s="71">
        <v>9</v>
      </c>
      <c r="KI28" s="71">
        <v>12</v>
      </c>
      <c r="KJ28" s="71">
        <v>7</v>
      </c>
      <c r="KK28" s="72">
        <v>67</v>
      </c>
      <c r="KL28" s="73">
        <v>97</v>
      </c>
    </row>
    <row r="29" spans="1:298" ht="19.5" customHeight="1" x14ac:dyDescent="0.2">
      <c r="A29" s="126" t="s">
        <v>26</v>
      </c>
      <c r="B29" s="316">
        <v>17</v>
      </c>
      <c r="C29" s="82">
        <v>10</v>
      </c>
      <c r="D29" s="83">
        <v>27</v>
      </c>
      <c r="E29" s="241"/>
      <c r="F29" s="82">
        <v>26</v>
      </c>
      <c r="G29" s="82">
        <v>15</v>
      </c>
      <c r="H29" s="82">
        <v>10</v>
      </c>
      <c r="I29" s="82">
        <v>6</v>
      </c>
      <c r="J29" s="82">
        <v>4</v>
      </c>
      <c r="K29" s="84">
        <v>61</v>
      </c>
      <c r="L29" s="85">
        <v>88</v>
      </c>
      <c r="M29" s="70">
        <v>1</v>
      </c>
      <c r="N29" s="71">
        <v>0</v>
      </c>
      <c r="O29" s="72">
        <v>1</v>
      </c>
      <c r="P29" s="244"/>
      <c r="Q29" s="71">
        <v>1</v>
      </c>
      <c r="R29" s="71">
        <v>0</v>
      </c>
      <c r="S29" s="71">
        <v>0</v>
      </c>
      <c r="T29" s="71">
        <v>0</v>
      </c>
      <c r="U29" s="71">
        <v>0</v>
      </c>
      <c r="V29" s="72">
        <v>1</v>
      </c>
      <c r="W29" s="73">
        <v>2</v>
      </c>
      <c r="X29" s="70">
        <v>2</v>
      </c>
      <c r="Y29" s="71">
        <v>0</v>
      </c>
      <c r="Z29" s="72">
        <v>2</v>
      </c>
      <c r="AA29" s="244"/>
      <c r="AB29" s="71">
        <v>2</v>
      </c>
      <c r="AC29" s="71">
        <v>1</v>
      </c>
      <c r="AD29" s="71">
        <v>2</v>
      </c>
      <c r="AE29" s="71">
        <v>0</v>
      </c>
      <c r="AF29" s="71">
        <v>0</v>
      </c>
      <c r="AG29" s="72">
        <v>5</v>
      </c>
      <c r="AH29" s="73">
        <v>7</v>
      </c>
      <c r="AI29" s="70">
        <v>2</v>
      </c>
      <c r="AJ29" s="71">
        <v>2</v>
      </c>
      <c r="AK29" s="72">
        <v>4</v>
      </c>
      <c r="AL29" s="244"/>
      <c r="AM29" s="71">
        <v>3</v>
      </c>
      <c r="AN29" s="71">
        <v>2</v>
      </c>
      <c r="AO29" s="71">
        <v>2</v>
      </c>
      <c r="AP29" s="71">
        <v>1</v>
      </c>
      <c r="AQ29" s="71">
        <v>0</v>
      </c>
      <c r="AR29" s="72">
        <v>8</v>
      </c>
      <c r="AS29" s="73">
        <v>12</v>
      </c>
      <c r="AT29" s="70">
        <v>3</v>
      </c>
      <c r="AU29" s="71">
        <v>1</v>
      </c>
      <c r="AV29" s="72">
        <v>4</v>
      </c>
      <c r="AW29" s="244"/>
      <c r="AX29" s="71">
        <v>7</v>
      </c>
      <c r="AY29" s="71">
        <v>3</v>
      </c>
      <c r="AZ29" s="71">
        <v>1</v>
      </c>
      <c r="BA29" s="71">
        <v>1</v>
      </c>
      <c r="BB29" s="71">
        <v>1</v>
      </c>
      <c r="BC29" s="72">
        <v>13</v>
      </c>
      <c r="BD29" s="73">
        <v>17</v>
      </c>
      <c r="BE29" s="70">
        <v>6</v>
      </c>
      <c r="BF29" s="71">
        <v>3</v>
      </c>
      <c r="BG29" s="72">
        <v>9</v>
      </c>
      <c r="BH29" s="244"/>
      <c r="BI29" s="71">
        <v>2</v>
      </c>
      <c r="BJ29" s="71">
        <v>5</v>
      </c>
      <c r="BK29" s="71">
        <v>1</v>
      </c>
      <c r="BL29" s="71">
        <v>1</v>
      </c>
      <c r="BM29" s="71">
        <v>2</v>
      </c>
      <c r="BN29" s="72">
        <v>11</v>
      </c>
      <c r="BO29" s="73">
        <v>20</v>
      </c>
      <c r="BP29" s="70">
        <v>3</v>
      </c>
      <c r="BQ29" s="71">
        <v>4</v>
      </c>
      <c r="BR29" s="72">
        <v>7</v>
      </c>
      <c r="BS29" s="244"/>
      <c r="BT29" s="71">
        <v>11</v>
      </c>
      <c r="BU29" s="71">
        <v>4</v>
      </c>
      <c r="BV29" s="71">
        <v>4</v>
      </c>
      <c r="BW29" s="71">
        <v>3</v>
      </c>
      <c r="BX29" s="71">
        <v>1</v>
      </c>
      <c r="BY29" s="72">
        <v>23</v>
      </c>
      <c r="BZ29" s="73">
        <v>30</v>
      </c>
      <c r="CA29" s="70">
        <v>0</v>
      </c>
      <c r="CB29" s="71">
        <v>0</v>
      </c>
      <c r="CC29" s="72">
        <v>0</v>
      </c>
      <c r="CD29" s="244"/>
      <c r="CE29" s="71">
        <v>0</v>
      </c>
      <c r="CF29" s="71">
        <v>0</v>
      </c>
      <c r="CG29" s="71">
        <v>0</v>
      </c>
      <c r="CH29" s="71">
        <v>0</v>
      </c>
      <c r="CI29" s="71">
        <v>0</v>
      </c>
      <c r="CJ29" s="72">
        <v>0</v>
      </c>
      <c r="CK29" s="73">
        <v>0</v>
      </c>
      <c r="CL29" s="70">
        <v>17</v>
      </c>
      <c r="CM29" s="71">
        <v>10</v>
      </c>
      <c r="CN29" s="72">
        <v>27</v>
      </c>
      <c r="CO29" s="244"/>
      <c r="CP29" s="71">
        <v>26</v>
      </c>
      <c r="CQ29" s="71">
        <v>15</v>
      </c>
      <c r="CR29" s="71">
        <v>10</v>
      </c>
      <c r="CS29" s="71">
        <v>6</v>
      </c>
      <c r="CT29" s="71">
        <v>4</v>
      </c>
      <c r="CU29" s="72">
        <v>61</v>
      </c>
      <c r="CV29" s="73">
        <v>88</v>
      </c>
      <c r="CW29" s="123">
        <v>6</v>
      </c>
      <c r="CX29" s="82">
        <v>4</v>
      </c>
      <c r="CY29" s="83">
        <v>10</v>
      </c>
      <c r="CZ29" s="241"/>
      <c r="DA29" s="82">
        <v>7</v>
      </c>
      <c r="DB29" s="82">
        <v>4</v>
      </c>
      <c r="DC29" s="82">
        <v>2</v>
      </c>
      <c r="DD29" s="82">
        <v>2</v>
      </c>
      <c r="DE29" s="82">
        <v>3</v>
      </c>
      <c r="DF29" s="84">
        <v>18</v>
      </c>
      <c r="DG29" s="85">
        <v>28</v>
      </c>
      <c r="DH29" s="70">
        <v>1</v>
      </c>
      <c r="DI29" s="71">
        <v>0</v>
      </c>
      <c r="DJ29" s="72">
        <v>1</v>
      </c>
      <c r="DK29" s="244"/>
      <c r="DL29" s="71">
        <v>0</v>
      </c>
      <c r="DM29" s="71">
        <v>0</v>
      </c>
      <c r="DN29" s="71">
        <v>0</v>
      </c>
      <c r="DO29" s="71">
        <v>0</v>
      </c>
      <c r="DP29" s="71">
        <v>0</v>
      </c>
      <c r="DQ29" s="72">
        <v>0</v>
      </c>
      <c r="DR29" s="73">
        <v>1</v>
      </c>
      <c r="DS29" s="70">
        <v>0</v>
      </c>
      <c r="DT29" s="71">
        <v>0</v>
      </c>
      <c r="DU29" s="72">
        <v>0</v>
      </c>
      <c r="DV29" s="244"/>
      <c r="DW29" s="71">
        <v>0</v>
      </c>
      <c r="DX29" s="71">
        <v>0</v>
      </c>
      <c r="DY29" s="71">
        <v>0</v>
      </c>
      <c r="DZ29" s="71">
        <v>0</v>
      </c>
      <c r="EA29" s="71">
        <v>0</v>
      </c>
      <c r="EB29" s="72">
        <v>0</v>
      </c>
      <c r="EC29" s="73">
        <v>0</v>
      </c>
      <c r="ED29" s="70">
        <v>2</v>
      </c>
      <c r="EE29" s="71">
        <v>0</v>
      </c>
      <c r="EF29" s="72">
        <v>2</v>
      </c>
      <c r="EG29" s="244"/>
      <c r="EH29" s="71">
        <v>1</v>
      </c>
      <c r="EI29" s="71">
        <v>1</v>
      </c>
      <c r="EJ29" s="71">
        <v>0</v>
      </c>
      <c r="EK29" s="71">
        <v>0</v>
      </c>
      <c r="EL29" s="71">
        <v>0</v>
      </c>
      <c r="EM29" s="72">
        <v>2</v>
      </c>
      <c r="EN29" s="73">
        <v>4</v>
      </c>
      <c r="EO29" s="70">
        <v>0</v>
      </c>
      <c r="EP29" s="71">
        <v>0</v>
      </c>
      <c r="EQ29" s="72">
        <v>0</v>
      </c>
      <c r="ER29" s="244"/>
      <c r="ES29" s="71">
        <v>1</v>
      </c>
      <c r="ET29" s="71">
        <v>1</v>
      </c>
      <c r="EU29" s="71">
        <v>0</v>
      </c>
      <c r="EV29" s="71">
        <v>0</v>
      </c>
      <c r="EW29" s="71">
        <v>0</v>
      </c>
      <c r="EX29" s="72">
        <v>2</v>
      </c>
      <c r="EY29" s="73">
        <v>2</v>
      </c>
      <c r="EZ29" s="70">
        <v>1</v>
      </c>
      <c r="FA29" s="71">
        <v>3</v>
      </c>
      <c r="FB29" s="72">
        <v>4</v>
      </c>
      <c r="FC29" s="244"/>
      <c r="FD29" s="71">
        <v>3</v>
      </c>
      <c r="FE29" s="71">
        <v>2</v>
      </c>
      <c r="FF29" s="71">
        <v>1</v>
      </c>
      <c r="FG29" s="71">
        <v>0</v>
      </c>
      <c r="FH29" s="71">
        <v>1</v>
      </c>
      <c r="FI29" s="72">
        <v>7</v>
      </c>
      <c r="FJ29" s="73">
        <v>11</v>
      </c>
      <c r="FK29" s="70">
        <v>2</v>
      </c>
      <c r="FL29" s="71">
        <v>1</v>
      </c>
      <c r="FM29" s="72">
        <v>3</v>
      </c>
      <c r="FN29" s="244"/>
      <c r="FO29" s="71">
        <v>2</v>
      </c>
      <c r="FP29" s="71">
        <v>0</v>
      </c>
      <c r="FQ29" s="71">
        <v>1</v>
      </c>
      <c r="FR29" s="71">
        <v>2</v>
      </c>
      <c r="FS29" s="71">
        <v>2</v>
      </c>
      <c r="FT29" s="72">
        <v>7</v>
      </c>
      <c r="FU29" s="73">
        <v>10</v>
      </c>
      <c r="FV29" s="70">
        <v>0</v>
      </c>
      <c r="FW29" s="71">
        <v>0</v>
      </c>
      <c r="FX29" s="72">
        <v>0</v>
      </c>
      <c r="FY29" s="244"/>
      <c r="FZ29" s="71">
        <v>0</v>
      </c>
      <c r="GA29" s="71">
        <v>0</v>
      </c>
      <c r="GB29" s="71">
        <v>0</v>
      </c>
      <c r="GC29" s="71">
        <v>0</v>
      </c>
      <c r="GD29" s="71">
        <v>0</v>
      </c>
      <c r="GE29" s="72">
        <v>0</v>
      </c>
      <c r="GF29" s="73">
        <v>0</v>
      </c>
      <c r="GG29" s="70">
        <v>6</v>
      </c>
      <c r="GH29" s="71">
        <v>4</v>
      </c>
      <c r="GI29" s="72">
        <v>10</v>
      </c>
      <c r="GJ29" s="244"/>
      <c r="GK29" s="71">
        <v>7</v>
      </c>
      <c r="GL29" s="71">
        <v>4</v>
      </c>
      <c r="GM29" s="71">
        <v>2</v>
      </c>
      <c r="GN29" s="71">
        <v>2</v>
      </c>
      <c r="GO29" s="71">
        <v>3</v>
      </c>
      <c r="GP29" s="72">
        <v>18</v>
      </c>
      <c r="GQ29" s="73">
        <v>28</v>
      </c>
      <c r="GR29" s="123">
        <v>23</v>
      </c>
      <c r="GS29" s="82">
        <v>14</v>
      </c>
      <c r="GT29" s="83">
        <v>37</v>
      </c>
      <c r="GU29" s="241"/>
      <c r="GV29" s="82">
        <v>33</v>
      </c>
      <c r="GW29" s="82">
        <v>19</v>
      </c>
      <c r="GX29" s="82">
        <v>12</v>
      </c>
      <c r="GY29" s="82">
        <v>8</v>
      </c>
      <c r="GZ29" s="82">
        <v>7</v>
      </c>
      <c r="HA29" s="84">
        <v>79</v>
      </c>
      <c r="HB29" s="85">
        <v>116</v>
      </c>
      <c r="HC29" s="70">
        <v>2</v>
      </c>
      <c r="HD29" s="71">
        <v>0</v>
      </c>
      <c r="HE29" s="72">
        <v>2</v>
      </c>
      <c r="HF29" s="241"/>
      <c r="HG29" s="71">
        <v>1</v>
      </c>
      <c r="HH29" s="71">
        <v>0</v>
      </c>
      <c r="HI29" s="71">
        <v>0</v>
      </c>
      <c r="HJ29" s="71">
        <v>0</v>
      </c>
      <c r="HK29" s="71">
        <v>0</v>
      </c>
      <c r="HL29" s="72">
        <v>1</v>
      </c>
      <c r="HM29" s="73">
        <v>3</v>
      </c>
      <c r="HN29" s="70">
        <v>2</v>
      </c>
      <c r="HO29" s="71">
        <v>0</v>
      </c>
      <c r="HP29" s="72">
        <v>2</v>
      </c>
      <c r="HQ29" s="241"/>
      <c r="HR29" s="71">
        <v>2</v>
      </c>
      <c r="HS29" s="71">
        <v>1</v>
      </c>
      <c r="HT29" s="71">
        <v>2</v>
      </c>
      <c r="HU29" s="71">
        <v>0</v>
      </c>
      <c r="HV29" s="71">
        <v>0</v>
      </c>
      <c r="HW29" s="72">
        <v>5</v>
      </c>
      <c r="HX29" s="73">
        <v>7</v>
      </c>
      <c r="HY29" s="70">
        <v>4</v>
      </c>
      <c r="HZ29" s="71">
        <v>2</v>
      </c>
      <c r="IA29" s="72">
        <v>6</v>
      </c>
      <c r="IB29" s="244"/>
      <c r="IC29" s="71">
        <v>4</v>
      </c>
      <c r="ID29" s="71">
        <v>3</v>
      </c>
      <c r="IE29" s="71">
        <v>2</v>
      </c>
      <c r="IF29" s="71">
        <v>1</v>
      </c>
      <c r="IG29" s="71">
        <v>0</v>
      </c>
      <c r="IH29" s="72">
        <v>10</v>
      </c>
      <c r="II29" s="73">
        <v>16</v>
      </c>
      <c r="IJ29" s="70">
        <v>3</v>
      </c>
      <c r="IK29" s="71">
        <v>1</v>
      </c>
      <c r="IL29" s="72">
        <v>4</v>
      </c>
      <c r="IM29" s="244"/>
      <c r="IN29" s="71">
        <v>8</v>
      </c>
      <c r="IO29" s="71">
        <v>4</v>
      </c>
      <c r="IP29" s="71">
        <v>1</v>
      </c>
      <c r="IQ29" s="71">
        <v>1</v>
      </c>
      <c r="IR29" s="71">
        <v>1</v>
      </c>
      <c r="IS29" s="72">
        <v>15</v>
      </c>
      <c r="IT29" s="73">
        <v>19</v>
      </c>
      <c r="IU29" s="70">
        <v>7</v>
      </c>
      <c r="IV29" s="71">
        <v>6</v>
      </c>
      <c r="IW29" s="72">
        <v>13</v>
      </c>
      <c r="IX29" s="244"/>
      <c r="IY29" s="71">
        <v>5</v>
      </c>
      <c r="IZ29" s="71">
        <v>7</v>
      </c>
      <c r="JA29" s="71">
        <v>2</v>
      </c>
      <c r="JB29" s="71">
        <v>1</v>
      </c>
      <c r="JC29" s="71">
        <v>3</v>
      </c>
      <c r="JD29" s="72">
        <v>18</v>
      </c>
      <c r="JE29" s="73">
        <v>31</v>
      </c>
      <c r="JF29" s="70">
        <v>5</v>
      </c>
      <c r="JG29" s="71">
        <v>5</v>
      </c>
      <c r="JH29" s="72">
        <v>10</v>
      </c>
      <c r="JI29" s="244"/>
      <c r="JJ29" s="71">
        <v>13</v>
      </c>
      <c r="JK29" s="71">
        <v>4</v>
      </c>
      <c r="JL29" s="71">
        <v>5</v>
      </c>
      <c r="JM29" s="71">
        <v>5</v>
      </c>
      <c r="JN29" s="71">
        <v>3</v>
      </c>
      <c r="JO29" s="72">
        <v>30</v>
      </c>
      <c r="JP29" s="73">
        <v>40</v>
      </c>
      <c r="JQ29" s="70">
        <v>0</v>
      </c>
      <c r="JR29" s="71">
        <v>0</v>
      </c>
      <c r="JS29" s="72">
        <v>0</v>
      </c>
      <c r="JT29" s="244"/>
      <c r="JU29" s="71">
        <v>0</v>
      </c>
      <c r="JV29" s="71">
        <v>0</v>
      </c>
      <c r="JW29" s="71">
        <v>0</v>
      </c>
      <c r="JX29" s="71">
        <v>0</v>
      </c>
      <c r="JY29" s="71">
        <v>0</v>
      </c>
      <c r="JZ29" s="72">
        <v>0</v>
      </c>
      <c r="KA29" s="73">
        <v>0</v>
      </c>
      <c r="KB29" s="70">
        <v>23</v>
      </c>
      <c r="KC29" s="71">
        <v>14</v>
      </c>
      <c r="KD29" s="72">
        <v>37</v>
      </c>
      <c r="KE29" s="244"/>
      <c r="KF29" s="71">
        <v>33</v>
      </c>
      <c r="KG29" s="71">
        <v>19</v>
      </c>
      <c r="KH29" s="71">
        <v>12</v>
      </c>
      <c r="KI29" s="71">
        <v>8</v>
      </c>
      <c r="KJ29" s="71">
        <v>7</v>
      </c>
      <c r="KK29" s="72">
        <v>79</v>
      </c>
      <c r="KL29" s="73">
        <v>116</v>
      </c>
    </row>
    <row r="30" spans="1:298" ht="19.5" customHeight="1" x14ac:dyDescent="0.2">
      <c r="A30" s="126" t="s">
        <v>27</v>
      </c>
      <c r="B30" s="316">
        <v>15</v>
      </c>
      <c r="C30" s="82">
        <v>18</v>
      </c>
      <c r="D30" s="83">
        <v>33</v>
      </c>
      <c r="E30" s="241"/>
      <c r="F30" s="82">
        <v>14</v>
      </c>
      <c r="G30" s="82">
        <v>6</v>
      </c>
      <c r="H30" s="82">
        <v>10</v>
      </c>
      <c r="I30" s="82">
        <v>6</v>
      </c>
      <c r="J30" s="82">
        <v>4</v>
      </c>
      <c r="K30" s="84">
        <v>40</v>
      </c>
      <c r="L30" s="85">
        <v>73</v>
      </c>
      <c r="M30" s="70">
        <v>1</v>
      </c>
      <c r="N30" s="71">
        <v>0</v>
      </c>
      <c r="O30" s="72">
        <v>1</v>
      </c>
      <c r="P30" s="244"/>
      <c r="Q30" s="71">
        <v>0</v>
      </c>
      <c r="R30" s="71">
        <v>0</v>
      </c>
      <c r="S30" s="71">
        <v>1</v>
      </c>
      <c r="T30" s="71">
        <v>0</v>
      </c>
      <c r="U30" s="71">
        <v>0</v>
      </c>
      <c r="V30" s="72">
        <v>1</v>
      </c>
      <c r="W30" s="73">
        <v>2</v>
      </c>
      <c r="X30" s="70">
        <v>2</v>
      </c>
      <c r="Y30" s="71">
        <v>2</v>
      </c>
      <c r="Z30" s="72">
        <v>4</v>
      </c>
      <c r="AA30" s="244"/>
      <c r="AB30" s="71">
        <v>1</v>
      </c>
      <c r="AC30" s="71">
        <v>0</v>
      </c>
      <c r="AD30" s="71">
        <v>0</v>
      </c>
      <c r="AE30" s="71">
        <v>0</v>
      </c>
      <c r="AF30" s="71">
        <v>0</v>
      </c>
      <c r="AG30" s="72">
        <v>1</v>
      </c>
      <c r="AH30" s="73">
        <v>5</v>
      </c>
      <c r="AI30" s="70">
        <v>2</v>
      </c>
      <c r="AJ30" s="71">
        <v>3</v>
      </c>
      <c r="AK30" s="72">
        <v>5</v>
      </c>
      <c r="AL30" s="244"/>
      <c r="AM30" s="71">
        <v>0</v>
      </c>
      <c r="AN30" s="71">
        <v>1</v>
      </c>
      <c r="AO30" s="71">
        <v>1</v>
      </c>
      <c r="AP30" s="71">
        <v>0</v>
      </c>
      <c r="AQ30" s="71">
        <v>0</v>
      </c>
      <c r="AR30" s="72">
        <v>2</v>
      </c>
      <c r="AS30" s="73">
        <v>7</v>
      </c>
      <c r="AT30" s="70">
        <v>4</v>
      </c>
      <c r="AU30" s="71">
        <v>5</v>
      </c>
      <c r="AV30" s="72">
        <v>9</v>
      </c>
      <c r="AW30" s="244"/>
      <c r="AX30" s="71">
        <v>4</v>
      </c>
      <c r="AY30" s="71">
        <v>2</v>
      </c>
      <c r="AZ30" s="71">
        <v>3</v>
      </c>
      <c r="BA30" s="71">
        <v>1</v>
      </c>
      <c r="BB30" s="71">
        <v>1</v>
      </c>
      <c r="BC30" s="72">
        <v>11</v>
      </c>
      <c r="BD30" s="73">
        <v>20</v>
      </c>
      <c r="BE30" s="70">
        <v>4</v>
      </c>
      <c r="BF30" s="71">
        <v>6</v>
      </c>
      <c r="BG30" s="72">
        <v>10</v>
      </c>
      <c r="BH30" s="244"/>
      <c r="BI30" s="71">
        <v>5</v>
      </c>
      <c r="BJ30" s="71">
        <v>1</v>
      </c>
      <c r="BK30" s="71">
        <v>3</v>
      </c>
      <c r="BL30" s="71">
        <v>2</v>
      </c>
      <c r="BM30" s="71">
        <v>2</v>
      </c>
      <c r="BN30" s="72">
        <v>13</v>
      </c>
      <c r="BO30" s="73">
        <v>23</v>
      </c>
      <c r="BP30" s="70">
        <v>2</v>
      </c>
      <c r="BQ30" s="71">
        <v>2</v>
      </c>
      <c r="BR30" s="72">
        <v>4</v>
      </c>
      <c r="BS30" s="244"/>
      <c r="BT30" s="71">
        <v>4</v>
      </c>
      <c r="BU30" s="71">
        <v>2</v>
      </c>
      <c r="BV30" s="71">
        <v>2</v>
      </c>
      <c r="BW30" s="71">
        <v>3</v>
      </c>
      <c r="BX30" s="71">
        <v>1</v>
      </c>
      <c r="BY30" s="72">
        <v>12</v>
      </c>
      <c r="BZ30" s="73">
        <v>16</v>
      </c>
      <c r="CA30" s="70">
        <v>0</v>
      </c>
      <c r="CB30" s="71">
        <v>0</v>
      </c>
      <c r="CC30" s="72">
        <v>0</v>
      </c>
      <c r="CD30" s="244"/>
      <c r="CE30" s="71">
        <v>0</v>
      </c>
      <c r="CF30" s="71">
        <v>0</v>
      </c>
      <c r="CG30" s="71">
        <v>0</v>
      </c>
      <c r="CH30" s="71">
        <v>0</v>
      </c>
      <c r="CI30" s="71">
        <v>0</v>
      </c>
      <c r="CJ30" s="72">
        <v>0</v>
      </c>
      <c r="CK30" s="73">
        <v>0</v>
      </c>
      <c r="CL30" s="70">
        <v>15</v>
      </c>
      <c r="CM30" s="71">
        <v>18</v>
      </c>
      <c r="CN30" s="72">
        <v>33</v>
      </c>
      <c r="CO30" s="244"/>
      <c r="CP30" s="71">
        <v>14</v>
      </c>
      <c r="CQ30" s="71">
        <v>6</v>
      </c>
      <c r="CR30" s="71">
        <v>10</v>
      </c>
      <c r="CS30" s="71">
        <v>6</v>
      </c>
      <c r="CT30" s="71">
        <v>4</v>
      </c>
      <c r="CU30" s="72">
        <v>40</v>
      </c>
      <c r="CV30" s="73">
        <v>73</v>
      </c>
      <c r="CW30" s="123">
        <v>2</v>
      </c>
      <c r="CX30" s="82">
        <v>4</v>
      </c>
      <c r="CY30" s="83">
        <v>6</v>
      </c>
      <c r="CZ30" s="241"/>
      <c r="DA30" s="82">
        <v>2</v>
      </c>
      <c r="DB30" s="82">
        <v>2</v>
      </c>
      <c r="DC30" s="82">
        <v>7</v>
      </c>
      <c r="DD30" s="82">
        <v>2</v>
      </c>
      <c r="DE30" s="82">
        <v>2</v>
      </c>
      <c r="DF30" s="84">
        <v>15</v>
      </c>
      <c r="DG30" s="85">
        <v>21</v>
      </c>
      <c r="DH30" s="70">
        <v>0</v>
      </c>
      <c r="DI30" s="71">
        <v>0</v>
      </c>
      <c r="DJ30" s="72">
        <v>0</v>
      </c>
      <c r="DK30" s="244"/>
      <c r="DL30" s="71">
        <v>0</v>
      </c>
      <c r="DM30" s="71">
        <v>0</v>
      </c>
      <c r="DN30" s="71">
        <v>0</v>
      </c>
      <c r="DO30" s="71">
        <v>0</v>
      </c>
      <c r="DP30" s="71">
        <v>0</v>
      </c>
      <c r="DQ30" s="72">
        <v>0</v>
      </c>
      <c r="DR30" s="73">
        <v>0</v>
      </c>
      <c r="DS30" s="70">
        <v>1</v>
      </c>
      <c r="DT30" s="71">
        <v>0</v>
      </c>
      <c r="DU30" s="72">
        <v>1</v>
      </c>
      <c r="DV30" s="244"/>
      <c r="DW30" s="71">
        <v>0</v>
      </c>
      <c r="DX30" s="71">
        <v>0</v>
      </c>
      <c r="DY30" s="71">
        <v>0</v>
      </c>
      <c r="DZ30" s="71">
        <v>0</v>
      </c>
      <c r="EA30" s="71">
        <v>0</v>
      </c>
      <c r="EB30" s="72">
        <v>0</v>
      </c>
      <c r="EC30" s="73">
        <v>1</v>
      </c>
      <c r="ED30" s="70">
        <v>0</v>
      </c>
      <c r="EE30" s="71">
        <v>0</v>
      </c>
      <c r="EF30" s="72">
        <v>0</v>
      </c>
      <c r="EG30" s="244"/>
      <c r="EH30" s="71">
        <v>0</v>
      </c>
      <c r="EI30" s="71">
        <v>2</v>
      </c>
      <c r="EJ30" s="71">
        <v>0</v>
      </c>
      <c r="EK30" s="71">
        <v>0</v>
      </c>
      <c r="EL30" s="71">
        <v>0</v>
      </c>
      <c r="EM30" s="72">
        <v>2</v>
      </c>
      <c r="EN30" s="73">
        <v>2</v>
      </c>
      <c r="EO30" s="70">
        <v>0</v>
      </c>
      <c r="EP30" s="71">
        <v>0</v>
      </c>
      <c r="EQ30" s="72">
        <v>0</v>
      </c>
      <c r="ER30" s="244"/>
      <c r="ES30" s="71">
        <v>1</v>
      </c>
      <c r="ET30" s="71">
        <v>0</v>
      </c>
      <c r="EU30" s="71">
        <v>0</v>
      </c>
      <c r="EV30" s="71">
        <v>0</v>
      </c>
      <c r="EW30" s="71">
        <v>0</v>
      </c>
      <c r="EX30" s="72">
        <v>1</v>
      </c>
      <c r="EY30" s="73">
        <v>1</v>
      </c>
      <c r="EZ30" s="70">
        <v>1</v>
      </c>
      <c r="FA30" s="71">
        <v>3</v>
      </c>
      <c r="FB30" s="72">
        <v>4</v>
      </c>
      <c r="FC30" s="244"/>
      <c r="FD30" s="71">
        <v>0</v>
      </c>
      <c r="FE30" s="71">
        <v>0</v>
      </c>
      <c r="FF30" s="71">
        <v>2</v>
      </c>
      <c r="FG30" s="71">
        <v>0</v>
      </c>
      <c r="FH30" s="71">
        <v>1</v>
      </c>
      <c r="FI30" s="72">
        <v>3</v>
      </c>
      <c r="FJ30" s="73">
        <v>7</v>
      </c>
      <c r="FK30" s="70">
        <v>0</v>
      </c>
      <c r="FL30" s="71">
        <v>1</v>
      </c>
      <c r="FM30" s="72">
        <v>1</v>
      </c>
      <c r="FN30" s="244"/>
      <c r="FO30" s="71">
        <v>1</v>
      </c>
      <c r="FP30" s="71">
        <v>0</v>
      </c>
      <c r="FQ30" s="71">
        <v>5</v>
      </c>
      <c r="FR30" s="71">
        <v>2</v>
      </c>
      <c r="FS30" s="71">
        <v>1</v>
      </c>
      <c r="FT30" s="72">
        <v>9</v>
      </c>
      <c r="FU30" s="73">
        <v>10</v>
      </c>
      <c r="FV30" s="70">
        <v>0</v>
      </c>
      <c r="FW30" s="71">
        <v>0</v>
      </c>
      <c r="FX30" s="72">
        <v>0</v>
      </c>
      <c r="FY30" s="244"/>
      <c r="FZ30" s="71">
        <v>0</v>
      </c>
      <c r="GA30" s="71">
        <v>0</v>
      </c>
      <c r="GB30" s="71">
        <v>0</v>
      </c>
      <c r="GC30" s="71">
        <v>0</v>
      </c>
      <c r="GD30" s="71">
        <v>0</v>
      </c>
      <c r="GE30" s="72">
        <v>0</v>
      </c>
      <c r="GF30" s="73">
        <v>0</v>
      </c>
      <c r="GG30" s="70">
        <v>2</v>
      </c>
      <c r="GH30" s="71">
        <v>4</v>
      </c>
      <c r="GI30" s="72">
        <v>6</v>
      </c>
      <c r="GJ30" s="244"/>
      <c r="GK30" s="71">
        <v>2</v>
      </c>
      <c r="GL30" s="71">
        <v>2</v>
      </c>
      <c r="GM30" s="71">
        <v>7</v>
      </c>
      <c r="GN30" s="71">
        <v>2</v>
      </c>
      <c r="GO30" s="71">
        <v>2</v>
      </c>
      <c r="GP30" s="72">
        <v>15</v>
      </c>
      <c r="GQ30" s="73">
        <v>21</v>
      </c>
      <c r="GR30" s="123">
        <v>17</v>
      </c>
      <c r="GS30" s="82">
        <v>22</v>
      </c>
      <c r="GT30" s="83">
        <v>39</v>
      </c>
      <c r="GU30" s="241"/>
      <c r="GV30" s="82">
        <v>16</v>
      </c>
      <c r="GW30" s="82">
        <v>8</v>
      </c>
      <c r="GX30" s="82">
        <v>17</v>
      </c>
      <c r="GY30" s="82">
        <v>8</v>
      </c>
      <c r="GZ30" s="82">
        <v>6</v>
      </c>
      <c r="HA30" s="84">
        <v>55</v>
      </c>
      <c r="HB30" s="85">
        <v>94</v>
      </c>
      <c r="HC30" s="70">
        <v>1</v>
      </c>
      <c r="HD30" s="71">
        <v>0</v>
      </c>
      <c r="HE30" s="72">
        <v>1</v>
      </c>
      <c r="HF30" s="241"/>
      <c r="HG30" s="71">
        <v>0</v>
      </c>
      <c r="HH30" s="71">
        <v>0</v>
      </c>
      <c r="HI30" s="71">
        <v>1</v>
      </c>
      <c r="HJ30" s="71">
        <v>0</v>
      </c>
      <c r="HK30" s="71">
        <v>0</v>
      </c>
      <c r="HL30" s="72">
        <v>1</v>
      </c>
      <c r="HM30" s="73">
        <v>2</v>
      </c>
      <c r="HN30" s="70">
        <v>3</v>
      </c>
      <c r="HO30" s="71">
        <v>2</v>
      </c>
      <c r="HP30" s="72">
        <v>5</v>
      </c>
      <c r="HQ30" s="241"/>
      <c r="HR30" s="71">
        <v>1</v>
      </c>
      <c r="HS30" s="71">
        <v>0</v>
      </c>
      <c r="HT30" s="71">
        <v>0</v>
      </c>
      <c r="HU30" s="71">
        <v>0</v>
      </c>
      <c r="HV30" s="71">
        <v>0</v>
      </c>
      <c r="HW30" s="72">
        <v>1</v>
      </c>
      <c r="HX30" s="73">
        <v>6</v>
      </c>
      <c r="HY30" s="70">
        <v>2</v>
      </c>
      <c r="HZ30" s="71">
        <v>3</v>
      </c>
      <c r="IA30" s="72">
        <v>5</v>
      </c>
      <c r="IB30" s="244"/>
      <c r="IC30" s="71">
        <v>0</v>
      </c>
      <c r="ID30" s="71">
        <v>3</v>
      </c>
      <c r="IE30" s="71">
        <v>1</v>
      </c>
      <c r="IF30" s="71">
        <v>0</v>
      </c>
      <c r="IG30" s="71">
        <v>0</v>
      </c>
      <c r="IH30" s="72">
        <v>4</v>
      </c>
      <c r="II30" s="73">
        <v>9</v>
      </c>
      <c r="IJ30" s="70">
        <v>4</v>
      </c>
      <c r="IK30" s="71">
        <v>5</v>
      </c>
      <c r="IL30" s="72">
        <v>9</v>
      </c>
      <c r="IM30" s="244"/>
      <c r="IN30" s="71">
        <v>5</v>
      </c>
      <c r="IO30" s="71">
        <v>2</v>
      </c>
      <c r="IP30" s="71">
        <v>3</v>
      </c>
      <c r="IQ30" s="71">
        <v>1</v>
      </c>
      <c r="IR30" s="71">
        <v>1</v>
      </c>
      <c r="IS30" s="72">
        <v>12</v>
      </c>
      <c r="IT30" s="73">
        <v>21</v>
      </c>
      <c r="IU30" s="70">
        <v>5</v>
      </c>
      <c r="IV30" s="71">
        <v>9</v>
      </c>
      <c r="IW30" s="72">
        <v>14</v>
      </c>
      <c r="IX30" s="244"/>
      <c r="IY30" s="71">
        <v>5</v>
      </c>
      <c r="IZ30" s="71">
        <v>1</v>
      </c>
      <c r="JA30" s="71">
        <v>5</v>
      </c>
      <c r="JB30" s="71">
        <v>2</v>
      </c>
      <c r="JC30" s="71">
        <v>3</v>
      </c>
      <c r="JD30" s="72">
        <v>16</v>
      </c>
      <c r="JE30" s="73">
        <v>30</v>
      </c>
      <c r="JF30" s="70">
        <v>2</v>
      </c>
      <c r="JG30" s="71">
        <v>3</v>
      </c>
      <c r="JH30" s="72">
        <v>5</v>
      </c>
      <c r="JI30" s="244"/>
      <c r="JJ30" s="71">
        <v>5</v>
      </c>
      <c r="JK30" s="71">
        <v>2</v>
      </c>
      <c r="JL30" s="71">
        <v>7</v>
      </c>
      <c r="JM30" s="71">
        <v>5</v>
      </c>
      <c r="JN30" s="71">
        <v>2</v>
      </c>
      <c r="JO30" s="72">
        <v>21</v>
      </c>
      <c r="JP30" s="73">
        <v>26</v>
      </c>
      <c r="JQ30" s="70">
        <v>0</v>
      </c>
      <c r="JR30" s="71">
        <v>0</v>
      </c>
      <c r="JS30" s="72">
        <v>0</v>
      </c>
      <c r="JT30" s="244"/>
      <c r="JU30" s="71">
        <v>0</v>
      </c>
      <c r="JV30" s="71">
        <v>0</v>
      </c>
      <c r="JW30" s="71">
        <v>0</v>
      </c>
      <c r="JX30" s="71">
        <v>0</v>
      </c>
      <c r="JY30" s="71">
        <v>0</v>
      </c>
      <c r="JZ30" s="72">
        <v>0</v>
      </c>
      <c r="KA30" s="73">
        <v>0</v>
      </c>
      <c r="KB30" s="70">
        <v>17</v>
      </c>
      <c r="KC30" s="71">
        <v>22</v>
      </c>
      <c r="KD30" s="72">
        <v>39</v>
      </c>
      <c r="KE30" s="244"/>
      <c r="KF30" s="71">
        <v>16</v>
      </c>
      <c r="KG30" s="71">
        <v>8</v>
      </c>
      <c r="KH30" s="71">
        <v>17</v>
      </c>
      <c r="KI30" s="71">
        <v>8</v>
      </c>
      <c r="KJ30" s="71">
        <v>6</v>
      </c>
      <c r="KK30" s="72">
        <v>55</v>
      </c>
      <c r="KL30" s="73">
        <v>94</v>
      </c>
    </row>
    <row r="31" spans="1:298" ht="19.5" customHeight="1" x14ac:dyDescent="0.2">
      <c r="A31" s="126" t="s">
        <v>28</v>
      </c>
      <c r="B31" s="316">
        <v>1</v>
      </c>
      <c r="C31" s="82">
        <v>1</v>
      </c>
      <c r="D31" s="83">
        <v>2</v>
      </c>
      <c r="E31" s="241"/>
      <c r="F31" s="82">
        <v>9</v>
      </c>
      <c r="G31" s="82">
        <v>6</v>
      </c>
      <c r="H31" s="82">
        <v>3</v>
      </c>
      <c r="I31" s="82">
        <v>2</v>
      </c>
      <c r="J31" s="82">
        <v>4</v>
      </c>
      <c r="K31" s="84">
        <v>24</v>
      </c>
      <c r="L31" s="85">
        <v>26</v>
      </c>
      <c r="M31" s="70">
        <v>0</v>
      </c>
      <c r="N31" s="71">
        <v>0</v>
      </c>
      <c r="O31" s="72">
        <v>0</v>
      </c>
      <c r="P31" s="244"/>
      <c r="Q31" s="71">
        <v>0</v>
      </c>
      <c r="R31" s="71">
        <v>0</v>
      </c>
      <c r="S31" s="71">
        <v>1</v>
      </c>
      <c r="T31" s="71">
        <v>0</v>
      </c>
      <c r="U31" s="71">
        <v>0</v>
      </c>
      <c r="V31" s="72">
        <v>1</v>
      </c>
      <c r="W31" s="73">
        <v>1</v>
      </c>
      <c r="X31" s="70">
        <v>0</v>
      </c>
      <c r="Y31" s="71">
        <v>1</v>
      </c>
      <c r="Z31" s="72">
        <v>1</v>
      </c>
      <c r="AA31" s="244"/>
      <c r="AB31" s="71">
        <v>1</v>
      </c>
      <c r="AC31" s="71">
        <v>1</v>
      </c>
      <c r="AD31" s="71">
        <v>0</v>
      </c>
      <c r="AE31" s="71">
        <v>0</v>
      </c>
      <c r="AF31" s="71">
        <v>0</v>
      </c>
      <c r="AG31" s="72">
        <v>2</v>
      </c>
      <c r="AH31" s="73">
        <v>3</v>
      </c>
      <c r="AI31" s="70">
        <v>0</v>
      </c>
      <c r="AJ31" s="71">
        <v>0</v>
      </c>
      <c r="AK31" s="72">
        <v>0</v>
      </c>
      <c r="AL31" s="244"/>
      <c r="AM31" s="71">
        <v>1</v>
      </c>
      <c r="AN31" s="71">
        <v>1</v>
      </c>
      <c r="AO31" s="71">
        <v>0</v>
      </c>
      <c r="AP31" s="71">
        <v>0</v>
      </c>
      <c r="AQ31" s="71">
        <v>0</v>
      </c>
      <c r="AR31" s="72">
        <v>2</v>
      </c>
      <c r="AS31" s="73">
        <v>2</v>
      </c>
      <c r="AT31" s="70">
        <v>0</v>
      </c>
      <c r="AU31" s="71">
        <v>0</v>
      </c>
      <c r="AV31" s="72">
        <v>0</v>
      </c>
      <c r="AW31" s="244"/>
      <c r="AX31" s="71">
        <v>2</v>
      </c>
      <c r="AY31" s="71">
        <v>0</v>
      </c>
      <c r="AZ31" s="71">
        <v>0</v>
      </c>
      <c r="BA31" s="71">
        <v>0</v>
      </c>
      <c r="BB31" s="71">
        <v>2</v>
      </c>
      <c r="BC31" s="72">
        <v>4</v>
      </c>
      <c r="BD31" s="73">
        <v>4</v>
      </c>
      <c r="BE31" s="70">
        <v>1</v>
      </c>
      <c r="BF31" s="71">
        <v>0</v>
      </c>
      <c r="BG31" s="72">
        <v>1</v>
      </c>
      <c r="BH31" s="244"/>
      <c r="BI31" s="71">
        <v>2</v>
      </c>
      <c r="BJ31" s="71">
        <v>1</v>
      </c>
      <c r="BK31" s="71">
        <v>0</v>
      </c>
      <c r="BL31" s="71">
        <v>1</v>
      </c>
      <c r="BM31" s="71">
        <v>1</v>
      </c>
      <c r="BN31" s="72">
        <v>5</v>
      </c>
      <c r="BO31" s="73">
        <v>6</v>
      </c>
      <c r="BP31" s="70">
        <v>0</v>
      </c>
      <c r="BQ31" s="71">
        <v>0</v>
      </c>
      <c r="BR31" s="72">
        <v>0</v>
      </c>
      <c r="BS31" s="244"/>
      <c r="BT31" s="71">
        <v>3</v>
      </c>
      <c r="BU31" s="71">
        <v>3</v>
      </c>
      <c r="BV31" s="71">
        <v>2</v>
      </c>
      <c r="BW31" s="71">
        <v>1</v>
      </c>
      <c r="BX31" s="71">
        <v>1</v>
      </c>
      <c r="BY31" s="72">
        <v>10</v>
      </c>
      <c r="BZ31" s="73">
        <v>10</v>
      </c>
      <c r="CA31" s="70">
        <v>0</v>
      </c>
      <c r="CB31" s="71">
        <v>0</v>
      </c>
      <c r="CC31" s="72">
        <v>0</v>
      </c>
      <c r="CD31" s="244"/>
      <c r="CE31" s="71">
        <v>0</v>
      </c>
      <c r="CF31" s="71">
        <v>0</v>
      </c>
      <c r="CG31" s="71">
        <v>0</v>
      </c>
      <c r="CH31" s="71">
        <v>0</v>
      </c>
      <c r="CI31" s="71">
        <v>0</v>
      </c>
      <c r="CJ31" s="72">
        <v>0</v>
      </c>
      <c r="CK31" s="73">
        <v>0</v>
      </c>
      <c r="CL31" s="70">
        <v>1</v>
      </c>
      <c r="CM31" s="71">
        <v>1</v>
      </c>
      <c r="CN31" s="72">
        <v>2</v>
      </c>
      <c r="CO31" s="244"/>
      <c r="CP31" s="71">
        <v>9</v>
      </c>
      <c r="CQ31" s="71">
        <v>6</v>
      </c>
      <c r="CR31" s="71">
        <v>3</v>
      </c>
      <c r="CS31" s="71">
        <v>2</v>
      </c>
      <c r="CT31" s="71">
        <v>4</v>
      </c>
      <c r="CU31" s="72">
        <v>24</v>
      </c>
      <c r="CV31" s="73">
        <v>26</v>
      </c>
      <c r="CW31" s="123">
        <v>0</v>
      </c>
      <c r="CX31" s="82">
        <v>1</v>
      </c>
      <c r="CY31" s="83">
        <v>1</v>
      </c>
      <c r="CZ31" s="241"/>
      <c r="DA31" s="82">
        <v>1</v>
      </c>
      <c r="DB31" s="82">
        <v>2</v>
      </c>
      <c r="DC31" s="82">
        <v>1</v>
      </c>
      <c r="DD31" s="82">
        <v>2</v>
      </c>
      <c r="DE31" s="82">
        <v>0</v>
      </c>
      <c r="DF31" s="84">
        <v>6</v>
      </c>
      <c r="DG31" s="85">
        <v>7</v>
      </c>
      <c r="DH31" s="70">
        <v>0</v>
      </c>
      <c r="DI31" s="71">
        <v>0</v>
      </c>
      <c r="DJ31" s="72">
        <v>0</v>
      </c>
      <c r="DK31" s="244"/>
      <c r="DL31" s="71">
        <v>0</v>
      </c>
      <c r="DM31" s="71">
        <v>0</v>
      </c>
      <c r="DN31" s="71">
        <v>0</v>
      </c>
      <c r="DO31" s="71">
        <v>0</v>
      </c>
      <c r="DP31" s="71">
        <v>0</v>
      </c>
      <c r="DQ31" s="72">
        <v>0</v>
      </c>
      <c r="DR31" s="73">
        <v>0</v>
      </c>
      <c r="DS31" s="70">
        <v>0</v>
      </c>
      <c r="DT31" s="71">
        <v>0</v>
      </c>
      <c r="DU31" s="72">
        <v>0</v>
      </c>
      <c r="DV31" s="244"/>
      <c r="DW31" s="71">
        <v>0</v>
      </c>
      <c r="DX31" s="71">
        <v>0</v>
      </c>
      <c r="DY31" s="71">
        <v>1</v>
      </c>
      <c r="DZ31" s="71">
        <v>0</v>
      </c>
      <c r="EA31" s="71">
        <v>0</v>
      </c>
      <c r="EB31" s="72">
        <v>1</v>
      </c>
      <c r="EC31" s="73">
        <v>1</v>
      </c>
      <c r="ED31" s="70">
        <v>0</v>
      </c>
      <c r="EE31" s="71">
        <v>0</v>
      </c>
      <c r="EF31" s="72">
        <v>0</v>
      </c>
      <c r="EG31" s="244"/>
      <c r="EH31" s="71">
        <v>0</v>
      </c>
      <c r="EI31" s="71">
        <v>0</v>
      </c>
      <c r="EJ31" s="71">
        <v>0</v>
      </c>
      <c r="EK31" s="71">
        <v>0</v>
      </c>
      <c r="EL31" s="71">
        <v>0</v>
      </c>
      <c r="EM31" s="72">
        <v>0</v>
      </c>
      <c r="EN31" s="73">
        <v>0</v>
      </c>
      <c r="EO31" s="70">
        <v>0</v>
      </c>
      <c r="EP31" s="71">
        <v>0</v>
      </c>
      <c r="EQ31" s="72">
        <v>0</v>
      </c>
      <c r="ER31" s="244"/>
      <c r="ES31" s="71">
        <v>0</v>
      </c>
      <c r="ET31" s="71">
        <v>1</v>
      </c>
      <c r="EU31" s="71">
        <v>0</v>
      </c>
      <c r="EV31" s="71">
        <v>1</v>
      </c>
      <c r="EW31" s="71">
        <v>0</v>
      </c>
      <c r="EX31" s="72">
        <v>2</v>
      </c>
      <c r="EY31" s="73">
        <v>2</v>
      </c>
      <c r="EZ31" s="70">
        <v>0</v>
      </c>
      <c r="FA31" s="71">
        <v>0</v>
      </c>
      <c r="FB31" s="72">
        <v>0</v>
      </c>
      <c r="FC31" s="244"/>
      <c r="FD31" s="71">
        <v>1</v>
      </c>
      <c r="FE31" s="71">
        <v>0</v>
      </c>
      <c r="FF31" s="71">
        <v>0</v>
      </c>
      <c r="FG31" s="71">
        <v>0</v>
      </c>
      <c r="FH31" s="71">
        <v>0</v>
      </c>
      <c r="FI31" s="72">
        <v>1</v>
      </c>
      <c r="FJ31" s="73">
        <v>1</v>
      </c>
      <c r="FK31" s="70">
        <v>0</v>
      </c>
      <c r="FL31" s="71">
        <v>1</v>
      </c>
      <c r="FM31" s="72">
        <v>1</v>
      </c>
      <c r="FN31" s="244"/>
      <c r="FO31" s="71">
        <v>0</v>
      </c>
      <c r="FP31" s="71">
        <v>1</v>
      </c>
      <c r="FQ31" s="71">
        <v>0</v>
      </c>
      <c r="FR31" s="71">
        <v>1</v>
      </c>
      <c r="FS31" s="71">
        <v>0</v>
      </c>
      <c r="FT31" s="72">
        <v>2</v>
      </c>
      <c r="FU31" s="73">
        <v>3</v>
      </c>
      <c r="FV31" s="70">
        <v>0</v>
      </c>
      <c r="FW31" s="71">
        <v>0</v>
      </c>
      <c r="FX31" s="72">
        <v>0</v>
      </c>
      <c r="FY31" s="244"/>
      <c r="FZ31" s="71">
        <v>0</v>
      </c>
      <c r="GA31" s="71">
        <v>0</v>
      </c>
      <c r="GB31" s="71">
        <v>0</v>
      </c>
      <c r="GC31" s="71">
        <v>0</v>
      </c>
      <c r="GD31" s="71">
        <v>0</v>
      </c>
      <c r="GE31" s="72">
        <v>0</v>
      </c>
      <c r="GF31" s="73">
        <v>0</v>
      </c>
      <c r="GG31" s="70">
        <v>0</v>
      </c>
      <c r="GH31" s="71">
        <v>1</v>
      </c>
      <c r="GI31" s="72">
        <v>1</v>
      </c>
      <c r="GJ31" s="244"/>
      <c r="GK31" s="71">
        <v>1</v>
      </c>
      <c r="GL31" s="71">
        <v>2</v>
      </c>
      <c r="GM31" s="71">
        <v>1</v>
      </c>
      <c r="GN31" s="71">
        <v>2</v>
      </c>
      <c r="GO31" s="71">
        <v>0</v>
      </c>
      <c r="GP31" s="72">
        <v>6</v>
      </c>
      <c r="GQ31" s="73">
        <v>7</v>
      </c>
      <c r="GR31" s="123">
        <v>1</v>
      </c>
      <c r="GS31" s="82">
        <v>2</v>
      </c>
      <c r="GT31" s="83">
        <v>3</v>
      </c>
      <c r="GU31" s="241"/>
      <c r="GV31" s="82">
        <v>10</v>
      </c>
      <c r="GW31" s="82">
        <v>8</v>
      </c>
      <c r="GX31" s="82">
        <v>4</v>
      </c>
      <c r="GY31" s="82">
        <v>4</v>
      </c>
      <c r="GZ31" s="82">
        <v>4</v>
      </c>
      <c r="HA31" s="84">
        <v>30</v>
      </c>
      <c r="HB31" s="85">
        <v>33</v>
      </c>
      <c r="HC31" s="70">
        <v>0</v>
      </c>
      <c r="HD31" s="71">
        <v>0</v>
      </c>
      <c r="HE31" s="72">
        <v>0</v>
      </c>
      <c r="HF31" s="241"/>
      <c r="HG31" s="71">
        <v>0</v>
      </c>
      <c r="HH31" s="71">
        <v>0</v>
      </c>
      <c r="HI31" s="71">
        <v>1</v>
      </c>
      <c r="HJ31" s="71">
        <v>0</v>
      </c>
      <c r="HK31" s="71">
        <v>0</v>
      </c>
      <c r="HL31" s="72">
        <v>1</v>
      </c>
      <c r="HM31" s="73">
        <v>1</v>
      </c>
      <c r="HN31" s="70">
        <v>0</v>
      </c>
      <c r="HO31" s="71">
        <v>1</v>
      </c>
      <c r="HP31" s="72">
        <v>1</v>
      </c>
      <c r="HQ31" s="241"/>
      <c r="HR31" s="71">
        <v>1</v>
      </c>
      <c r="HS31" s="71">
        <v>1</v>
      </c>
      <c r="HT31" s="71">
        <v>1</v>
      </c>
      <c r="HU31" s="71">
        <v>0</v>
      </c>
      <c r="HV31" s="71">
        <v>0</v>
      </c>
      <c r="HW31" s="72">
        <v>3</v>
      </c>
      <c r="HX31" s="73">
        <v>4</v>
      </c>
      <c r="HY31" s="70">
        <v>0</v>
      </c>
      <c r="HZ31" s="71">
        <v>0</v>
      </c>
      <c r="IA31" s="72">
        <v>0</v>
      </c>
      <c r="IB31" s="244"/>
      <c r="IC31" s="71">
        <v>1</v>
      </c>
      <c r="ID31" s="71">
        <v>1</v>
      </c>
      <c r="IE31" s="71">
        <v>0</v>
      </c>
      <c r="IF31" s="71">
        <v>0</v>
      </c>
      <c r="IG31" s="71">
        <v>0</v>
      </c>
      <c r="IH31" s="72">
        <v>2</v>
      </c>
      <c r="II31" s="73">
        <v>2</v>
      </c>
      <c r="IJ31" s="70">
        <v>0</v>
      </c>
      <c r="IK31" s="71">
        <v>0</v>
      </c>
      <c r="IL31" s="72">
        <v>0</v>
      </c>
      <c r="IM31" s="244"/>
      <c r="IN31" s="71">
        <v>2</v>
      </c>
      <c r="IO31" s="71">
        <v>1</v>
      </c>
      <c r="IP31" s="71">
        <v>0</v>
      </c>
      <c r="IQ31" s="71">
        <v>1</v>
      </c>
      <c r="IR31" s="71">
        <v>2</v>
      </c>
      <c r="IS31" s="72">
        <v>6</v>
      </c>
      <c r="IT31" s="73">
        <v>6</v>
      </c>
      <c r="IU31" s="70">
        <v>1</v>
      </c>
      <c r="IV31" s="71">
        <v>0</v>
      </c>
      <c r="IW31" s="72">
        <v>1</v>
      </c>
      <c r="IX31" s="244"/>
      <c r="IY31" s="71">
        <v>3</v>
      </c>
      <c r="IZ31" s="71">
        <v>1</v>
      </c>
      <c r="JA31" s="71">
        <v>0</v>
      </c>
      <c r="JB31" s="71">
        <v>1</v>
      </c>
      <c r="JC31" s="71">
        <v>1</v>
      </c>
      <c r="JD31" s="72">
        <v>6</v>
      </c>
      <c r="JE31" s="73">
        <v>7</v>
      </c>
      <c r="JF31" s="70">
        <v>0</v>
      </c>
      <c r="JG31" s="71">
        <v>1</v>
      </c>
      <c r="JH31" s="72">
        <v>1</v>
      </c>
      <c r="JI31" s="244"/>
      <c r="JJ31" s="71">
        <v>3</v>
      </c>
      <c r="JK31" s="71">
        <v>4</v>
      </c>
      <c r="JL31" s="71">
        <v>2</v>
      </c>
      <c r="JM31" s="71">
        <v>2</v>
      </c>
      <c r="JN31" s="71">
        <v>1</v>
      </c>
      <c r="JO31" s="72">
        <v>12</v>
      </c>
      <c r="JP31" s="73">
        <v>13</v>
      </c>
      <c r="JQ31" s="70">
        <v>0</v>
      </c>
      <c r="JR31" s="71">
        <v>0</v>
      </c>
      <c r="JS31" s="72">
        <v>0</v>
      </c>
      <c r="JT31" s="244"/>
      <c r="JU31" s="71">
        <v>0</v>
      </c>
      <c r="JV31" s="71">
        <v>0</v>
      </c>
      <c r="JW31" s="71">
        <v>0</v>
      </c>
      <c r="JX31" s="71">
        <v>0</v>
      </c>
      <c r="JY31" s="71">
        <v>0</v>
      </c>
      <c r="JZ31" s="72">
        <v>0</v>
      </c>
      <c r="KA31" s="73">
        <v>0</v>
      </c>
      <c r="KB31" s="70">
        <v>1</v>
      </c>
      <c r="KC31" s="71">
        <v>2</v>
      </c>
      <c r="KD31" s="72">
        <v>3</v>
      </c>
      <c r="KE31" s="244"/>
      <c r="KF31" s="71">
        <v>10</v>
      </c>
      <c r="KG31" s="71">
        <v>8</v>
      </c>
      <c r="KH31" s="71">
        <v>4</v>
      </c>
      <c r="KI31" s="71">
        <v>4</v>
      </c>
      <c r="KJ31" s="71">
        <v>4</v>
      </c>
      <c r="KK31" s="72">
        <v>30</v>
      </c>
      <c r="KL31" s="73">
        <v>33</v>
      </c>
    </row>
    <row r="32" spans="1:298" ht="19.5" customHeight="1" x14ac:dyDescent="0.2">
      <c r="A32" s="126" t="s">
        <v>29</v>
      </c>
      <c r="B32" s="316">
        <v>4</v>
      </c>
      <c r="C32" s="82">
        <v>2</v>
      </c>
      <c r="D32" s="83">
        <v>6</v>
      </c>
      <c r="E32" s="241"/>
      <c r="F32" s="82">
        <v>2</v>
      </c>
      <c r="G32" s="82">
        <v>4</v>
      </c>
      <c r="H32" s="82">
        <v>10</v>
      </c>
      <c r="I32" s="82">
        <v>3</v>
      </c>
      <c r="J32" s="82">
        <v>2</v>
      </c>
      <c r="K32" s="84">
        <v>21</v>
      </c>
      <c r="L32" s="85">
        <v>27</v>
      </c>
      <c r="M32" s="70">
        <v>0</v>
      </c>
      <c r="N32" s="71">
        <v>0</v>
      </c>
      <c r="O32" s="72">
        <v>0</v>
      </c>
      <c r="P32" s="244"/>
      <c r="Q32" s="71">
        <v>0</v>
      </c>
      <c r="R32" s="71">
        <v>0</v>
      </c>
      <c r="S32" s="71">
        <v>1</v>
      </c>
      <c r="T32" s="71">
        <v>0</v>
      </c>
      <c r="U32" s="71">
        <v>0</v>
      </c>
      <c r="V32" s="72">
        <v>1</v>
      </c>
      <c r="W32" s="73">
        <v>1</v>
      </c>
      <c r="X32" s="70">
        <v>0</v>
      </c>
      <c r="Y32" s="71">
        <v>1</v>
      </c>
      <c r="Z32" s="72">
        <v>1</v>
      </c>
      <c r="AA32" s="244"/>
      <c r="AB32" s="71">
        <v>0</v>
      </c>
      <c r="AC32" s="71">
        <v>1</v>
      </c>
      <c r="AD32" s="71">
        <v>0</v>
      </c>
      <c r="AE32" s="71">
        <v>1</v>
      </c>
      <c r="AF32" s="71">
        <v>1</v>
      </c>
      <c r="AG32" s="72">
        <v>3</v>
      </c>
      <c r="AH32" s="73">
        <v>4</v>
      </c>
      <c r="AI32" s="70">
        <v>1</v>
      </c>
      <c r="AJ32" s="71">
        <v>1</v>
      </c>
      <c r="AK32" s="72">
        <v>2</v>
      </c>
      <c r="AL32" s="244"/>
      <c r="AM32" s="71">
        <v>0</v>
      </c>
      <c r="AN32" s="71">
        <v>1</v>
      </c>
      <c r="AO32" s="71">
        <v>1</v>
      </c>
      <c r="AP32" s="71">
        <v>0</v>
      </c>
      <c r="AQ32" s="71">
        <v>1</v>
      </c>
      <c r="AR32" s="72">
        <v>3</v>
      </c>
      <c r="AS32" s="73">
        <v>5</v>
      </c>
      <c r="AT32" s="70">
        <v>1</v>
      </c>
      <c r="AU32" s="71">
        <v>0</v>
      </c>
      <c r="AV32" s="72">
        <v>1</v>
      </c>
      <c r="AW32" s="244"/>
      <c r="AX32" s="71">
        <v>1</v>
      </c>
      <c r="AY32" s="71">
        <v>0</v>
      </c>
      <c r="AZ32" s="71">
        <v>6</v>
      </c>
      <c r="BA32" s="71">
        <v>0</v>
      </c>
      <c r="BB32" s="71">
        <v>0</v>
      </c>
      <c r="BC32" s="72">
        <v>7</v>
      </c>
      <c r="BD32" s="73">
        <v>8</v>
      </c>
      <c r="BE32" s="70">
        <v>2</v>
      </c>
      <c r="BF32" s="71">
        <v>0</v>
      </c>
      <c r="BG32" s="72">
        <v>2</v>
      </c>
      <c r="BH32" s="244"/>
      <c r="BI32" s="71">
        <v>0</v>
      </c>
      <c r="BJ32" s="71">
        <v>0</v>
      </c>
      <c r="BK32" s="71">
        <v>0</v>
      </c>
      <c r="BL32" s="71">
        <v>1</v>
      </c>
      <c r="BM32" s="71">
        <v>0</v>
      </c>
      <c r="BN32" s="72">
        <v>1</v>
      </c>
      <c r="BO32" s="73">
        <v>3</v>
      </c>
      <c r="BP32" s="70">
        <v>0</v>
      </c>
      <c r="BQ32" s="71">
        <v>0</v>
      </c>
      <c r="BR32" s="72">
        <v>0</v>
      </c>
      <c r="BS32" s="244"/>
      <c r="BT32" s="71">
        <v>1</v>
      </c>
      <c r="BU32" s="71">
        <v>2</v>
      </c>
      <c r="BV32" s="71">
        <v>2</v>
      </c>
      <c r="BW32" s="71">
        <v>1</v>
      </c>
      <c r="BX32" s="71">
        <v>0</v>
      </c>
      <c r="BY32" s="72">
        <v>6</v>
      </c>
      <c r="BZ32" s="73">
        <v>6</v>
      </c>
      <c r="CA32" s="70">
        <v>0</v>
      </c>
      <c r="CB32" s="71">
        <v>0</v>
      </c>
      <c r="CC32" s="72">
        <v>0</v>
      </c>
      <c r="CD32" s="244"/>
      <c r="CE32" s="71">
        <v>0</v>
      </c>
      <c r="CF32" s="71">
        <v>0</v>
      </c>
      <c r="CG32" s="71">
        <v>0</v>
      </c>
      <c r="CH32" s="71">
        <v>0</v>
      </c>
      <c r="CI32" s="71">
        <v>0</v>
      </c>
      <c r="CJ32" s="72">
        <v>0</v>
      </c>
      <c r="CK32" s="73">
        <v>0</v>
      </c>
      <c r="CL32" s="70">
        <v>4</v>
      </c>
      <c r="CM32" s="71">
        <v>2</v>
      </c>
      <c r="CN32" s="72">
        <v>6</v>
      </c>
      <c r="CO32" s="244"/>
      <c r="CP32" s="71">
        <v>2</v>
      </c>
      <c r="CQ32" s="71">
        <v>4</v>
      </c>
      <c r="CR32" s="71">
        <v>10</v>
      </c>
      <c r="CS32" s="71">
        <v>3</v>
      </c>
      <c r="CT32" s="71">
        <v>2</v>
      </c>
      <c r="CU32" s="72">
        <v>21</v>
      </c>
      <c r="CV32" s="73">
        <v>27</v>
      </c>
      <c r="CW32" s="123">
        <v>2</v>
      </c>
      <c r="CX32" s="82">
        <v>4</v>
      </c>
      <c r="CY32" s="83">
        <v>6</v>
      </c>
      <c r="CZ32" s="241"/>
      <c r="DA32" s="82">
        <v>4</v>
      </c>
      <c r="DB32" s="82">
        <v>1</v>
      </c>
      <c r="DC32" s="82">
        <v>1</v>
      </c>
      <c r="DD32" s="82">
        <v>1</v>
      </c>
      <c r="DE32" s="82">
        <v>0</v>
      </c>
      <c r="DF32" s="84">
        <v>7</v>
      </c>
      <c r="DG32" s="85">
        <v>13</v>
      </c>
      <c r="DH32" s="70">
        <v>0</v>
      </c>
      <c r="DI32" s="71">
        <v>0</v>
      </c>
      <c r="DJ32" s="72">
        <v>0</v>
      </c>
      <c r="DK32" s="244"/>
      <c r="DL32" s="71">
        <v>0</v>
      </c>
      <c r="DM32" s="71">
        <v>0</v>
      </c>
      <c r="DN32" s="71">
        <v>0</v>
      </c>
      <c r="DO32" s="71">
        <v>0</v>
      </c>
      <c r="DP32" s="71">
        <v>0</v>
      </c>
      <c r="DQ32" s="72">
        <v>0</v>
      </c>
      <c r="DR32" s="73">
        <v>0</v>
      </c>
      <c r="DS32" s="70">
        <v>0</v>
      </c>
      <c r="DT32" s="71">
        <v>0</v>
      </c>
      <c r="DU32" s="72">
        <v>0</v>
      </c>
      <c r="DV32" s="244"/>
      <c r="DW32" s="71">
        <v>0</v>
      </c>
      <c r="DX32" s="71">
        <v>0</v>
      </c>
      <c r="DY32" s="71">
        <v>0</v>
      </c>
      <c r="DZ32" s="71">
        <v>0</v>
      </c>
      <c r="EA32" s="71">
        <v>0</v>
      </c>
      <c r="EB32" s="72">
        <v>0</v>
      </c>
      <c r="EC32" s="73">
        <v>0</v>
      </c>
      <c r="ED32" s="70">
        <v>1</v>
      </c>
      <c r="EE32" s="71">
        <v>0</v>
      </c>
      <c r="EF32" s="72">
        <v>1</v>
      </c>
      <c r="EG32" s="244"/>
      <c r="EH32" s="71">
        <v>0</v>
      </c>
      <c r="EI32" s="71">
        <v>0</v>
      </c>
      <c r="EJ32" s="71">
        <v>0</v>
      </c>
      <c r="EK32" s="71">
        <v>1</v>
      </c>
      <c r="EL32" s="71">
        <v>0</v>
      </c>
      <c r="EM32" s="72">
        <v>1</v>
      </c>
      <c r="EN32" s="73">
        <v>2</v>
      </c>
      <c r="EO32" s="70">
        <v>1</v>
      </c>
      <c r="EP32" s="71">
        <v>1</v>
      </c>
      <c r="EQ32" s="72">
        <v>2</v>
      </c>
      <c r="ER32" s="244"/>
      <c r="ES32" s="71">
        <v>2</v>
      </c>
      <c r="ET32" s="71">
        <v>0</v>
      </c>
      <c r="EU32" s="71">
        <v>1</v>
      </c>
      <c r="EV32" s="71">
        <v>0</v>
      </c>
      <c r="EW32" s="71">
        <v>0</v>
      </c>
      <c r="EX32" s="72">
        <v>3</v>
      </c>
      <c r="EY32" s="73">
        <v>5</v>
      </c>
      <c r="EZ32" s="70">
        <v>0</v>
      </c>
      <c r="FA32" s="71">
        <v>2</v>
      </c>
      <c r="FB32" s="72">
        <v>2</v>
      </c>
      <c r="FC32" s="244"/>
      <c r="FD32" s="71">
        <v>1</v>
      </c>
      <c r="FE32" s="71">
        <v>0</v>
      </c>
      <c r="FF32" s="71">
        <v>0</v>
      </c>
      <c r="FG32" s="71">
        <v>0</v>
      </c>
      <c r="FH32" s="71">
        <v>0</v>
      </c>
      <c r="FI32" s="72">
        <v>1</v>
      </c>
      <c r="FJ32" s="73">
        <v>3</v>
      </c>
      <c r="FK32" s="70">
        <v>0</v>
      </c>
      <c r="FL32" s="71">
        <v>1</v>
      </c>
      <c r="FM32" s="72">
        <v>1</v>
      </c>
      <c r="FN32" s="244"/>
      <c r="FO32" s="71">
        <v>1</v>
      </c>
      <c r="FP32" s="71">
        <v>1</v>
      </c>
      <c r="FQ32" s="71">
        <v>0</v>
      </c>
      <c r="FR32" s="71">
        <v>0</v>
      </c>
      <c r="FS32" s="71">
        <v>0</v>
      </c>
      <c r="FT32" s="72">
        <v>2</v>
      </c>
      <c r="FU32" s="73">
        <v>3</v>
      </c>
      <c r="FV32" s="70">
        <v>0</v>
      </c>
      <c r="FW32" s="71">
        <v>0</v>
      </c>
      <c r="FX32" s="72">
        <v>0</v>
      </c>
      <c r="FY32" s="244"/>
      <c r="FZ32" s="71">
        <v>0</v>
      </c>
      <c r="GA32" s="71">
        <v>0</v>
      </c>
      <c r="GB32" s="71">
        <v>0</v>
      </c>
      <c r="GC32" s="71">
        <v>0</v>
      </c>
      <c r="GD32" s="71">
        <v>0</v>
      </c>
      <c r="GE32" s="72">
        <v>0</v>
      </c>
      <c r="GF32" s="73">
        <v>0</v>
      </c>
      <c r="GG32" s="70">
        <v>2</v>
      </c>
      <c r="GH32" s="71">
        <v>4</v>
      </c>
      <c r="GI32" s="72">
        <v>6</v>
      </c>
      <c r="GJ32" s="244"/>
      <c r="GK32" s="71">
        <v>4</v>
      </c>
      <c r="GL32" s="71">
        <v>1</v>
      </c>
      <c r="GM32" s="71">
        <v>1</v>
      </c>
      <c r="GN32" s="71">
        <v>1</v>
      </c>
      <c r="GO32" s="71">
        <v>0</v>
      </c>
      <c r="GP32" s="72">
        <v>7</v>
      </c>
      <c r="GQ32" s="73">
        <v>13</v>
      </c>
      <c r="GR32" s="123">
        <v>6</v>
      </c>
      <c r="GS32" s="82">
        <v>6</v>
      </c>
      <c r="GT32" s="83">
        <v>12</v>
      </c>
      <c r="GU32" s="241"/>
      <c r="GV32" s="82">
        <v>6</v>
      </c>
      <c r="GW32" s="82">
        <v>5</v>
      </c>
      <c r="GX32" s="82">
        <v>11</v>
      </c>
      <c r="GY32" s="82">
        <v>4</v>
      </c>
      <c r="GZ32" s="82">
        <v>2</v>
      </c>
      <c r="HA32" s="84">
        <v>28</v>
      </c>
      <c r="HB32" s="85">
        <v>40</v>
      </c>
      <c r="HC32" s="70">
        <v>0</v>
      </c>
      <c r="HD32" s="71">
        <v>0</v>
      </c>
      <c r="HE32" s="72">
        <v>0</v>
      </c>
      <c r="HF32" s="241"/>
      <c r="HG32" s="71">
        <v>0</v>
      </c>
      <c r="HH32" s="71">
        <v>0</v>
      </c>
      <c r="HI32" s="71">
        <v>1</v>
      </c>
      <c r="HJ32" s="71">
        <v>0</v>
      </c>
      <c r="HK32" s="71">
        <v>0</v>
      </c>
      <c r="HL32" s="72">
        <v>1</v>
      </c>
      <c r="HM32" s="73">
        <v>1</v>
      </c>
      <c r="HN32" s="70">
        <v>0</v>
      </c>
      <c r="HO32" s="71">
        <v>1</v>
      </c>
      <c r="HP32" s="72">
        <v>1</v>
      </c>
      <c r="HQ32" s="241"/>
      <c r="HR32" s="71">
        <v>0</v>
      </c>
      <c r="HS32" s="71">
        <v>1</v>
      </c>
      <c r="HT32" s="71">
        <v>0</v>
      </c>
      <c r="HU32" s="71">
        <v>1</v>
      </c>
      <c r="HV32" s="71">
        <v>1</v>
      </c>
      <c r="HW32" s="72">
        <v>3</v>
      </c>
      <c r="HX32" s="73">
        <v>4</v>
      </c>
      <c r="HY32" s="70">
        <v>2</v>
      </c>
      <c r="HZ32" s="71">
        <v>1</v>
      </c>
      <c r="IA32" s="72">
        <v>3</v>
      </c>
      <c r="IB32" s="244"/>
      <c r="IC32" s="71">
        <v>0</v>
      </c>
      <c r="ID32" s="71">
        <v>1</v>
      </c>
      <c r="IE32" s="71">
        <v>1</v>
      </c>
      <c r="IF32" s="71">
        <v>1</v>
      </c>
      <c r="IG32" s="71">
        <v>1</v>
      </c>
      <c r="IH32" s="72">
        <v>4</v>
      </c>
      <c r="II32" s="73">
        <v>7</v>
      </c>
      <c r="IJ32" s="70">
        <v>2</v>
      </c>
      <c r="IK32" s="71">
        <v>1</v>
      </c>
      <c r="IL32" s="72">
        <v>3</v>
      </c>
      <c r="IM32" s="244"/>
      <c r="IN32" s="71">
        <v>3</v>
      </c>
      <c r="IO32" s="71">
        <v>0</v>
      </c>
      <c r="IP32" s="71">
        <v>7</v>
      </c>
      <c r="IQ32" s="71">
        <v>0</v>
      </c>
      <c r="IR32" s="71">
        <v>0</v>
      </c>
      <c r="IS32" s="72">
        <v>10</v>
      </c>
      <c r="IT32" s="73">
        <v>13</v>
      </c>
      <c r="IU32" s="70">
        <v>2</v>
      </c>
      <c r="IV32" s="71">
        <v>2</v>
      </c>
      <c r="IW32" s="72">
        <v>4</v>
      </c>
      <c r="IX32" s="244"/>
      <c r="IY32" s="71">
        <v>1</v>
      </c>
      <c r="IZ32" s="71">
        <v>0</v>
      </c>
      <c r="JA32" s="71">
        <v>0</v>
      </c>
      <c r="JB32" s="71">
        <v>1</v>
      </c>
      <c r="JC32" s="71">
        <v>0</v>
      </c>
      <c r="JD32" s="72">
        <v>2</v>
      </c>
      <c r="JE32" s="73">
        <v>6</v>
      </c>
      <c r="JF32" s="70">
        <v>0</v>
      </c>
      <c r="JG32" s="71">
        <v>1</v>
      </c>
      <c r="JH32" s="72">
        <v>1</v>
      </c>
      <c r="JI32" s="244"/>
      <c r="JJ32" s="71">
        <v>2</v>
      </c>
      <c r="JK32" s="71">
        <v>3</v>
      </c>
      <c r="JL32" s="71">
        <v>2</v>
      </c>
      <c r="JM32" s="71">
        <v>1</v>
      </c>
      <c r="JN32" s="71">
        <v>0</v>
      </c>
      <c r="JO32" s="72">
        <v>8</v>
      </c>
      <c r="JP32" s="73">
        <v>9</v>
      </c>
      <c r="JQ32" s="70">
        <v>0</v>
      </c>
      <c r="JR32" s="71">
        <v>0</v>
      </c>
      <c r="JS32" s="72">
        <v>0</v>
      </c>
      <c r="JT32" s="244"/>
      <c r="JU32" s="71">
        <v>0</v>
      </c>
      <c r="JV32" s="71">
        <v>0</v>
      </c>
      <c r="JW32" s="71">
        <v>0</v>
      </c>
      <c r="JX32" s="71">
        <v>0</v>
      </c>
      <c r="JY32" s="71">
        <v>0</v>
      </c>
      <c r="JZ32" s="72">
        <v>0</v>
      </c>
      <c r="KA32" s="73">
        <v>0</v>
      </c>
      <c r="KB32" s="70">
        <v>6</v>
      </c>
      <c r="KC32" s="71">
        <v>6</v>
      </c>
      <c r="KD32" s="72">
        <v>12</v>
      </c>
      <c r="KE32" s="244"/>
      <c r="KF32" s="71">
        <v>6</v>
      </c>
      <c r="KG32" s="71">
        <v>5</v>
      </c>
      <c r="KH32" s="71">
        <v>11</v>
      </c>
      <c r="KI32" s="71">
        <v>4</v>
      </c>
      <c r="KJ32" s="71">
        <v>2</v>
      </c>
      <c r="KK32" s="72">
        <v>28</v>
      </c>
      <c r="KL32" s="73">
        <v>40</v>
      </c>
    </row>
    <row r="33" spans="1:298" ht="19.5" customHeight="1" x14ac:dyDescent="0.2">
      <c r="A33" s="126" t="s">
        <v>30</v>
      </c>
      <c r="B33" s="316">
        <v>2</v>
      </c>
      <c r="C33" s="82">
        <v>2</v>
      </c>
      <c r="D33" s="83">
        <v>4</v>
      </c>
      <c r="E33" s="241"/>
      <c r="F33" s="82">
        <v>4</v>
      </c>
      <c r="G33" s="82">
        <v>5</v>
      </c>
      <c r="H33" s="82">
        <v>4</v>
      </c>
      <c r="I33" s="82">
        <v>4</v>
      </c>
      <c r="J33" s="82">
        <v>1</v>
      </c>
      <c r="K33" s="84">
        <v>18</v>
      </c>
      <c r="L33" s="85">
        <v>22</v>
      </c>
      <c r="M33" s="70">
        <v>0</v>
      </c>
      <c r="N33" s="71">
        <v>0</v>
      </c>
      <c r="O33" s="72">
        <v>0</v>
      </c>
      <c r="P33" s="244"/>
      <c r="Q33" s="71">
        <v>0</v>
      </c>
      <c r="R33" s="71">
        <v>0</v>
      </c>
      <c r="S33" s="71">
        <v>0</v>
      </c>
      <c r="T33" s="71">
        <v>0</v>
      </c>
      <c r="U33" s="71">
        <v>0</v>
      </c>
      <c r="V33" s="72">
        <v>0</v>
      </c>
      <c r="W33" s="73">
        <v>0</v>
      </c>
      <c r="X33" s="70">
        <v>1</v>
      </c>
      <c r="Y33" s="71">
        <v>0</v>
      </c>
      <c r="Z33" s="72">
        <v>1</v>
      </c>
      <c r="AA33" s="244"/>
      <c r="AB33" s="71">
        <v>1</v>
      </c>
      <c r="AC33" s="71">
        <v>0</v>
      </c>
      <c r="AD33" s="71">
        <v>0</v>
      </c>
      <c r="AE33" s="71">
        <v>1</v>
      </c>
      <c r="AF33" s="71">
        <v>0</v>
      </c>
      <c r="AG33" s="72">
        <v>2</v>
      </c>
      <c r="AH33" s="73">
        <v>3</v>
      </c>
      <c r="AI33" s="70">
        <v>0</v>
      </c>
      <c r="AJ33" s="71">
        <v>0</v>
      </c>
      <c r="AK33" s="72">
        <v>0</v>
      </c>
      <c r="AL33" s="244"/>
      <c r="AM33" s="71">
        <v>0</v>
      </c>
      <c r="AN33" s="71">
        <v>1</v>
      </c>
      <c r="AO33" s="71">
        <v>0</v>
      </c>
      <c r="AP33" s="71">
        <v>0</v>
      </c>
      <c r="AQ33" s="71">
        <v>0</v>
      </c>
      <c r="AR33" s="72">
        <v>1</v>
      </c>
      <c r="AS33" s="73">
        <v>1</v>
      </c>
      <c r="AT33" s="70">
        <v>0</v>
      </c>
      <c r="AU33" s="71">
        <v>1</v>
      </c>
      <c r="AV33" s="72">
        <v>1</v>
      </c>
      <c r="AW33" s="244"/>
      <c r="AX33" s="71">
        <v>1</v>
      </c>
      <c r="AY33" s="71">
        <v>1</v>
      </c>
      <c r="AZ33" s="71">
        <v>1</v>
      </c>
      <c r="BA33" s="71">
        <v>0</v>
      </c>
      <c r="BB33" s="71">
        <v>0</v>
      </c>
      <c r="BC33" s="72">
        <v>3</v>
      </c>
      <c r="BD33" s="73">
        <v>4</v>
      </c>
      <c r="BE33" s="70">
        <v>0</v>
      </c>
      <c r="BF33" s="71">
        <v>1</v>
      </c>
      <c r="BG33" s="72">
        <v>1</v>
      </c>
      <c r="BH33" s="244"/>
      <c r="BI33" s="71">
        <v>1</v>
      </c>
      <c r="BJ33" s="71">
        <v>3</v>
      </c>
      <c r="BK33" s="71">
        <v>1</v>
      </c>
      <c r="BL33" s="71">
        <v>2</v>
      </c>
      <c r="BM33" s="71">
        <v>1</v>
      </c>
      <c r="BN33" s="72">
        <v>8</v>
      </c>
      <c r="BO33" s="73">
        <v>9</v>
      </c>
      <c r="BP33" s="70">
        <v>1</v>
      </c>
      <c r="BQ33" s="71">
        <v>0</v>
      </c>
      <c r="BR33" s="72">
        <v>1</v>
      </c>
      <c r="BS33" s="244"/>
      <c r="BT33" s="71">
        <v>1</v>
      </c>
      <c r="BU33" s="71">
        <v>0</v>
      </c>
      <c r="BV33" s="71">
        <v>2</v>
      </c>
      <c r="BW33" s="71">
        <v>1</v>
      </c>
      <c r="BX33" s="71">
        <v>0</v>
      </c>
      <c r="BY33" s="72">
        <v>4</v>
      </c>
      <c r="BZ33" s="73">
        <v>5</v>
      </c>
      <c r="CA33" s="70">
        <v>0</v>
      </c>
      <c r="CB33" s="71">
        <v>0</v>
      </c>
      <c r="CC33" s="72">
        <v>0</v>
      </c>
      <c r="CD33" s="244"/>
      <c r="CE33" s="71">
        <v>0</v>
      </c>
      <c r="CF33" s="71">
        <v>0</v>
      </c>
      <c r="CG33" s="71">
        <v>0</v>
      </c>
      <c r="CH33" s="71">
        <v>0</v>
      </c>
      <c r="CI33" s="71">
        <v>0</v>
      </c>
      <c r="CJ33" s="72">
        <v>0</v>
      </c>
      <c r="CK33" s="73">
        <v>0</v>
      </c>
      <c r="CL33" s="70">
        <v>2</v>
      </c>
      <c r="CM33" s="71">
        <v>2</v>
      </c>
      <c r="CN33" s="72">
        <v>4</v>
      </c>
      <c r="CO33" s="244"/>
      <c r="CP33" s="71">
        <v>4</v>
      </c>
      <c r="CQ33" s="71">
        <v>5</v>
      </c>
      <c r="CR33" s="71">
        <v>4</v>
      </c>
      <c r="CS33" s="71">
        <v>4</v>
      </c>
      <c r="CT33" s="71">
        <v>1</v>
      </c>
      <c r="CU33" s="72">
        <v>18</v>
      </c>
      <c r="CV33" s="73">
        <v>22</v>
      </c>
      <c r="CW33" s="123">
        <v>1</v>
      </c>
      <c r="CX33" s="82">
        <v>2</v>
      </c>
      <c r="CY33" s="83">
        <v>3</v>
      </c>
      <c r="CZ33" s="241"/>
      <c r="DA33" s="82">
        <v>2</v>
      </c>
      <c r="DB33" s="82">
        <v>1</v>
      </c>
      <c r="DC33" s="82">
        <v>0</v>
      </c>
      <c r="DD33" s="82">
        <v>0</v>
      </c>
      <c r="DE33" s="82">
        <v>0</v>
      </c>
      <c r="DF33" s="84">
        <v>3</v>
      </c>
      <c r="DG33" s="85">
        <v>6</v>
      </c>
      <c r="DH33" s="70">
        <v>0</v>
      </c>
      <c r="DI33" s="71">
        <v>0</v>
      </c>
      <c r="DJ33" s="72">
        <v>0</v>
      </c>
      <c r="DK33" s="244"/>
      <c r="DL33" s="71">
        <v>0</v>
      </c>
      <c r="DM33" s="71">
        <v>0</v>
      </c>
      <c r="DN33" s="71">
        <v>0</v>
      </c>
      <c r="DO33" s="71">
        <v>0</v>
      </c>
      <c r="DP33" s="71">
        <v>0</v>
      </c>
      <c r="DQ33" s="72">
        <v>0</v>
      </c>
      <c r="DR33" s="73">
        <v>0</v>
      </c>
      <c r="DS33" s="70">
        <v>0</v>
      </c>
      <c r="DT33" s="71">
        <v>0</v>
      </c>
      <c r="DU33" s="72">
        <v>0</v>
      </c>
      <c r="DV33" s="244"/>
      <c r="DW33" s="71">
        <v>0</v>
      </c>
      <c r="DX33" s="71">
        <v>0</v>
      </c>
      <c r="DY33" s="71">
        <v>0</v>
      </c>
      <c r="DZ33" s="71">
        <v>0</v>
      </c>
      <c r="EA33" s="71">
        <v>0</v>
      </c>
      <c r="EB33" s="72">
        <v>0</v>
      </c>
      <c r="EC33" s="73">
        <v>0</v>
      </c>
      <c r="ED33" s="70">
        <v>0</v>
      </c>
      <c r="EE33" s="71">
        <v>0</v>
      </c>
      <c r="EF33" s="72">
        <v>0</v>
      </c>
      <c r="EG33" s="244"/>
      <c r="EH33" s="71">
        <v>0</v>
      </c>
      <c r="EI33" s="71">
        <v>0</v>
      </c>
      <c r="EJ33" s="71">
        <v>0</v>
      </c>
      <c r="EK33" s="71">
        <v>0</v>
      </c>
      <c r="EL33" s="71">
        <v>0</v>
      </c>
      <c r="EM33" s="72">
        <v>0</v>
      </c>
      <c r="EN33" s="73">
        <v>0</v>
      </c>
      <c r="EO33" s="70">
        <v>1</v>
      </c>
      <c r="EP33" s="71">
        <v>1</v>
      </c>
      <c r="EQ33" s="72">
        <v>2</v>
      </c>
      <c r="ER33" s="244"/>
      <c r="ES33" s="71">
        <v>0</v>
      </c>
      <c r="ET33" s="71">
        <v>0</v>
      </c>
      <c r="EU33" s="71">
        <v>0</v>
      </c>
      <c r="EV33" s="71">
        <v>0</v>
      </c>
      <c r="EW33" s="71">
        <v>0</v>
      </c>
      <c r="EX33" s="72">
        <v>0</v>
      </c>
      <c r="EY33" s="73">
        <v>2</v>
      </c>
      <c r="EZ33" s="70">
        <v>0</v>
      </c>
      <c r="FA33" s="71">
        <v>0</v>
      </c>
      <c r="FB33" s="72">
        <v>0</v>
      </c>
      <c r="FC33" s="244"/>
      <c r="FD33" s="71">
        <v>1</v>
      </c>
      <c r="FE33" s="71">
        <v>0</v>
      </c>
      <c r="FF33" s="71">
        <v>0</v>
      </c>
      <c r="FG33" s="71">
        <v>0</v>
      </c>
      <c r="FH33" s="71">
        <v>0</v>
      </c>
      <c r="FI33" s="72">
        <v>1</v>
      </c>
      <c r="FJ33" s="73">
        <v>1</v>
      </c>
      <c r="FK33" s="70">
        <v>0</v>
      </c>
      <c r="FL33" s="71">
        <v>1</v>
      </c>
      <c r="FM33" s="72">
        <v>1</v>
      </c>
      <c r="FN33" s="244"/>
      <c r="FO33" s="71">
        <v>1</v>
      </c>
      <c r="FP33" s="71">
        <v>1</v>
      </c>
      <c r="FQ33" s="71">
        <v>0</v>
      </c>
      <c r="FR33" s="71">
        <v>0</v>
      </c>
      <c r="FS33" s="71">
        <v>0</v>
      </c>
      <c r="FT33" s="72">
        <v>2</v>
      </c>
      <c r="FU33" s="73">
        <v>3</v>
      </c>
      <c r="FV33" s="70">
        <v>0</v>
      </c>
      <c r="FW33" s="71">
        <v>0</v>
      </c>
      <c r="FX33" s="72">
        <v>0</v>
      </c>
      <c r="FY33" s="244"/>
      <c r="FZ33" s="71">
        <v>0</v>
      </c>
      <c r="GA33" s="71">
        <v>0</v>
      </c>
      <c r="GB33" s="71">
        <v>0</v>
      </c>
      <c r="GC33" s="71">
        <v>0</v>
      </c>
      <c r="GD33" s="71">
        <v>0</v>
      </c>
      <c r="GE33" s="72">
        <v>0</v>
      </c>
      <c r="GF33" s="73">
        <v>0</v>
      </c>
      <c r="GG33" s="70">
        <v>1</v>
      </c>
      <c r="GH33" s="71">
        <v>2</v>
      </c>
      <c r="GI33" s="72">
        <v>3</v>
      </c>
      <c r="GJ33" s="244"/>
      <c r="GK33" s="71">
        <v>2</v>
      </c>
      <c r="GL33" s="71">
        <v>1</v>
      </c>
      <c r="GM33" s="71">
        <v>0</v>
      </c>
      <c r="GN33" s="71">
        <v>0</v>
      </c>
      <c r="GO33" s="71">
        <v>0</v>
      </c>
      <c r="GP33" s="72">
        <v>3</v>
      </c>
      <c r="GQ33" s="73">
        <v>6</v>
      </c>
      <c r="GR33" s="123">
        <v>3</v>
      </c>
      <c r="GS33" s="82">
        <v>4</v>
      </c>
      <c r="GT33" s="83">
        <v>7</v>
      </c>
      <c r="GU33" s="241"/>
      <c r="GV33" s="82">
        <v>6</v>
      </c>
      <c r="GW33" s="82">
        <v>6</v>
      </c>
      <c r="GX33" s="82">
        <v>4</v>
      </c>
      <c r="GY33" s="82">
        <v>4</v>
      </c>
      <c r="GZ33" s="82">
        <v>1</v>
      </c>
      <c r="HA33" s="84">
        <v>21</v>
      </c>
      <c r="HB33" s="85">
        <v>28</v>
      </c>
      <c r="HC33" s="70">
        <v>0</v>
      </c>
      <c r="HD33" s="71">
        <v>0</v>
      </c>
      <c r="HE33" s="72">
        <v>0</v>
      </c>
      <c r="HF33" s="241"/>
      <c r="HG33" s="71">
        <v>0</v>
      </c>
      <c r="HH33" s="71">
        <v>0</v>
      </c>
      <c r="HI33" s="71">
        <v>0</v>
      </c>
      <c r="HJ33" s="71">
        <v>0</v>
      </c>
      <c r="HK33" s="71">
        <v>0</v>
      </c>
      <c r="HL33" s="72">
        <v>0</v>
      </c>
      <c r="HM33" s="73">
        <v>0</v>
      </c>
      <c r="HN33" s="70">
        <v>1</v>
      </c>
      <c r="HO33" s="71">
        <v>0</v>
      </c>
      <c r="HP33" s="72">
        <v>1</v>
      </c>
      <c r="HQ33" s="241"/>
      <c r="HR33" s="71">
        <v>1</v>
      </c>
      <c r="HS33" s="71">
        <v>0</v>
      </c>
      <c r="HT33" s="71">
        <v>0</v>
      </c>
      <c r="HU33" s="71">
        <v>1</v>
      </c>
      <c r="HV33" s="71">
        <v>0</v>
      </c>
      <c r="HW33" s="72">
        <v>2</v>
      </c>
      <c r="HX33" s="73">
        <v>3</v>
      </c>
      <c r="HY33" s="70">
        <v>0</v>
      </c>
      <c r="HZ33" s="71">
        <v>0</v>
      </c>
      <c r="IA33" s="72">
        <v>0</v>
      </c>
      <c r="IB33" s="244"/>
      <c r="IC33" s="71">
        <v>0</v>
      </c>
      <c r="ID33" s="71">
        <v>1</v>
      </c>
      <c r="IE33" s="71">
        <v>0</v>
      </c>
      <c r="IF33" s="71">
        <v>0</v>
      </c>
      <c r="IG33" s="71">
        <v>0</v>
      </c>
      <c r="IH33" s="72">
        <v>1</v>
      </c>
      <c r="II33" s="73">
        <v>1</v>
      </c>
      <c r="IJ33" s="70">
        <v>1</v>
      </c>
      <c r="IK33" s="71">
        <v>2</v>
      </c>
      <c r="IL33" s="72">
        <v>3</v>
      </c>
      <c r="IM33" s="244"/>
      <c r="IN33" s="71">
        <v>1</v>
      </c>
      <c r="IO33" s="71">
        <v>1</v>
      </c>
      <c r="IP33" s="71">
        <v>1</v>
      </c>
      <c r="IQ33" s="71">
        <v>0</v>
      </c>
      <c r="IR33" s="71">
        <v>0</v>
      </c>
      <c r="IS33" s="72">
        <v>3</v>
      </c>
      <c r="IT33" s="73">
        <v>6</v>
      </c>
      <c r="IU33" s="70">
        <v>0</v>
      </c>
      <c r="IV33" s="71">
        <v>1</v>
      </c>
      <c r="IW33" s="72">
        <v>1</v>
      </c>
      <c r="IX33" s="244"/>
      <c r="IY33" s="71">
        <v>2</v>
      </c>
      <c r="IZ33" s="71">
        <v>3</v>
      </c>
      <c r="JA33" s="71">
        <v>1</v>
      </c>
      <c r="JB33" s="71">
        <v>2</v>
      </c>
      <c r="JC33" s="71">
        <v>1</v>
      </c>
      <c r="JD33" s="72">
        <v>9</v>
      </c>
      <c r="JE33" s="73">
        <v>10</v>
      </c>
      <c r="JF33" s="70">
        <v>1</v>
      </c>
      <c r="JG33" s="71">
        <v>1</v>
      </c>
      <c r="JH33" s="72">
        <v>2</v>
      </c>
      <c r="JI33" s="244"/>
      <c r="JJ33" s="71">
        <v>2</v>
      </c>
      <c r="JK33" s="71">
        <v>1</v>
      </c>
      <c r="JL33" s="71">
        <v>2</v>
      </c>
      <c r="JM33" s="71">
        <v>1</v>
      </c>
      <c r="JN33" s="71">
        <v>0</v>
      </c>
      <c r="JO33" s="72">
        <v>6</v>
      </c>
      <c r="JP33" s="73">
        <v>8</v>
      </c>
      <c r="JQ33" s="70">
        <v>0</v>
      </c>
      <c r="JR33" s="71">
        <v>0</v>
      </c>
      <c r="JS33" s="72">
        <v>0</v>
      </c>
      <c r="JT33" s="244"/>
      <c r="JU33" s="71">
        <v>0</v>
      </c>
      <c r="JV33" s="71">
        <v>0</v>
      </c>
      <c r="JW33" s="71">
        <v>0</v>
      </c>
      <c r="JX33" s="71">
        <v>0</v>
      </c>
      <c r="JY33" s="71">
        <v>0</v>
      </c>
      <c r="JZ33" s="72">
        <v>0</v>
      </c>
      <c r="KA33" s="73">
        <v>0</v>
      </c>
      <c r="KB33" s="70">
        <v>3</v>
      </c>
      <c r="KC33" s="71">
        <v>4</v>
      </c>
      <c r="KD33" s="72">
        <v>7</v>
      </c>
      <c r="KE33" s="244"/>
      <c r="KF33" s="71">
        <v>6</v>
      </c>
      <c r="KG33" s="71">
        <v>6</v>
      </c>
      <c r="KH33" s="71">
        <v>4</v>
      </c>
      <c r="KI33" s="71">
        <v>4</v>
      </c>
      <c r="KJ33" s="71">
        <v>1</v>
      </c>
      <c r="KK33" s="72">
        <v>21</v>
      </c>
      <c r="KL33" s="73">
        <v>28</v>
      </c>
    </row>
    <row r="34" spans="1:298" ht="19.5" customHeight="1" x14ac:dyDescent="0.2">
      <c r="A34" s="126" t="s">
        <v>31</v>
      </c>
      <c r="B34" s="316">
        <v>4</v>
      </c>
      <c r="C34" s="82">
        <v>1</v>
      </c>
      <c r="D34" s="83">
        <v>5</v>
      </c>
      <c r="E34" s="241"/>
      <c r="F34" s="82">
        <v>6</v>
      </c>
      <c r="G34" s="82">
        <v>5</v>
      </c>
      <c r="H34" s="82">
        <v>4</v>
      </c>
      <c r="I34" s="82">
        <v>1</v>
      </c>
      <c r="J34" s="82">
        <v>2</v>
      </c>
      <c r="K34" s="84">
        <v>18</v>
      </c>
      <c r="L34" s="85">
        <v>23</v>
      </c>
      <c r="M34" s="70">
        <v>0</v>
      </c>
      <c r="N34" s="71">
        <v>0</v>
      </c>
      <c r="O34" s="72">
        <v>0</v>
      </c>
      <c r="P34" s="244"/>
      <c r="Q34" s="71">
        <v>0</v>
      </c>
      <c r="R34" s="71">
        <v>1</v>
      </c>
      <c r="S34" s="71">
        <v>1</v>
      </c>
      <c r="T34" s="71">
        <v>0</v>
      </c>
      <c r="U34" s="71">
        <v>0</v>
      </c>
      <c r="V34" s="72">
        <v>2</v>
      </c>
      <c r="W34" s="73">
        <v>2</v>
      </c>
      <c r="X34" s="70">
        <v>1</v>
      </c>
      <c r="Y34" s="71">
        <v>0</v>
      </c>
      <c r="Z34" s="72">
        <v>1</v>
      </c>
      <c r="AA34" s="244"/>
      <c r="AB34" s="71">
        <v>1</v>
      </c>
      <c r="AC34" s="71">
        <v>0</v>
      </c>
      <c r="AD34" s="71">
        <v>1</v>
      </c>
      <c r="AE34" s="71">
        <v>0</v>
      </c>
      <c r="AF34" s="71">
        <v>1</v>
      </c>
      <c r="AG34" s="72">
        <v>3</v>
      </c>
      <c r="AH34" s="73">
        <v>4</v>
      </c>
      <c r="AI34" s="70">
        <v>0</v>
      </c>
      <c r="AJ34" s="71">
        <v>0</v>
      </c>
      <c r="AK34" s="72">
        <v>0</v>
      </c>
      <c r="AL34" s="244"/>
      <c r="AM34" s="71">
        <v>1</v>
      </c>
      <c r="AN34" s="71">
        <v>0</v>
      </c>
      <c r="AO34" s="71">
        <v>0</v>
      </c>
      <c r="AP34" s="71">
        <v>0</v>
      </c>
      <c r="AQ34" s="71">
        <v>0</v>
      </c>
      <c r="AR34" s="72">
        <v>1</v>
      </c>
      <c r="AS34" s="73">
        <v>1</v>
      </c>
      <c r="AT34" s="70">
        <v>0</v>
      </c>
      <c r="AU34" s="71">
        <v>1</v>
      </c>
      <c r="AV34" s="72">
        <v>1</v>
      </c>
      <c r="AW34" s="244"/>
      <c r="AX34" s="71">
        <v>1</v>
      </c>
      <c r="AY34" s="71">
        <v>1</v>
      </c>
      <c r="AZ34" s="71">
        <v>0</v>
      </c>
      <c r="BA34" s="71">
        <v>0</v>
      </c>
      <c r="BB34" s="71">
        <v>1</v>
      </c>
      <c r="BC34" s="72">
        <v>3</v>
      </c>
      <c r="BD34" s="73">
        <v>4</v>
      </c>
      <c r="BE34" s="70">
        <v>3</v>
      </c>
      <c r="BF34" s="71">
        <v>0</v>
      </c>
      <c r="BG34" s="72">
        <v>3</v>
      </c>
      <c r="BH34" s="244"/>
      <c r="BI34" s="71">
        <v>0</v>
      </c>
      <c r="BJ34" s="71">
        <v>1</v>
      </c>
      <c r="BK34" s="71">
        <v>1</v>
      </c>
      <c r="BL34" s="71">
        <v>0</v>
      </c>
      <c r="BM34" s="71">
        <v>0</v>
      </c>
      <c r="BN34" s="72">
        <v>2</v>
      </c>
      <c r="BO34" s="73">
        <v>5</v>
      </c>
      <c r="BP34" s="70">
        <v>0</v>
      </c>
      <c r="BQ34" s="71">
        <v>0</v>
      </c>
      <c r="BR34" s="72">
        <v>0</v>
      </c>
      <c r="BS34" s="244"/>
      <c r="BT34" s="71">
        <v>3</v>
      </c>
      <c r="BU34" s="71">
        <v>2</v>
      </c>
      <c r="BV34" s="71">
        <v>1</v>
      </c>
      <c r="BW34" s="71">
        <v>1</v>
      </c>
      <c r="BX34" s="71">
        <v>0</v>
      </c>
      <c r="BY34" s="72">
        <v>7</v>
      </c>
      <c r="BZ34" s="73">
        <v>7</v>
      </c>
      <c r="CA34" s="70">
        <v>0</v>
      </c>
      <c r="CB34" s="71">
        <v>0</v>
      </c>
      <c r="CC34" s="72">
        <v>0</v>
      </c>
      <c r="CD34" s="244"/>
      <c r="CE34" s="71">
        <v>0</v>
      </c>
      <c r="CF34" s="71">
        <v>0</v>
      </c>
      <c r="CG34" s="71">
        <v>0</v>
      </c>
      <c r="CH34" s="71">
        <v>0</v>
      </c>
      <c r="CI34" s="71">
        <v>0</v>
      </c>
      <c r="CJ34" s="72">
        <v>0</v>
      </c>
      <c r="CK34" s="73">
        <v>0</v>
      </c>
      <c r="CL34" s="70">
        <v>4</v>
      </c>
      <c r="CM34" s="71">
        <v>1</v>
      </c>
      <c r="CN34" s="72">
        <v>5</v>
      </c>
      <c r="CO34" s="244"/>
      <c r="CP34" s="71">
        <v>6</v>
      </c>
      <c r="CQ34" s="71">
        <v>5</v>
      </c>
      <c r="CR34" s="71">
        <v>4</v>
      </c>
      <c r="CS34" s="71">
        <v>1</v>
      </c>
      <c r="CT34" s="71">
        <v>2</v>
      </c>
      <c r="CU34" s="72">
        <v>18</v>
      </c>
      <c r="CV34" s="73">
        <v>23</v>
      </c>
      <c r="CW34" s="123">
        <v>1</v>
      </c>
      <c r="CX34" s="82">
        <v>1</v>
      </c>
      <c r="CY34" s="83">
        <v>2</v>
      </c>
      <c r="CZ34" s="241"/>
      <c r="DA34" s="82">
        <v>0</v>
      </c>
      <c r="DB34" s="82">
        <v>1</v>
      </c>
      <c r="DC34" s="82">
        <v>2</v>
      </c>
      <c r="DD34" s="82">
        <v>1</v>
      </c>
      <c r="DE34" s="82">
        <v>2</v>
      </c>
      <c r="DF34" s="84">
        <v>6</v>
      </c>
      <c r="DG34" s="85">
        <v>8</v>
      </c>
      <c r="DH34" s="70">
        <v>0</v>
      </c>
      <c r="DI34" s="71">
        <v>0</v>
      </c>
      <c r="DJ34" s="72">
        <v>0</v>
      </c>
      <c r="DK34" s="244"/>
      <c r="DL34" s="71">
        <v>0</v>
      </c>
      <c r="DM34" s="71">
        <v>0</v>
      </c>
      <c r="DN34" s="71">
        <v>0</v>
      </c>
      <c r="DO34" s="71">
        <v>0</v>
      </c>
      <c r="DP34" s="71">
        <v>0</v>
      </c>
      <c r="DQ34" s="72">
        <v>0</v>
      </c>
      <c r="DR34" s="73">
        <v>0</v>
      </c>
      <c r="DS34" s="70">
        <v>0</v>
      </c>
      <c r="DT34" s="71">
        <v>1</v>
      </c>
      <c r="DU34" s="72">
        <v>1</v>
      </c>
      <c r="DV34" s="244"/>
      <c r="DW34" s="71">
        <v>0</v>
      </c>
      <c r="DX34" s="71">
        <v>0</v>
      </c>
      <c r="DY34" s="71">
        <v>1</v>
      </c>
      <c r="DZ34" s="71">
        <v>0</v>
      </c>
      <c r="EA34" s="71">
        <v>0</v>
      </c>
      <c r="EB34" s="72">
        <v>1</v>
      </c>
      <c r="EC34" s="73">
        <v>2</v>
      </c>
      <c r="ED34" s="70">
        <v>0</v>
      </c>
      <c r="EE34" s="71">
        <v>0</v>
      </c>
      <c r="EF34" s="72">
        <v>0</v>
      </c>
      <c r="EG34" s="244"/>
      <c r="EH34" s="71">
        <v>0</v>
      </c>
      <c r="EI34" s="71">
        <v>0</v>
      </c>
      <c r="EJ34" s="71">
        <v>0</v>
      </c>
      <c r="EK34" s="71">
        <v>0</v>
      </c>
      <c r="EL34" s="71">
        <v>0</v>
      </c>
      <c r="EM34" s="72">
        <v>0</v>
      </c>
      <c r="EN34" s="73">
        <v>0</v>
      </c>
      <c r="EO34" s="70">
        <v>0</v>
      </c>
      <c r="EP34" s="71">
        <v>0</v>
      </c>
      <c r="EQ34" s="72">
        <v>0</v>
      </c>
      <c r="ER34" s="244"/>
      <c r="ES34" s="71">
        <v>0</v>
      </c>
      <c r="ET34" s="71">
        <v>1</v>
      </c>
      <c r="EU34" s="71">
        <v>0</v>
      </c>
      <c r="EV34" s="71">
        <v>1</v>
      </c>
      <c r="EW34" s="71">
        <v>0</v>
      </c>
      <c r="EX34" s="72">
        <v>2</v>
      </c>
      <c r="EY34" s="73">
        <v>2</v>
      </c>
      <c r="EZ34" s="70">
        <v>0</v>
      </c>
      <c r="FA34" s="71">
        <v>0</v>
      </c>
      <c r="FB34" s="72">
        <v>0</v>
      </c>
      <c r="FC34" s="244"/>
      <c r="FD34" s="71">
        <v>0</v>
      </c>
      <c r="FE34" s="71">
        <v>0</v>
      </c>
      <c r="FF34" s="71">
        <v>0</v>
      </c>
      <c r="FG34" s="71">
        <v>0</v>
      </c>
      <c r="FH34" s="71">
        <v>0</v>
      </c>
      <c r="FI34" s="72">
        <v>0</v>
      </c>
      <c r="FJ34" s="73">
        <v>0</v>
      </c>
      <c r="FK34" s="70">
        <v>1</v>
      </c>
      <c r="FL34" s="71">
        <v>0</v>
      </c>
      <c r="FM34" s="72">
        <v>1</v>
      </c>
      <c r="FN34" s="244"/>
      <c r="FO34" s="71">
        <v>0</v>
      </c>
      <c r="FP34" s="71">
        <v>0</v>
      </c>
      <c r="FQ34" s="71">
        <v>1</v>
      </c>
      <c r="FR34" s="71">
        <v>0</v>
      </c>
      <c r="FS34" s="71">
        <v>2</v>
      </c>
      <c r="FT34" s="72">
        <v>3</v>
      </c>
      <c r="FU34" s="73">
        <v>4</v>
      </c>
      <c r="FV34" s="70">
        <v>0</v>
      </c>
      <c r="FW34" s="71">
        <v>0</v>
      </c>
      <c r="FX34" s="72">
        <v>0</v>
      </c>
      <c r="FY34" s="244"/>
      <c r="FZ34" s="71">
        <v>0</v>
      </c>
      <c r="GA34" s="71">
        <v>0</v>
      </c>
      <c r="GB34" s="71">
        <v>0</v>
      </c>
      <c r="GC34" s="71">
        <v>0</v>
      </c>
      <c r="GD34" s="71">
        <v>0</v>
      </c>
      <c r="GE34" s="72">
        <v>0</v>
      </c>
      <c r="GF34" s="73">
        <v>0</v>
      </c>
      <c r="GG34" s="70">
        <v>1</v>
      </c>
      <c r="GH34" s="71">
        <v>1</v>
      </c>
      <c r="GI34" s="72">
        <v>2</v>
      </c>
      <c r="GJ34" s="244"/>
      <c r="GK34" s="71">
        <v>0</v>
      </c>
      <c r="GL34" s="71">
        <v>1</v>
      </c>
      <c r="GM34" s="71">
        <v>2</v>
      </c>
      <c r="GN34" s="71">
        <v>1</v>
      </c>
      <c r="GO34" s="71">
        <v>2</v>
      </c>
      <c r="GP34" s="72">
        <v>6</v>
      </c>
      <c r="GQ34" s="73">
        <v>8</v>
      </c>
      <c r="GR34" s="123">
        <v>5</v>
      </c>
      <c r="GS34" s="82">
        <v>2</v>
      </c>
      <c r="GT34" s="83">
        <v>7</v>
      </c>
      <c r="GU34" s="241"/>
      <c r="GV34" s="82">
        <v>6</v>
      </c>
      <c r="GW34" s="82">
        <v>6</v>
      </c>
      <c r="GX34" s="82">
        <v>6</v>
      </c>
      <c r="GY34" s="82">
        <v>2</v>
      </c>
      <c r="GZ34" s="82">
        <v>4</v>
      </c>
      <c r="HA34" s="84">
        <v>24</v>
      </c>
      <c r="HB34" s="85">
        <v>31</v>
      </c>
      <c r="HC34" s="70">
        <v>0</v>
      </c>
      <c r="HD34" s="71">
        <v>0</v>
      </c>
      <c r="HE34" s="72">
        <v>0</v>
      </c>
      <c r="HF34" s="241"/>
      <c r="HG34" s="71">
        <v>0</v>
      </c>
      <c r="HH34" s="71">
        <v>1</v>
      </c>
      <c r="HI34" s="71">
        <v>1</v>
      </c>
      <c r="HJ34" s="71">
        <v>0</v>
      </c>
      <c r="HK34" s="71">
        <v>0</v>
      </c>
      <c r="HL34" s="72">
        <v>2</v>
      </c>
      <c r="HM34" s="73">
        <v>2</v>
      </c>
      <c r="HN34" s="70">
        <v>1</v>
      </c>
      <c r="HO34" s="71">
        <v>1</v>
      </c>
      <c r="HP34" s="72">
        <v>2</v>
      </c>
      <c r="HQ34" s="241"/>
      <c r="HR34" s="71">
        <v>1</v>
      </c>
      <c r="HS34" s="71">
        <v>0</v>
      </c>
      <c r="HT34" s="71">
        <v>2</v>
      </c>
      <c r="HU34" s="71">
        <v>0</v>
      </c>
      <c r="HV34" s="71">
        <v>1</v>
      </c>
      <c r="HW34" s="72">
        <v>4</v>
      </c>
      <c r="HX34" s="73">
        <v>6</v>
      </c>
      <c r="HY34" s="70">
        <v>0</v>
      </c>
      <c r="HZ34" s="71">
        <v>0</v>
      </c>
      <c r="IA34" s="72">
        <v>0</v>
      </c>
      <c r="IB34" s="244"/>
      <c r="IC34" s="71">
        <v>1</v>
      </c>
      <c r="ID34" s="71">
        <v>0</v>
      </c>
      <c r="IE34" s="71">
        <v>0</v>
      </c>
      <c r="IF34" s="71">
        <v>0</v>
      </c>
      <c r="IG34" s="71">
        <v>0</v>
      </c>
      <c r="IH34" s="72">
        <v>1</v>
      </c>
      <c r="II34" s="73">
        <v>1</v>
      </c>
      <c r="IJ34" s="70">
        <v>0</v>
      </c>
      <c r="IK34" s="71">
        <v>1</v>
      </c>
      <c r="IL34" s="72">
        <v>1</v>
      </c>
      <c r="IM34" s="244"/>
      <c r="IN34" s="71">
        <v>1</v>
      </c>
      <c r="IO34" s="71">
        <v>2</v>
      </c>
      <c r="IP34" s="71">
        <v>0</v>
      </c>
      <c r="IQ34" s="71">
        <v>1</v>
      </c>
      <c r="IR34" s="71">
        <v>1</v>
      </c>
      <c r="IS34" s="72">
        <v>5</v>
      </c>
      <c r="IT34" s="73">
        <v>6</v>
      </c>
      <c r="IU34" s="70">
        <v>3</v>
      </c>
      <c r="IV34" s="71">
        <v>0</v>
      </c>
      <c r="IW34" s="72">
        <v>3</v>
      </c>
      <c r="IX34" s="244"/>
      <c r="IY34" s="71">
        <v>0</v>
      </c>
      <c r="IZ34" s="71">
        <v>1</v>
      </c>
      <c r="JA34" s="71">
        <v>1</v>
      </c>
      <c r="JB34" s="71">
        <v>0</v>
      </c>
      <c r="JC34" s="71">
        <v>0</v>
      </c>
      <c r="JD34" s="72">
        <v>2</v>
      </c>
      <c r="JE34" s="73">
        <v>5</v>
      </c>
      <c r="JF34" s="70">
        <v>1</v>
      </c>
      <c r="JG34" s="71">
        <v>0</v>
      </c>
      <c r="JH34" s="72">
        <v>1</v>
      </c>
      <c r="JI34" s="244"/>
      <c r="JJ34" s="71">
        <v>3</v>
      </c>
      <c r="JK34" s="71">
        <v>2</v>
      </c>
      <c r="JL34" s="71">
        <v>2</v>
      </c>
      <c r="JM34" s="71">
        <v>1</v>
      </c>
      <c r="JN34" s="71">
        <v>2</v>
      </c>
      <c r="JO34" s="72">
        <v>10</v>
      </c>
      <c r="JP34" s="73">
        <v>11</v>
      </c>
      <c r="JQ34" s="70">
        <v>0</v>
      </c>
      <c r="JR34" s="71">
        <v>0</v>
      </c>
      <c r="JS34" s="72">
        <v>0</v>
      </c>
      <c r="JT34" s="244"/>
      <c r="JU34" s="71">
        <v>0</v>
      </c>
      <c r="JV34" s="71">
        <v>0</v>
      </c>
      <c r="JW34" s="71">
        <v>0</v>
      </c>
      <c r="JX34" s="71">
        <v>0</v>
      </c>
      <c r="JY34" s="71">
        <v>0</v>
      </c>
      <c r="JZ34" s="72">
        <v>0</v>
      </c>
      <c r="KA34" s="73">
        <v>0</v>
      </c>
      <c r="KB34" s="70">
        <v>5</v>
      </c>
      <c r="KC34" s="71">
        <v>2</v>
      </c>
      <c r="KD34" s="72">
        <v>7</v>
      </c>
      <c r="KE34" s="244"/>
      <c r="KF34" s="71">
        <v>6</v>
      </c>
      <c r="KG34" s="71">
        <v>6</v>
      </c>
      <c r="KH34" s="71">
        <v>6</v>
      </c>
      <c r="KI34" s="71">
        <v>2</v>
      </c>
      <c r="KJ34" s="71">
        <v>4</v>
      </c>
      <c r="KK34" s="72">
        <v>24</v>
      </c>
      <c r="KL34" s="73">
        <v>31</v>
      </c>
    </row>
    <row r="35" spans="1:298" ht="19.5" customHeight="1" x14ac:dyDescent="0.2">
      <c r="A35" s="126" t="s">
        <v>32</v>
      </c>
      <c r="B35" s="316">
        <v>4</v>
      </c>
      <c r="C35" s="82">
        <v>1</v>
      </c>
      <c r="D35" s="83">
        <v>5</v>
      </c>
      <c r="E35" s="241"/>
      <c r="F35" s="82">
        <v>8</v>
      </c>
      <c r="G35" s="82">
        <v>6</v>
      </c>
      <c r="H35" s="82">
        <v>3</v>
      </c>
      <c r="I35" s="82">
        <v>3</v>
      </c>
      <c r="J35" s="82">
        <v>3</v>
      </c>
      <c r="K35" s="84">
        <v>23</v>
      </c>
      <c r="L35" s="85">
        <v>28</v>
      </c>
      <c r="M35" s="70">
        <v>1</v>
      </c>
      <c r="N35" s="71">
        <v>0</v>
      </c>
      <c r="O35" s="72">
        <v>1</v>
      </c>
      <c r="P35" s="244"/>
      <c r="Q35" s="71">
        <v>0</v>
      </c>
      <c r="R35" s="71">
        <v>0</v>
      </c>
      <c r="S35" s="71">
        <v>1</v>
      </c>
      <c r="T35" s="71">
        <v>0</v>
      </c>
      <c r="U35" s="71">
        <v>0</v>
      </c>
      <c r="V35" s="72">
        <v>1</v>
      </c>
      <c r="W35" s="73">
        <v>2</v>
      </c>
      <c r="X35" s="70">
        <v>1</v>
      </c>
      <c r="Y35" s="71">
        <v>0</v>
      </c>
      <c r="Z35" s="72">
        <v>1</v>
      </c>
      <c r="AA35" s="244"/>
      <c r="AB35" s="71">
        <v>1</v>
      </c>
      <c r="AC35" s="71">
        <v>0</v>
      </c>
      <c r="AD35" s="71">
        <v>1</v>
      </c>
      <c r="AE35" s="71">
        <v>0</v>
      </c>
      <c r="AF35" s="71">
        <v>0</v>
      </c>
      <c r="AG35" s="72">
        <v>2</v>
      </c>
      <c r="AH35" s="73">
        <v>3</v>
      </c>
      <c r="AI35" s="70">
        <v>2</v>
      </c>
      <c r="AJ35" s="71">
        <v>0</v>
      </c>
      <c r="AK35" s="72">
        <v>2</v>
      </c>
      <c r="AL35" s="244"/>
      <c r="AM35" s="71">
        <v>1</v>
      </c>
      <c r="AN35" s="71">
        <v>1</v>
      </c>
      <c r="AO35" s="71">
        <v>0</v>
      </c>
      <c r="AP35" s="71">
        <v>0</v>
      </c>
      <c r="AQ35" s="71">
        <v>2</v>
      </c>
      <c r="AR35" s="72">
        <v>4</v>
      </c>
      <c r="AS35" s="73">
        <v>6</v>
      </c>
      <c r="AT35" s="70">
        <v>0</v>
      </c>
      <c r="AU35" s="71">
        <v>0</v>
      </c>
      <c r="AV35" s="72">
        <v>0</v>
      </c>
      <c r="AW35" s="244"/>
      <c r="AX35" s="71">
        <v>1</v>
      </c>
      <c r="AY35" s="71">
        <v>0</v>
      </c>
      <c r="AZ35" s="71">
        <v>0</v>
      </c>
      <c r="BA35" s="71">
        <v>1</v>
      </c>
      <c r="BB35" s="71">
        <v>0</v>
      </c>
      <c r="BC35" s="72">
        <v>2</v>
      </c>
      <c r="BD35" s="73">
        <v>2</v>
      </c>
      <c r="BE35" s="70">
        <v>0</v>
      </c>
      <c r="BF35" s="71">
        <v>0</v>
      </c>
      <c r="BG35" s="72">
        <v>0</v>
      </c>
      <c r="BH35" s="244"/>
      <c r="BI35" s="71">
        <v>3</v>
      </c>
      <c r="BJ35" s="71">
        <v>4</v>
      </c>
      <c r="BK35" s="71">
        <v>0</v>
      </c>
      <c r="BL35" s="71">
        <v>1</v>
      </c>
      <c r="BM35" s="71">
        <v>0</v>
      </c>
      <c r="BN35" s="72">
        <v>8</v>
      </c>
      <c r="BO35" s="73">
        <v>8</v>
      </c>
      <c r="BP35" s="70">
        <v>0</v>
      </c>
      <c r="BQ35" s="71">
        <v>1</v>
      </c>
      <c r="BR35" s="72">
        <v>1</v>
      </c>
      <c r="BS35" s="244"/>
      <c r="BT35" s="71">
        <v>2</v>
      </c>
      <c r="BU35" s="71">
        <v>1</v>
      </c>
      <c r="BV35" s="71">
        <v>1</v>
      </c>
      <c r="BW35" s="71">
        <v>1</v>
      </c>
      <c r="BX35" s="71">
        <v>1</v>
      </c>
      <c r="BY35" s="72">
        <v>6</v>
      </c>
      <c r="BZ35" s="73">
        <v>7</v>
      </c>
      <c r="CA35" s="70">
        <v>0</v>
      </c>
      <c r="CB35" s="71">
        <v>0</v>
      </c>
      <c r="CC35" s="72">
        <v>0</v>
      </c>
      <c r="CD35" s="244"/>
      <c r="CE35" s="71">
        <v>0</v>
      </c>
      <c r="CF35" s="71">
        <v>0</v>
      </c>
      <c r="CG35" s="71">
        <v>0</v>
      </c>
      <c r="CH35" s="71">
        <v>0</v>
      </c>
      <c r="CI35" s="71">
        <v>0</v>
      </c>
      <c r="CJ35" s="72">
        <v>0</v>
      </c>
      <c r="CK35" s="73">
        <v>0</v>
      </c>
      <c r="CL35" s="70">
        <v>4</v>
      </c>
      <c r="CM35" s="71">
        <v>1</v>
      </c>
      <c r="CN35" s="72">
        <v>5</v>
      </c>
      <c r="CO35" s="244"/>
      <c r="CP35" s="71">
        <v>8</v>
      </c>
      <c r="CQ35" s="71">
        <v>6</v>
      </c>
      <c r="CR35" s="71">
        <v>3</v>
      </c>
      <c r="CS35" s="71">
        <v>3</v>
      </c>
      <c r="CT35" s="71">
        <v>3</v>
      </c>
      <c r="CU35" s="72">
        <v>23</v>
      </c>
      <c r="CV35" s="73">
        <v>28</v>
      </c>
      <c r="CW35" s="123">
        <v>0</v>
      </c>
      <c r="CX35" s="82">
        <v>2</v>
      </c>
      <c r="CY35" s="83">
        <v>2</v>
      </c>
      <c r="CZ35" s="241"/>
      <c r="DA35" s="82">
        <v>3</v>
      </c>
      <c r="DB35" s="82">
        <v>3</v>
      </c>
      <c r="DC35" s="82">
        <v>1</v>
      </c>
      <c r="DD35" s="82">
        <v>1</v>
      </c>
      <c r="DE35" s="82">
        <v>0</v>
      </c>
      <c r="DF35" s="84">
        <v>8</v>
      </c>
      <c r="DG35" s="85">
        <v>10</v>
      </c>
      <c r="DH35" s="70">
        <v>0</v>
      </c>
      <c r="DI35" s="71">
        <v>0</v>
      </c>
      <c r="DJ35" s="72">
        <v>0</v>
      </c>
      <c r="DK35" s="244"/>
      <c r="DL35" s="71">
        <v>1</v>
      </c>
      <c r="DM35" s="71">
        <v>0</v>
      </c>
      <c r="DN35" s="71">
        <v>0</v>
      </c>
      <c r="DO35" s="71">
        <v>0</v>
      </c>
      <c r="DP35" s="71">
        <v>0</v>
      </c>
      <c r="DQ35" s="72">
        <v>1</v>
      </c>
      <c r="DR35" s="73">
        <v>1</v>
      </c>
      <c r="DS35" s="70">
        <v>0</v>
      </c>
      <c r="DT35" s="71">
        <v>0</v>
      </c>
      <c r="DU35" s="72">
        <v>0</v>
      </c>
      <c r="DV35" s="244"/>
      <c r="DW35" s="71">
        <v>0</v>
      </c>
      <c r="DX35" s="71">
        <v>0</v>
      </c>
      <c r="DY35" s="71">
        <v>0</v>
      </c>
      <c r="DZ35" s="71">
        <v>0</v>
      </c>
      <c r="EA35" s="71">
        <v>0</v>
      </c>
      <c r="EB35" s="72">
        <v>0</v>
      </c>
      <c r="EC35" s="73">
        <v>0</v>
      </c>
      <c r="ED35" s="70">
        <v>0</v>
      </c>
      <c r="EE35" s="71">
        <v>1</v>
      </c>
      <c r="EF35" s="72">
        <v>1</v>
      </c>
      <c r="EG35" s="244"/>
      <c r="EH35" s="71">
        <v>0</v>
      </c>
      <c r="EI35" s="71">
        <v>1</v>
      </c>
      <c r="EJ35" s="71">
        <v>0</v>
      </c>
      <c r="EK35" s="71">
        <v>0</v>
      </c>
      <c r="EL35" s="71">
        <v>0</v>
      </c>
      <c r="EM35" s="72">
        <v>1</v>
      </c>
      <c r="EN35" s="73">
        <v>2</v>
      </c>
      <c r="EO35" s="70">
        <v>0</v>
      </c>
      <c r="EP35" s="71">
        <v>0</v>
      </c>
      <c r="EQ35" s="72">
        <v>0</v>
      </c>
      <c r="ER35" s="244"/>
      <c r="ES35" s="71">
        <v>1</v>
      </c>
      <c r="ET35" s="71">
        <v>0</v>
      </c>
      <c r="EU35" s="71">
        <v>0</v>
      </c>
      <c r="EV35" s="71">
        <v>0</v>
      </c>
      <c r="EW35" s="71">
        <v>0</v>
      </c>
      <c r="EX35" s="72">
        <v>1</v>
      </c>
      <c r="EY35" s="73">
        <v>1</v>
      </c>
      <c r="EZ35" s="70">
        <v>0</v>
      </c>
      <c r="FA35" s="71">
        <v>0</v>
      </c>
      <c r="FB35" s="72">
        <v>0</v>
      </c>
      <c r="FC35" s="244"/>
      <c r="FD35" s="71">
        <v>1</v>
      </c>
      <c r="FE35" s="71">
        <v>2</v>
      </c>
      <c r="FF35" s="71">
        <v>0</v>
      </c>
      <c r="FG35" s="71">
        <v>0</v>
      </c>
      <c r="FH35" s="71">
        <v>0</v>
      </c>
      <c r="FI35" s="72">
        <v>3</v>
      </c>
      <c r="FJ35" s="73">
        <v>3</v>
      </c>
      <c r="FK35" s="70">
        <v>0</v>
      </c>
      <c r="FL35" s="71">
        <v>1</v>
      </c>
      <c r="FM35" s="72">
        <v>1</v>
      </c>
      <c r="FN35" s="244"/>
      <c r="FO35" s="71">
        <v>0</v>
      </c>
      <c r="FP35" s="71">
        <v>0</v>
      </c>
      <c r="FQ35" s="71">
        <v>1</v>
      </c>
      <c r="FR35" s="71">
        <v>1</v>
      </c>
      <c r="FS35" s="71">
        <v>0</v>
      </c>
      <c r="FT35" s="72">
        <v>2</v>
      </c>
      <c r="FU35" s="73">
        <v>3</v>
      </c>
      <c r="FV35" s="70">
        <v>0</v>
      </c>
      <c r="FW35" s="71">
        <v>0</v>
      </c>
      <c r="FX35" s="72">
        <v>0</v>
      </c>
      <c r="FY35" s="244"/>
      <c r="FZ35" s="71">
        <v>0</v>
      </c>
      <c r="GA35" s="71">
        <v>0</v>
      </c>
      <c r="GB35" s="71">
        <v>0</v>
      </c>
      <c r="GC35" s="71">
        <v>0</v>
      </c>
      <c r="GD35" s="71">
        <v>0</v>
      </c>
      <c r="GE35" s="72">
        <v>0</v>
      </c>
      <c r="GF35" s="73">
        <v>0</v>
      </c>
      <c r="GG35" s="70">
        <v>0</v>
      </c>
      <c r="GH35" s="71">
        <v>2</v>
      </c>
      <c r="GI35" s="72">
        <v>2</v>
      </c>
      <c r="GJ35" s="244"/>
      <c r="GK35" s="71">
        <v>3</v>
      </c>
      <c r="GL35" s="71">
        <v>3</v>
      </c>
      <c r="GM35" s="71">
        <v>1</v>
      </c>
      <c r="GN35" s="71">
        <v>1</v>
      </c>
      <c r="GO35" s="71">
        <v>0</v>
      </c>
      <c r="GP35" s="72">
        <v>8</v>
      </c>
      <c r="GQ35" s="73">
        <v>10</v>
      </c>
      <c r="GR35" s="123">
        <v>4</v>
      </c>
      <c r="GS35" s="82">
        <v>3</v>
      </c>
      <c r="GT35" s="83">
        <v>7</v>
      </c>
      <c r="GU35" s="241"/>
      <c r="GV35" s="82">
        <v>11</v>
      </c>
      <c r="GW35" s="82">
        <v>9</v>
      </c>
      <c r="GX35" s="82">
        <v>4</v>
      </c>
      <c r="GY35" s="82">
        <v>4</v>
      </c>
      <c r="GZ35" s="82">
        <v>3</v>
      </c>
      <c r="HA35" s="84">
        <v>31</v>
      </c>
      <c r="HB35" s="85">
        <v>38</v>
      </c>
      <c r="HC35" s="70">
        <v>1</v>
      </c>
      <c r="HD35" s="71">
        <v>0</v>
      </c>
      <c r="HE35" s="72">
        <v>1</v>
      </c>
      <c r="HF35" s="241"/>
      <c r="HG35" s="71">
        <v>1</v>
      </c>
      <c r="HH35" s="71">
        <v>0</v>
      </c>
      <c r="HI35" s="71">
        <v>1</v>
      </c>
      <c r="HJ35" s="71">
        <v>0</v>
      </c>
      <c r="HK35" s="71">
        <v>0</v>
      </c>
      <c r="HL35" s="72">
        <v>2</v>
      </c>
      <c r="HM35" s="73">
        <v>3</v>
      </c>
      <c r="HN35" s="70">
        <v>1</v>
      </c>
      <c r="HO35" s="71">
        <v>0</v>
      </c>
      <c r="HP35" s="72">
        <v>1</v>
      </c>
      <c r="HQ35" s="241"/>
      <c r="HR35" s="71">
        <v>1</v>
      </c>
      <c r="HS35" s="71">
        <v>0</v>
      </c>
      <c r="HT35" s="71">
        <v>1</v>
      </c>
      <c r="HU35" s="71">
        <v>0</v>
      </c>
      <c r="HV35" s="71">
        <v>0</v>
      </c>
      <c r="HW35" s="72">
        <v>2</v>
      </c>
      <c r="HX35" s="73">
        <v>3</v>
      </c>
      <c r="HY35" s="70">
        <v>2</v>
      </c>
      <c r="HZ35" s="71">
        <v>1</v>
      </c>
      <c r="IA35" s="72">
        <v>3</v>
      </c>
      <c r="IB35" s="244"/>
      <c r="IC35" s="71">
        <v>1</v>
      </c>
      <c r="ID35" s="71">
        <v>2</v>
      </c>
      <c r="IE35" s="71">
        <v>0</v>
      </c>
      <c r="IF35" s="71">
        <v>0</v>
      </c>
      <c r="IG35" s="71">
        <v>2</v>
      </c>
      <c r="IH35" s="72">
        <v>5</v>
      </c>
      <c r="II35" s="73">
        <v>8</v>
      </c>
      <c r="IJ35" s="70">
        <v>0</v>
      </c>
      <c r="IK35" s="71">
        <v>0</v>
      </c>
      <c r="IL35" s="72">
        <v>0</v>
      </c>
      <c r="IM35" s="244"/>
      <c r="IN35" s="71">
        <v>2</v>
      </c>
      <c r="IO35" s="71">
        <v>0</v>
      </c>
      <c r="IP35" s="71">
        <v>0</v>
      </c>
      <c r="IQ35" s="71">
        <v>1</v>
      </c>
      <c r="IR35" s="71">
        <v>0</v>
      </c>
      <c r="IS35" s="72">
        <v>3</v>
      </c>
      <c r="IT35" s="73">
        <v>3</v>
      </c>
      <c r="IU35" s="70">
        <v>0</v>
      </c>
      <c r="IV35" s="71">
        <v>0</v>
      </c>
      <c r="IW35" s="72">
        <v>0</v>
      </c>
      <c r="IX35" s="244"/>
      <c r="IY35" s="71">
        <v>4</v>
      </c>
      <c r="IZ35" s="71">
        <v>6</v>
      </c>
      <c r="JA35" s="71">
        <v>0</v>
      </c>
      <c r="JB35" s="71">
        <v>1</v>
      </c>
      <c r="JC35" s="71">
        <v>0</v>
      </c>
      <c r="JD35" s="72">
        <v>11</v>
      </c>
      <c r="JE35" s="73">
        <v>11</v>
      </c>
      <c r="JF35" s="70">
        <v>0</v>
      </c>
      <c r="JG35" s="71">
        <v>2</v>
      </c>
      <c r="JH35" s="72">
        <v>2</v>
      </c>
      <c r="JI35" s="244"/>
      <c r="JJ35" s="71">
        <v>2</v>
      </c>
      <c r="JK35" s="71">
        <v>1</v>
      </c>
      <c r="JL35" s="71">
        <v>2</v>
      </c>
      <c r="JM35" s="71">
        <v>2</v>
      </c>
      <c r="JN35" s="71">
        <v>1</v>
      </c>
      <c r="JO35" s="72">
        <v>8</v>
      </c>
      <c r="JP35" s="73">
        <v>10</v>
      </c>
      <c r="JQ35" s="70">
        <v>0</v>
      </c>
      <c r="JR35" s="71">
        <v>0</v>
      </c>
      <c r="JS35" s="72">
        <v>0</v>
      </c>
      <c r="JT35" s="244"/>
      <c r="JU35" s="71">
        <v>0</v>
      </c>
      <c r="JV35" s="71">
        <v>0</v>
      </c>
      <c r="JW35" s="71">
        <v>0</v>
      </c>
      <c r="JX35" s="71">
        <v>0</v>
      </c>
      <c r="JY35" s="71">
        <v>0</v>
      </c>
      <c r="JZ35" s="72">
        <v>0</v>
      </c>
      <c r="KA35" s="73">
        <v>0</v>
      </c>
      <c r="KB35" s="70">
        <v>4</v>
      </c>
      <c r="KC35" s="71">
        <v>3</v>
      </c>
      <c r="KD35" s="72">
        <v>7</v>
      </c>
      <c r="KE35" s="244"/>
      <c r="KF35" s="71">
        <v>11</v>
      </c>
      <c r="KG35" s="71">
        <v>9</v>
      </c>
      <c r="KH35" s="71">
        <v>4</v>
      </c>
      <c r="KI35" s="71">
        <v>4</v>
      </c>
      <c r="KJ35" s="71">
        <v>3</v>
      </c>
      <c r="KK35" s="72">
        <v>31</v>
      </c>
      <c r="KL35" s="73">
        <v>38</v>
      </c>
    </row>
    <row r="36" spans="1:298" ht="19.5" customHeight="1" x14ac:dyDescent="0.2">
      <c r="A36" s="126" t="s">
        <v>33</v>
      </c>
      <c r="B36" s="316">
        <v>5</v>
      </c>
      <c r="C36" s="82">
        <v>0</v>
      </c>
      <c r="D36" s="83">
        <v>5</v>
      </c>
      <c r="E36" s="241"/>
      <c r="F36" s="82">
        <v>7</v>
      </c>
      <c r="G36" s="82">
        <v>4</v>
      </c>
      <c r="H36" s="82">
        <v>3</v>
      </c>
      <c r="I36" s="82">
        <v>2</v>
      </c>
      <c r="J36" s="82">
        <v>2</v>
      </c>
      <c r="K36" s="84">
        <v>18</v>
      </c>
      <c r="L36" s="85">
        <v>23</v>
      </c>
      <c r="M36" s="70">
        <v>0</v>
      </c>
      <c r="N36" s="71">
        <v>0</v>
      </c>
      <c r="O36" s="72">
        <v>0</v>
      </c>
      <c r="P36" s="244"/>
      <c r="Q36" s="71">
        <v>1</v>
      </c>
      <c r="R36" s="71">
        <v>2</v>
      </c>
      <c r="S36" s="71">
        <v>0</v>
      </c>
      <c r="T36" s="71">
        <v>0</v>
      </c>
      <c r="U36" s="71">
        <v>0</v>
      </c>
      <c r="V36" s="72">
        <v>3</v>
      </c>
      <c r="W36" s="73">
        <v>3</v>
      </c>
      <c r="X36" s="70">
        <v>0</v>
      </c>
      <c r="Y36" s="71">
        <v>0</v>
      </c>
      <c r="Z36" s="72">
        <v>0</v>
      </c>
      <c r="AA36" s="244"/>
      <c r="AB36" s="71">
        <v>0</v>
      </c>
      <c r="AC36" s="71">
        <v>0</v>
      </c>
      <c r="AD36" s="71">
        <v>1</v>
      </c>
      <c r="AE36" s="71">
        <v>1</v>
      </c>
      <c r="AF36" s="71">
        <v>1</v>
      </c>
      <c r="AG36" s="72">
        <v>3</v>
      </c>
      <c r="AH36" s="73">
        <v>3</v>
      </c>
      <c r="AI36" s="70">
        <v>1</v>
      </c>
      <c r="AJ36" s="71">
        <v>0</v>
      </c>
      <c r="AK36" s="72">
        <v>1</v>
      </c>
      <c r="AL36" s="244"/>
      <c r="AM36" s="71">
        <v>1</v>
      </c>
      <c r="AN36" s="71">
        <v>0</v>
      </c>
      <c r="AO36" s="71">
        <v>0</v>
      </c>
      <c r="AP36" s="71">
        <v>1</v>
      </c>
      <c r="AQ36" s="71">
        <v>1</v>
      </c>
      <c r="AR36" s="72">
        <v>3</v>
      </c>
      <c r="AS36" s="73">
        <v>4</v>
      </c>
      <c r="AT36" s="70">
        <v>1</v>
      </c>
      <c r="AU36" s="71">
        <v>0</v>
      </c>
      <c r="AV36" s="72">
        <v>1</v>
      </c>
      <c r="AW36" s="244"/>
      <c r="AX36" s="71">
        <v>0</v>
      </c>
      <c r="AY36" s="71">
        <v>1</v>
      </c>
      <c r="AZ36" s="71">
        <v>0</v>
      </c>
      <c r="BA36" s="71">
        <v>0</v>
      </c>
      <c r="BB36" s="71">
        <v>0</v>
      </c>
      <c r="BC36" s="72">
        <v>1</v>
      </c>
      <c r="BD36" s="73">
        <v>2</v>
      </c>
      <c r="BE36" s="70">
        <v>2</v>
      </c>
      <c r="BF36" s="71">
        <v>0</v>
      </c>
      <c r="BG36" s="72">
        <v>2</v>
      </c>
      <c r="BH36" s="244"/>
      <c r="BI36" s="71">
        <v>3</v>
      </c>
      <c r="BJ36" s="71">
        <v>1</v>
      </c>
      <c r="BK36" s="71">
        <v>1</v>
      </c>
      <c r="BL36" s="71">
        <v>0</v>
      </c>
      <c r="BM36" s="71">
        <v>0</v>
      </c>
      <c r="BN36" s="72">
        <v>5</v>
      </c>
      <c r="BO36" s="73">
        <v>7</v>
      </c>
      <c r="BP36" s="70">
        <v>1</v>
      </c>
      <c r="BQ36" s="71">
        <v>0</v>
      </c>
      <c r="BR36" s="72">
        <v>1</v>
      </c>
      <c r="BS36" s="244"/>
      <c r="BT36" s="71">
        <v>2</v>
      </c>
      <c r="BU36" s="71">
        <v>0</v>
      </c>
      <c r="BV36" s="71">
        <v>1</v>
      </c>
      <c r="BW36" s="71">
        <v>0</v>
      </c>
      <c r="BX36" s="71">
        <v>0</v>
      </c>
      <c r="BY36" s="72">
        <v>3</v>
      </c>
      <c r="BZ36" s="73">
        <v>4</v>
      </c>
      <c r="CA36" s="70">
        <v>0</v>
      </c>
      <c r="CB36" s="71">
        <v>0</v>
      </c>
      <c r="CC36" s="72">
        <v>0</v>
      </c>
      <c r="CD36" s="244"/>
      <c r="CE36" s="71">
        <v>0</v>
      </c>
      <c r="CF36" s="71">
        <v>0</v>
      </c>
      <c r="CG36" s="71">
        <v>0</v>
      </c>
      <c r="CH36" s="71">
        <v>0</v>
      </c>
      <c r="CI36" s="71">
        <v>0</v>
      </c>
      <c r="CJ36" s="72">
        <v>0</v>
      </c>
      <c r="CK36" s="73">
        <v>0</v>
      </c>
      <c r="CL36" s="70">
        <v>5</v>
      </c>
      <c r="CM36" s="71">
        <v>0</v>
      </c>
      <c r="CN36" s="72">
        <v>5</v>
      </c>
      <c r="CO36" s="244"/>
      <c r="CP36" s="71">
        <v>7</v>
      </c>
      <c r="CQ36" s="71">
        <v>4</v>
      </c>
      <c r="CR36" s="71">
        <v>3</v>
      </c>
      <c r="CS36" s="71">
        <v>2</v>
      </c>
      <c r="CT36" s="71">
        <v>2</v>
      </c>
      <c r="CU36" s="72">
        <v>18</v>
      </c>
      <c r="CV36" s="73">
        <v>23</v>
      </c>
      <c r="CW36" s="123">
        <v>2</v>
      </c>
      <c r="CX36" s="82">
        <v>3</v>
      </c>
      <c r="CY36" s="83">
        <v>5</v>
      </c>
      <c r="CZ36" s="241"/>
      <c r="DA36" s="82">
        <v>1</v>
      </c>
      <c r="DB36" s="82">
        <v>4</v>
      </c>
      <c r="DC36" s="82">
        <v>3</v>
      </c>
      <c r="DD36" s="82">
        <v>4</v>
      </c>
      <c r="DE36" s="82">
        <v>2</v>
      </c>
      <c r="DF36" s="84">
        <v>14</v>
      </c>
      <c r="DG36" s="85">
        <v>19</v>
      </c>
      <c r="DH36" s="70">
        <v>0</v>
      </c>
      <c r="DI36" s="71">
        <v>0</v>
      </c>
      <c r="DJ36" s="72">
        <v>0</v>
      </c>
      <c r="DK36" s="244"/>
      <c r="DL36" s="71">
        <v>0</v>
      </c>
      <c r="DM36" s="71">
        <v>0</v>
      </c>
      <c r="DN36" s="71">
        <v>0</v>
      </c>
      <c r="DO36" s="71">
        <v>0</v>
      </c>
      <c r="DP36" s="71">
        <v>0</v>
      </c>
      <c r="DQ36" s="72">
        <v>0</v>
      </c>
      <c r="DR36" s="73">
        <v>0</v>
      </c>
      <c r="DS36" s="70">
        <v>0</v>
      </c>
      <c r="DT36" s="71">
        <v>0</v>
      </c>
      <c r="DU36" s="72">
        <v>0</v>
      </c>
      <c r="DV36" s="244"/>
      <c r="DW36" s="71">
        <v>0</v>
      </c>
      <c r="DX36" s="71">
        <v>0</v>
      </c>
      <c r="DY36" s="71">
        <v>0</v>
      </c>
      <c r="DZ36" s="71">
        <v>0</v>
      </c>
      <c r="EA36" s="71">
        <v>0</v>
      </c>
      <c r="EB36" s="72">
        <v>0</v>
      </c>
      <c r="EC36" s="73">
        <v>0</v>
      </c>
      <c r="ED36" s="70">
        <v>0</v>
      </c>
      <c r="EE36" s="71">
        <v>1</v>
      </c>
      <c r="EF36" s="72">
        <v>1</v>
      </c>
      <c r="EG36" s="244"/>
      <c r="EH36" s="71">
        <v>0</v>
      </c>
      <c r="EI36" s="71">
        <v>0</v>
      </c>
      <c r="EJ36" s="71">
        <v>0</v>
      </c>
      <c r="EK36" s="71">
        <v>2</v>
      </c>
      <c r="EL36" s="71">
        <v>0</v>
      </c>
      <c r="EM36" s="72">
        <v>2</v>
      </c>
      <c r="EN36" s="73">
        <v>3</v>
      </c>
      <c r="EO36" s="70">
        <v>1</v>
      </c>
      <c r="EP36" s="71">
        <v>0</v>
      </c>
      <c r="EQ36" s="72">
        <v>1</v>
      </c>
      <c r="ER36" s="244"/>
      <c r="ES36" s="71">
        <v>0</v>
      </c>
      <c r="ET36" s="71">
        <v>0</v>
      </c>
      <c r="EU36" s="71">
        <v>0</v>
      </c>
      <c r="EV36" s="71">
        <v>0</v>
      </c>
      <c r="EW36" s="71">
        <v>0</v>
      </c>
      <c r="EX36" s="72">
        <v>0</v>
      </c>
      <c r="EY36" s="73">
        <v>1</v>
      </c>
      <c r="EZ36" s="70">
        <v>0</v>
      </c>
      <c r="FA36" s="71">
        <v>2</v>
      </c>
      <c r="FB36" s="72">
        <v>2</v>
      </c>
      <c r="FC36" s="244"/>
      <c r="FD36" s="71">
        <v>1</v>
      </c>
      <c r="FE36" s="71">
        <v>1</v>
      </c>
      <c r="FF36" s="71">
        <v>0</v>
      </c>
      <c r="FG36" s="71">
        <v>0</v>
      </c>
      <c r="FH36" s="71">
        <v>2</v>
      </c>
      <c r="FI36" s="72">
        <v>4</v>
      </c>
      <c r="FJ36" s="73">
        <v>6</v>
      </c>
      <c r="FK36" s="70">
        <v>1</v>
      </c>
      <c r="FL36" s="71">
        <v>0</v>
      </c>
      <c r="FM36" s="72">
        <v>1</v>
      </c>
      <c r="FN36" s="244"/>
      <c r="FO36" s="71">
        <v>0</v>
      </c>
      <c r="FP36" s="71">
        <v>3</v>
      </c>
      <c r="FQ36" s="71">
        <v>3</v>
      </c>
      <c r="FR36" s="71">
        <v>2</v>
      </c>
      <c r="FS36" s="71">
        <v>0</v>
      </c>
      <c r="FT36" s="72">
        <v>8</v>
      </c>
      <c r="FU36" s="73">
        <v>9</v>
      </c>
      <c r="FV36" s="70">
        <v>0</v>
      </c>
      <c r="FW36" s="71">
        <v>0</v>
      </c>
      <c r="FX36" s="72">
        <v>0</v>
      </c>
      <c r="FY36" s="244"/>
      <c r="FZ36" s="71">
        <v>0</v>
      </c>
      <c r="GA36" s="71">
        <v>0</v>
      </c>
      <c r="GB36" s="71">
        <v>0</v>
      </c>
      <c r="GC36" s="71">
        <v>0</v>
      </c>
      <c r="GD36" s="71">
        <v>0</v>
      </c>
      <c r="GE36" s="72">
        <v>0</v>
      </c>
      <c r="GF36" s="73">
        <v>0</v>
      </c>
      <c r="GG36" s="70">
        <v>2</v>
      </c>
      <c r="GH36" s="71">
        <v>3</v>
      </c>
      <c r="GI36" s="72">
        <v>5</v>
      </c>
      <c r="GJ36" s="244"/>
      <c r="GK36" s="71">
        <v>1</v>
      </c>
      <c r="GL36" s="71">
        <v>4</v>
      </c>
      <c r="GM36" s="71">
        <v>3</v>
      </c>
      <c r="GN36" s="71">
        <v>4</v>
      </c>
      <c r="GO36" s="71">
        <v>2</v>
      </c>
      <c r="GP36" s="72">
        <v>14</v>
      </c>
      <c r="GQ36" s="73">
        <v>19</v>
      </c>
      <c r="GR36" s="123">
        <v>7</v>
      </c>
      <c r="GS36" s="82">
        <v>3</v>
      </c>
      <c r="GT36" s="83">
        <v>10</v>
      </c>
      <c r="GU36" s="241"/>
      <c r="GV36" s="82">
        <v>8</v>
      </c>
      <c r="GW36" s="82">
        <v>8</v>
      </c>
      <c r="GX36" s="82">
        <v>6</v>
      </c>
      <c r="GY36" s="82">
        <v>6</v>
      </c>
      <c r="GZ36" s="82">
        <v>4</v>
      </c>
      <c r="HA36" s="84">
        <v>32</v>
      </c>
      <c r="HB36" s="85">
        <v>42</v>
      </c>
      <c r="HC36" s="70">
        <v>0</v>
      </c>
      <c r="HD36" s="71">
        <v>0</v>
      </c>
      <c r="HE36" s="72">
        <v>0</v>
      </c>
      <c r="HF36" s="241"/>
      <c r="HG36" s="71">
        <v>1</v>
      </c>
      <c r="HH36" s="71">
        <v>2</v>
      </c>
      <c r="HI36" s="71">
        <v>0</v>
      </c>
      <c r="HJ36" s="71">
        <v>0</v>
      </c>
      <c r="HK36" s="71">
        <v>0</v>
      </c>
      <c r="HL36" s="72">
        <v>3</v>
      </c>
      <c r="HM36" s="73">
        <v>3</v>
      </c>
      <c r="HN36" s="70">
        <v>0</v>
      </c>
      <c r="HO36" s="71">
        <v>0</v>
      </c>
      <c r="HP36" s="72">
        <v>0</v>
      </c>
      <c r="HQ36" s="241"/>
      <c r="HR36" s="71">
        <v>0</v>
      </c>
      <c r="HS36" s="71">
        <v>0</v>
      </c>
      <c r="HT36" s="71">
        <v>1</v>
      </c>
      <c r="HU36" s="71">
        <v>1</v>
      </c>
      <c r="HV36" s="71">
        <v>1</v>
      </c>
      <c r="HW36" s="72">
        <v>3</v>
      </c>
      <c r="HX36" s="73">
        <v>3</v>
      </c>
      <c r="HY36" s="70">
        <v>1</v>
      </c>
      <c r="HZ36" s="71">
        <v>1</v>
      </c>
      <c r="IA36" s="72">
        <v>2</v>
      </c>
      <c r="IB36" s="244"/>
      <c r="IC36" s="71">
        <v>1</v>
      </c>
      <c r="ID36" s="71">
        <v>0</v>
      </c>
      <c r="IE36" s="71">
        <v>0</v>
      </c>
      <c r="IF36" s="71">
        <v>3</v>
      </c>
      <c r="IG36" s="71">
        <v>1</v>
      </c>
      <c r="IH36" s="72">
        <v>5</v>
      </c>
      <c r="II36" s="73">
        <v>7</v>
      </c>
      <c r="IJ36" s="70">
        <v>2</v>
      </c>
      <c r="IK36" s="71">
        <v>0</v>
      </c>
      <c r="IL36" s="72">
        <v>2</v>
      </c>
      <c r="IM36" s="244"/>
      <c r="IN36" s="71">
        <v>0</v>
      </c>
      <c r="IO36" s="71">
        <v>1</v>
      </c>
      <c r="IP36" s="71">
        <v>0</v>
      </c>
      <c r="IQ36" s="71">
        <v>0</v>
      </c>
      <c r="IR36" s="71">
        <v>0</v>
      </c>
      <c r="IS36" s="72">
        <v>1</v>
      </c>
      <c r="IT36" s="73">
        <v>3</v>
      </c>
      <c r="IU36" s="70">
        <v>2</v>
      </c>
      <c r="IV36" s="71">
        <v>2</v>
      </c>
      <c r="IW36" s="72">
        <v>4</v>
      </c>
      <c r="IX36" s="244"/>
      <c r="IY36" s="71">
        <v>4</v>
      </c>
      <c r="IZ36" s="71">
        <v>2</v>
      </c>
      <c r="JA36" s="71">
        <v>1</v>
      </c>
      <c r="JB36" s="71">
        <v>0</v>
      </c>
      <c r="JC36" s="71">
        <v>2</v>
      </c>
      <c r="JD36" s="72">
        <v>9</v>
      </c>
      <c r="JE36" s="73">
        <v>13</v>
      </c>
      <c r="JF36" s="70">
        <v>2</v>
      </c>
      <c r="JG36" s="71">
        <v>0</v>
      </c>
      <c r="JH36" s="72">
        <v>2</v>
      </c>
      <c r="JI36" s="244"/>
      <c r="JJ36" s="71">
        <v>2</v>
      </c>
      <c r="JK36" s="71">
        <v>3</v>
      </c>
      <c r="JL36" s="71">
        <v>4</v>
      </c>
      <c r="JM36" s="71">
        <v>2</v>
      </c>
      <c r="JN36" s="71">
        <v>0</v>
      </c>
      <c r="JO36" s="72">
        <v>11</v>
      </c>
      <c r="JP36" s="73">
        <v>13</v>
      </c>
      <c r="JQ36" s="70">
        <v>0</v>
      </c>
      <c r="JR36" s="71">
        <v>0</v>
      </c>
      <c r="JS36" s="72">
        <v>0</v>
      </c>
      <c r="JT36" s="244"/>
      <c r="JU36" s="71">
        <v>0</v>
      </c>
      <c r="JV36" s="71">
        <v>0</v>
      </c>
      <c r="JW36" s="71">
        <v>0</v>
      </c>
      <c r="JX36" s="71">
        <v>0</v>
      </c>
      <c r="JY36" s="71">
        <v>0</v>
      </c>
      <c r="JZ36" s="72">
        <v>0</v>
      </c>
      <c r="KA36" s="73">
        <v>0</v>
      </c>
      <c r="KB36" s="70">
        <v>7</v>
      </c>
      <c r="KC36" s="71">
        <v>3</v>
      </c>
      <c r="KD36" s="72">
        <v>10</v>
      </c>
      <c r="KE36" s="244"/>
      <c r="KF36" s="71">
        <v>8</v>
      </c>
      <c r="KG36" s="71">
        <v>8</v>
      </c>
      <c r="KH36" s="71">
        <v>6</v>
      </c>
      <c r="KI36" s="71">
        <v>6</v>
      </c>
      <c r="KJ36" s="71">
        <v>4</v>
      </c>
      <c r="KK36" s="72">
        <v>32</v>
      </c>
      <c r="KL36" s="73">
        <v>42</v>
      </c>
    </row>
    <row r="37" spans="1:298" ht="19.5" customHeight="1" x14ac:dyDescent="0.2">
      <c r="A37" s="126" t="s">
        <v>34</v>
      </c>
      <c r="B37" s="316">
        <v>1</v>
      </c>
      <c r="C37" s="82">
        <v>1</v>
      </c>
      <c r="D37" s="83">
        <v>2</v>
      </c>
      <c r="E37" s="241"/>
      <c r="F37" s="82">
        <v>2</v>
      </c>
      <c r="G37" s="82">
        <v>3</v>
      </c>
      <c r="H37" s="82">
        <v>1</v>
      </c>
      <c r="I37" s="82">
        <v>2</v>
      </c>
      <c r="J37" s="82">
        <v>0</v>
      </c>
      <c r="K37" s="84">
        <v>8</v>
      </c>
      <c r="L37" s="85">
        <v>10</v>
      </c>
      <c r="M37" s="70">
        <v>0</v>
      </c>
      <c r="N37" s="71">
        <v>0</v>
      </c>
      <c r="O37" s="72">
        <v>0</v>
      </c>
      <c r="P37" s="244"/>
      <c r="Q37" s="71">
        <v>0</v>
      </c>
      <c r="R37" s="71">
        <v>0</v>
      </c>
      <c r="S37" s="71">
        <v>0</v>
      </c>
      <c r="T37" s="71">
        <v>0</v>
      </c>
      <c r="U37" s="71">
        <v>0</v>
      </c>
      <c r="V37" s="72">
        <v>0</v>
      </c>
      <c r="W37" s="73">
        <v>0</v>
      </c>
      <c r="X37" s="70">
        <v>0</v>
      </c>
      <c r="Y37" s="71">
        <v>0</v>
      </c>
      <c r="Z37" s="72">
        <v>0</v>
      </c>
      <c r="AA37" s="244"/>
      <c r="AB37" s="71">
        <v>0</v>
      </c>
      <c r="AC37" s="71">
        <v>0</v>
      </c>
      <c r="AD37" s="71">
        <v>0</v>
      </c>
      <c r="AE37" s="71">
        <v>0</v>
      </c>
      <c r="AF37" s="71">
        <v>0</v>
      </c>
      <c r="AG37" s="72">
        <v>0</v>
      </c>
      <c r="AH37" s="73">
        <v>0</v>
      </c>
      <c r="AI37" s="70">
        <v>0</v>
      </c>
      <c r="AJ37" s="71">
        <v>1</v>
      </c>
      <c r="AK37" s="72">
        <v>1</v>
      </c>
      <c r="AL37" s="244"/>
      <c r="AM37" s="71">
        <v>0</v>
      </c>
      <c r="AN37" s="71">
        <v>0</v>
      </c>
      <c r="AO37" s="71">
        <v>1</v>
      </c>
      <c r="AP37" s="71">
        <v>1</v>
      </c>
      <c r="AQ37" s="71">
        <v>0</v>
      </c>
      <c r="AR37" s="72">
        <v>2</v>
      </c>
      <c r="AS37" s="73">
        <v>3</v>
      </c>
      <c r="AT37" s="70">
        <v>1</v>
      </c>
      <c r="AU37" s="71">
        <v>0</v>
      </c>
      <c r="AV37" s="72">
        <v>1</v>
      </c>
      <c r="AW37" s="244"/>
      <c r="AX37" s="71">
        <v>1</v>
      </c>
      <c r="AY37" s="71">
        <v>0</v>
      </c>
      <c r="AZ37" s="71">
        <v>0</v>
      </c>
      <c r="BA37" s="71">
        <v>0</v>
      </c>
      <c r="BB37" s="71">
        <v>0</v>
      </c>
      <c r="BC37" s="72">
        <v>1</v>
      </c>
      <c r="BD37" s="73">
        <v>2</v>
      </c>
      <c r="BE37" s="70">
        <v>0</v>
      </c>
      <c r="BF37" s="71">
        <v>0</v>
      </c>
      <c r="BG37" s="72">
        <v>0</v>
      </c>
      <c r="BH37" s="244"/>
      <c r="BI37" s="71">
        <v>0</v>
      </c>
      <c r="BJ37" s="71">
        <v>1</v>
      </c>
      <c r="BK37" s="71">
        <v>0</v>
      </c>
      <c r="BL37" s="71">
        <v>0</v>
      </c>
      <c r="BM37" s="71">
        <v>0</v>
      </c>
      <c r="BN37" s="72">
        <v>1</v>
      </c>
      <c r="BO37" s="73">
        <v>1</v>
      </c>
      <c r="BP37" s="70">
        <v>0</v>
      </c>
      <c r="BQ37" s="71">
        <v>0</v>
      </c>
      <c r="BR37" s="72">
        <v>0</v>
      </c>
      <c r="BS37" s="244"/>
      <c r="BT37" s="71">
        <v>1</v>
      </c>
      <c r="BU37" s="71">
        <v>2</v>
      </c>
      <c r="BV37" s="71">
        <v>0</v>
      </c>
      <c r="BW37" s="71">
        <v>1</v>
      </c>
      <c r="BX37" s="71">
        <v>0</v>
      </c>
      <c r="BY37" s="72">
        <v>4</v>
      </c>
      <c r="BZ37" s="73">
        <v>4</v>
      </c>
      <c r="CA37" s="70">
        <v>0</v>
      </c>
      <c r="CB37" s="71">
        <v>0</v>
      </c>
      <c r="CC37" s="72">
        <v>0</v>
      </c>
      <c r="CD37" s="244"/>
      <c r="CE37" s="71">
        <v>0</v>
      </c>
      <c r="CF37" s="71">
        <v>0</v>
      </c>
      <c r="CG37" s="71">
        <v>0</v>
      </c>
      <c r="CH37" s="71">
        <v>0</v>
      </c>
      <c r="CI37" s="71">
        <v>0</v>
      </c>
      <c r="CJ37" s="72">
        <v>0</v>
      </c>
      <c r="CK37" s="73">
        <v>0</v>
      </c>
      <c r="CL37" s="70">
        <v>1</v>
      </c>
      <c r="CM37" s="71">
        <v>1</v>
      </c>
      <c r="CN37" s="72">
        <v>2</v>
      </c>
      <c r="CO37" s="244"/>
      <c r="CP37" s="71">
        <v>2</v>
      </c>
      <c r="CQ37" s="71">
        <v>3</v>
      </c>
      <c r="CR37" s="71">
        <v>1</v>
      </c>
      <c r="CS37" s="71">
        <v>2</v>
      </c>
      <c r="CT37" s="71">
        <v>0</v>
      </c>
      <c r="CU37" s="72">
        <v>8</v>
      </c>
      <c r="CV37" s="73">
        <v>10</v>
      </c>
      <c r="CW37" s="123">
        <v>1</v>
      </c>
      <c r="CX37" s="82">
        <v>1</v>
      </c>
      <c r="CY37" s="83">
        <v>2</v>
      </c>
      <c r="CZ37" s="241"/>
      <c r="DA37" s="82">
        <v>1</v>
      </c>
      <c r="DB37" s="82">
        <v>0</v>
      </c>
      <c r="DC37" s="82">
        <v>2</v>
      </c>
      <c r="DD37" s="82">
        <v>0</v>
      </c>
      <c r="DE37" s="82">
        <v>0</v>
      </c>
      <c r="DF37" s="84">
        <v>3</v>
      </c>
      <c r="DG37" s="85">
        <v>5</v>
      </c>
      <c r="DH37" s="70">
        <v>0</v>
      </c>
      <c r="DI37" s="71">
        <v>0</v>
      </c>
      <c r="DJ37" s="72">
        <v>0</v>
      </c>
      <c r="DK37" s="244"/>
      <c r="DL37" s="71">
        <v>0</v>
      </c>
      <c r="DM37" s="71">
        <v>0</v>
      </c>
      <c r="DN37" s="71">
        <v>1</v>
      </c>
      <c r="DO37" s="71">
        <v>0</v>
      </c>
      <c r="DP37" s="71">
        <v>0</v>
      </c>
      <c r="DQ37" s="72">
        <v>1</v>
      </c>
      <c r="DR37" s="73">
        <v>1</v>
      </c>
      <c r="DS37" s="70">
        <v>0</v>
      </c>
      <c r="DT37" s="71">
        <v>0</v>
      </c>
      <c r="DU37" s="72">
        <v>0</v>
      </c>
      <c r="DV37" s="244"/>
      <c r="DW37" s="71">
        <v>0</v>
      </c>
      <c r="DX37" s="71">
        <v>0</v>
      </c>
      <c r="DY37" s="71">
        <v>0</v>
      </c>
      <c r="DZ37" s="71">
        <v>0</v>
      </c>
      <c r="EA37" s="71">
        <v>0</v>
      </c>
      <c r="EB37" s="72">
        <v>0</v>
      </c>
      <c r="EC37" s="73">
        <v>0</v>
      </c>
      <c r="ED37" s="70">
        <v>0</v>
      </c>
      <c r="EE37" s="71">
        <v>0</v>
      </c>
      <c r="EF37" s="72">
        <v>0</v>
      </c>
      <c r="EG37" s="244"/>
      <c r="EH37" s="71">
        <v>0</v>
      </c>
      <c r="EI37" s="71">
        <v>0</v>
      </c>
      <c r="EJ37" s="71">
        <v>1</v>
      </c>
      <c r="EK37" s="71">
        <v>0</v>
      </c>
      <c r="EL37" s="71">
        <v>0</v>
      </c>
      <c r="EM37" s="72">
        <v>1</v>
      </c>
      <c r="EN37" s="73">
        <v>1</v>
      </c>
      <c r="EO37" s="70">
        <v>1</v>
      </c>
      <c r="EP37" s="71">
        <v>0</v>
      </c>
      <c r="EQ37" s="72">
        <v>1</v>
      </c>
      <c r="ER37" s="244"/>
      <c r="ES37" s="71">
        <v>0</v>
      </c>
      <c r="ET37" s="71">
        <v>0</v>
      </c>
      <c r="EU37" s="71">
        <v>0</v>
      </c>
      <c r="EV37" s="71">
        <v>0</v>
      </c>
      <c r="EW37" s="71">
        <v>0</v>
      </c>
      <c r="EX37" s="72">
        <v>0</v>
      </c>
      <c r="EY37" s="73">
        <v>1</v>
      </c>
      <c r="EZ37" s="70">
        <v>0</v>
      </c>
      <c r="FA37" s="71">
        <v>0</v>
      </c>
      <c r="FB37" s="72">
        <v>0</v>
      </c>
      <c r="FC37" s="244"/>
      <c r="FD37" s="71">
        <v>1</v>
      </c>
      <c r="FE37" s="71">
        <v>0</v>
      </c>
      <c r="FF37" s="71">
        <v>0</v>
      </c>
      <c r="FG37" s="71">
        <v>0</v>
      </c>
      <c r="FH37" s="71">
        <v>0</v>
      </c>
      <c r="FI37" s="72">
        <v>1</v>
      </c>
      <c r="FJ37" s="73">
        <v>1</v>
      </c>
      <c r="FK37" s="70">
        <v>0</v>
      </c>
      <c r="FL37" s="71">
        <v>1</v>
      </c>
      <c r="FM37" s="72">
        <v>1</v>
      </c>
      <c r="FN37" s="244"/>
      <c r="FO37" s="71">
        <v>0</v>
      </c>
      <c r="FP37" s="71">
        <v>0</v>
      </c>
      <c r="FQ37" s="71">
        <v>0</v>
      </c>
      <c r="FR37" s="71">
        <v>0</v>
      </c>
      <c r="FS37" s="71">
        <v>0</v>
      </c>
      <c r="FT37" s="72">
        <v>0</v>
      </c>
      <c r="FU37" s="73">
        <v>1</v>
      </c>
      <c r="FV37" s="70">
        <v>0</v>
      </c>
      <c r="FW37" s="71">
        <v>0</v>
      </c>
      <c r="FX37" s="72">
        <v>0</v>
      </c>
      <c r="FY37" s="244"/>
      <c r="FZ37" s="71">
        <v>0</v>
      </c>
      <c r="GA37" s="71">
        <v>0</v>
      </c>
      <c r="GB37" s="71">
        <v>0</v>
      </c>
      <c r="GC37" s="71">
        <v>0</v>
      </c>
      <c r="GD37" s="71">
        <v>0</v>
      </c>
      <c r="GE37" s="72">
        <v>0</v>
      </c>
      <c r="GF37" s="73">
        <v>0</v>
      </c>
      <c r="GG37" s="70">
        <v>1</v>
      </c>
      <c r="GH37" s="71">
        <v>1</v>
      </c>
      <c r="GI37" s="72">
        <v>2</v>
      </c>
      <c r="GJ37" s="244"/>
      <c r="GK37" s="71">
        <v>1</v>
      </c>
      <c r="GL37" s="71">
        <v>0</v>
      </c>
      <c r="GM37" s="71">
        <v>2</v>
      </c>
      <c r="GN37" s="71">
        <v>0</v>
      </c>
      <c r="GO37" s="71">
        <v>0</v>
      </c>
      <c r="GP37" s="72">
        <v>3</v>
      </c>
      <c r="GQ37" s="73">
        <v>5</v>
      </c>
      <c r="GR37" s="123">
        <v>2</v>
      </c>
      <c r="GS37" s="82">
        <v>2</v>
      </c>
      <c r="GT37" s="83">
        <v>4</v>
      </c>
      <c r="GU37" s="241"/>
      <c r="GV37" s="82">
        <v>3</v>
      </c>
      <c r="GW37" s="82">
        <v>3</v>
      </c>
      <c r="GX37" s="82">
        <v>3</v>
      </c>
      <c r="GY37" s="82">
        <v>2</v>
      </c>
      <c r="GZ37" s="82">
        <v>0</v>
      </c>
      <c r="HA37" s="84">
        <v>11</v>
      </c>
      <c r="HB37" s="85">
        <v>15</v>
      </c>
      <c r="HC37" s="70">
        <v>0</v>
      </c>
      <c r="HD37" s="71">
        <v>0</v>
      </c>
      <c r="HE37" s="72">
        <v>0</v>
      </c>
      <c r="HF37" s="241"/>
      <c r="HG37" s="71">
        <v>0</v>
      </c>
      <c r="HH37" s="71">
        <v>0</v>
      </c>
      <c r="HI37" s="71">
        <v>1</v>
      </c>
      <c r="HJ37" s="71">
        <v>0</v>
      </c>
      <c r="HK37" s="71">
        <v>0</v>
      </c>
      <c r="HL37" s="72">
        <v>1</v>
      </c>
      <c r="HM37" s="73">
        <v>1</v>
      </c>
      <c r="HN37" s="70">
        <v>0</v>
      </c>
      <c r="HO37" s="71">
        <v>0</v>
      </c>
      <c r="HP37" s="72">
        <v>0</v>
      </c>
      <c r="HQ37" s="241"/>
      <c r="HR37" s="71">
        <v>0</v>
      </c>
      <c r="HS37" s="71">
        <v>0</v>
      </c>
      <c r="HT37" s="71">
        <v>0</v>
      </c>
      <c r="HU37" s="71">
        <v>0</v>
      </c>
      <c r="HV37" s="71">
        <v>0</v>
      </c>
      <c r="HW37" s="72">
        <v>0</v>
      </c>
      <c r="HX37" s="73">
        <v>0</v>
      </c>
      <c r="HY37" s="70">
        <v>0</v>
      </c>
      <c r="HZ37" s="71">
        <v>1</v>
      </c>
      <c r="IA37" s="72">
        <v>1</v>
      </c>
      <c r="IB37" s="244"/>
      <c r="IC37" s="71">
        <v>0</v>
      </c>
      <c r="ID37" s="71">
        <v>0</v>
      </c>
      <c r="IE37" s="71">
        <v>2</v>
      </c>
      <c r="IF37" s="71">
        <v>1</v>
      </c>
      <c r="IG37" s="71">
        <v>0</v>
      </c>
      <c r="IH37" s="72">
        <v>3</v>
      </c>
      <c r="II37" s="73">
        <v>4</v>
      </c>
      <c r="IJ37" s="70">
        <v>2</v>
      </c>
      <c r="IK37" s="71">
        <v>0</v>
      </c>
      <c r="IL37" s="72">
        <v>2</v>
      </c>
      <c r="IM37" s="244"/>
      <c r="IN37" s="71">
        <v>1</v>
      </c>
      <c r="IO37" s="71">
        <v>0</v>
      </c>
      <c r="IP37" s="71">
        <v>0</v>
      </c>
      <c r="IQ37" s="71">
        <v>0</v>
      </c>
      <c r="IR37" s="71">
        <v>0</v>
      </c>
      <c r="IS37" s="72">
        <v>1</v>
      </c>
      <c r="IT37" s="73">
        <v>3</v>
      </c>
      <c r="IU37" s="70">
        <v>0</v>
      </c>
      <c r="IV37" s="71">
        <v>0</v>
      </c>
      <c r="IW37" s="72">
        <v>0</v>
      </c>
      <c r="IX37" s="244"/>
      <c r="IY37" s="71">
        <v>1</v>
      </c>
      <c r="IZ37" s="71">
        <v>1</v>
      </c>
      <c r="JA37" s="71">
        <v>0</v>
      </c>
      <c r="JB37" s="71">
        <v>0</v>
      </c>
      <c r="JC37" s="71">
        <v>0</v>
      </c>
      <c r="JD37" s="72">
        <v>2</v>
      </c>
      <c r="JE37" s="73">
        <v>2</v>
      </c>
      <c r="JF37" s="70">
        <v>0</v>
      </c>
      <c r="JG37" s="71">
        <v>1</v>
      </c>
      <c r="JH37" s="72">
        <v>1</v>
      </c>
      <c r="JI37" s="244"/>
      <c r="JJ37" s="71">
        <v>1</v>
      </c>
      <c r="JK37" s="71">
        <v>2</v>
      </c>
      <c r="JL37" s="71">
        <v>0</v>
      </c>
      <c r="JM37" s="71">
        <v>1</v>
      </c>
      <c r="JN37" s="71">
        <v>0</v>
      </c>
      <c r="JO37" s="72">
        <v>4</v>
      </c>
      <c r="JP37" s="73">
        <v>5</v>
      </c>
      <c r="JQ37" s="70">
        <v>0</v>
      </c>
      <c r="JR37" s="71">
        <v>0</v>
      </c>
      <c r="JS37" s="72">
        <v>0</v>
      </c>
      <c r="JT37" s="244"/>
      <c r="JU37" s="71">
        <v>0</v>
      </c>
      <c r="JV37" s="71">
        <v>0</v>
      </c>
      <c r="JW37" s="71">
        <v>0</v>
      </c>
      <c r="JX37" s="71">
        <v>0</v>
      </c>
      <c r="JY37" s="71">
        <v>0</v>
      </c>
      <c r="JZ37" s="72">
        <v>0</v>
      </c>
      <c r="KA37" s="73">
        <v>0</v>
      </c>
      <c r="KB37" s="70">
        <v>2</v>
      </c>
      <c r="KC37" s="71">
        <v>2</v>
      </c>
      <c r="KD37" s="72">
        <v>4</v>
      </c>
      <c r="KE37" s="244"/>
      <c r="KF37" s="71">
        <v>3</v>
      </c>
      <c r="KG37" s="71">
        <v>3</v>
      </c>
      <c r="KH37" s="71">
        <v>3</v>
      </c>
      <c r="KI37" s="71">
        <v>2</v>
      </c>
      <c r="KJ37" s="71">
        <v>0</v>
      </c>
      <c r="KK37" s="72">
        <v>11</v>
      </c>
      <c r="KL37" s="73">
        <v>15</v>
      </c>
    </row>
    <row r="38" spans="1:298" ht="19.5" customHeight="1" x14ac:dyDescent="0.2">
      <c r="A38" s="126" t="s">
        <v>35</v>
      </c>
      <c r="B38" s="316">
        <v>8</v>
      </c>
      <c r="C38" s="82">
        <v>6</v>
      </c>
      <c r="D38" s="83">
        <v>14</v>
      </c>
      <c r="E38" s="241"/>
      <c r="F38" s="82">
        <v>17</v>
      </c>
      <c r="G38" s="82">
        <v>8</v>
      </c>
      <c r="H38" s="82">
        <v>1</v>
      </c>
      <c r="I38" s="82">
        <v>5</v>
      </c>
      <c r="J38" s="82">
        <v>0</v>
      </c>
      <c r="K38" s="84">
        <v>31</v>
      </c>
      <c r="L38" s="85">
        <v>45</v>
      </c>
      <c r="M38" s="70">
        <v>0</v>
      </c>
      <c r="N38" s="71">
        <v>0</v>
      </c>
      <c r="O38" s="72">
        <v>0</v>
      </c>
      <c r="P38" s="244"/>
      <c r="Q38" s="71">
        <v>1</v>
      </c>
      <c r="R38" s="71">
        <v>0</v>
      </c>
      <c r="S38" s="71">
        <v>0</v>
      </c>
      <c r="T38" s="71">
        <v>0</v>
      </c>
      <c r="U38" s="71">
        <v>0</v>
      </c>
      <c r="V38" s="72">
        <v>1</v>
      </c>
      <c r="W38" s="73">
        <v>1</v>
      </c>
      <c r="X38" s="70">
        <v>0</v>
      </c>
      <c r="Y38" s="71">
        <v>0</v>
      </c>
      <c r="Z38" s="72">
        <v>0</v>
      </c>
      <c r="AA38" s="244"/>
      <c r="AB38" s="71">
        <v>1</v>
      </c>
      <c r="AC38" s="71">
        <v>1</v>
      </c>
      <c r="AD38" s="71">
        <v>0</v>
      </c>
      <c r="AE38" s="71">
        <v>0</v>
      </c>
      <c r="AF38" s="71">
        <v>0</v>
      </c>
      <c r="AG38" s="72">
        <v>2</v>
      </c>
      <c r="AH38" s="73">
        <v>2</v>
      </c>
      <c r="AI38" s="70">
        <v>2</v>
      </c>
      <c r="AJ38" s="71">
        <v>1</v>
      </c>
      <c r="AK38" s="72">
        <v>3</v>
      </c>
      <c r="AL38" s="244"/>
      <c r="AM38" s="71">
        <v>2</v>
      </c>
      <c r="AN38" s="71">
        <v>1</v>
      </c>
      <c r="AO38" s="71">
        <v>1</v>
      </c>
      <c r="AP38" s="71">
        <v>2</v>
      </c>
      <c r="AQ38" s="71">
        <v>0</v>
      </c>
      <c r="AR38" s="72">
        <v>6</v>
      </c>
      <c r="AS38" s="73">
        <v>9</v>
      </c>
      <c r="AT38" s="70">
        <v>3</v>
      </c>
      <c r="AU38" s="71">
        <v>2</v>
      </c>
      <c r="AV38" s="72">
        <v>5</v>
      </c>
      <c r="AW38" s="244"/>
      <c r="AX38" s="71">
        <v>3</v>
      </c>
      <c r="AY38" s="71">
        <v>3</v>
      </c>
      <c r="AZ38" s="71">
        <v>0</v>
      </c>
      <c r="BA38" s="71">
        <v>1</v>
      </c>
      <c r="BB38" s="71">
        <v>0</v>
      </c>
      <c r="BC38" s="72">
        <v>7</v>
      </c>
      <c r="BD38" s="73">
        <v>12</v>
      </c>
      <c r="BE38" s="70">
        <v>0</v>
      </c>
      <c r="BF38" s="71">
        <v>3</v>
      </c>
      <c r="BG38" s="72">
        <v>3</v>
      </c>
      <c r="BH38" s="244"/>
      <c r="BI38" s="71">
        <v>6</v>
      </c>
      <c r="BJ38" s="71">
        <v>1</v>
      </c>
      <c r="BK38" s="71">
        <v>0</v>
      </c>
      <c r="BL38" s="71">
        <v>0</v>
      </c>
      <c r="BM38" s="71">
        <v>0</v>
      </c>
      <c r="BN38" s="72">
        <v>7</v>
      </c>
      <c r="BO38" s="73">
        <v>10</v>
      </c>
      <c r="BP38" s="70">
        <v>3</v>
      </c>
      <c r="BQ38" s="71">
        <v>0</v>
      </c>
      <c r="BR38" s="72">
        <v>3</v>
      </c>
      <c r="BS38" s="244"/>
      <c r="BT38" s="71">
        <v>4</v>
      </c>
      <c r="BU38" s="71">
        <v>2</v>
      </c>
      <c r="BV38" s="71">
        <v>0</v>
      </c>
      <c r="BW38" s="71">
        <v>2</v>
      </c>
      <c r="BX38" s="71">
        <v>0</v>
      </c>
      <c r="BY38" s="72">
        <v>8</v>
      </c>
      <c r="BZ38" s="73">
        <v>11</v>
      </c>
      <c r="CA38" s="70">
        <v>0</v>
      </c>
      <c r="CB38" s="71">
        <v>0</v>
      </c>
      <c r="CC38" s="72">
        <v>0</v>
      </c>
      <c r="CD38" s="244"/>
      <c r="CE38" s="71">
        <v>0</v>
      </c>
      <c r="CF38" s="71">
        <v>0</v>
      </c>
      <c r="CG38" s="71">
        <v>0</v>
      </c>
      <c r="CH38" s="71">
        <v>0</v>
      </c>
      <c r="CI38" s="71">
        <v>0</v>
      </c>
      <c r="CJ38" s="72">
        <v>0</v>
      </c>
      <c r="CK38" s="73">
        <v>0</v>
      </c>
      <c r="CL38" s="70">
        <v>8</v>
      </c>
      <c r="CM38" s="71">
        <v>6</v>
      </c>
      <c r="CN38" s="72">
        <v>14</v>
      </c>
      <c r="CO38" s="244"/>
      <c r="CP38" s="71">
        <v>17</v>
      </c>
      <c r="CQ38" s="71">
        <v>8</v>
      </c>
      <c r="CR38" s="71">
        <v>1</v>
      </c>
      <c r="CS38" s="71">
        <v>5</v>
      </c>
      <c r="CT38" s="71">
        <v>0</v>
      </c>
      <c r="CU38" s="72">
        <v>31</v>
      </c>
      <c r="CV38" s="73">
        <v>45</v>
      </c>
      <c r="CW38" s="123">
        <v>0</v>
      </c>
      <c r="CX38" s="82">
        <v>2</v>
      </c>
      <c r="CY38" s="83">
        <v>2</v>
      </c>
      <c r="CZ38" s="241"/>
      <c r="DA38" s="82">
        <v>5</v>
      </c>
      <c r="DB38" s="82">
        <v>2</v>
      </c>
      <c r="DC38" s="82">
        <v>6</v>
      </c>
      <c r="DD38" s="82">
        <v>4</v>
      </c>
      <c r="DE38" s="82">
        <v>2</v>
      </c>
      <c r="DF38" s="84">
        <v>19</v>
      </c>
      <c r="DG38" s="85">
        <v>21</v>
      </c>
      <c r="DH38" s="70">
        <v>0</v>
      </c>
      <c r="DI38" s="71">
        <v>0</v>
      </c>
      <c r="DJ38" s="72">
        <v>0</v>
      </c>
      <c r="DK38" s="244"/>
      <c r="DL38" s="71">
        <v>0</v>
      </c>
      <c r="DM38" s="71">
        <v>0</v>
      </c>
      <c r="DN38" s="71">
        <v>0</v>
      </c>
      <c r="DO38" s="71">
        <v>0</v>
      </c>
      <c r="DP38" s="71">
        <v>0</v>
      </c>
      <c r="DQ38" s="72">
        <v>0</v>
      </c>
      <c r="DR38" s="73">
        <v>0</v>
      </c>
      <c r="DS38" s="70">
        <v>0</v>
      </c>
      <c r="DT38" s="71">
        <v>0</v>
      </c>
      <c r="DU38" s="72">
        <v>0</v>
      </c>
      <c r="DV38" s="244"/>
      <c r="DW38" s="71">
        <v>1</v>
      </c>
      <c r="DX38" s="71">
        <v>0</v>
      </c>
      <c r="DY38" s="71">
        <v>1</v>
      </c>
      <c r="DZ38" s="71">
        <v>0</v>
      </c>
      <c r="EA38" s="71">
        <v>0</v>
      </c>
      <c r="EB38" s="72">
        <v>2</v>
      </c>
      <c r="EC38" s="73">
        <v>2</v>
      </c>
      <c r="ED38" s="70">
        <v>0</v>
      </c>
      <c r="EE38" s="71">
        <v>0</v>
      </c>
      <c r="EF38" s="72">
        <v>0</v>
      </c>
      <c r="EG38" s="244"/>
      <c r="EH38" s="71">
        <v>0</v>
      </c>
      <c r="EI38" s="71">
        <v>0</v>
      </c>
      <c r="EJ38" s="71">
        <v>0</v>
      </c>
      <c r="EK38" s="71">
        <v>0</v>
      </c>
      <c r="EL38" s="71">
        <v>0</v>
      </c>
      <c r="EM38" s="72">
        <v>0</v>
      </c>
      <c r="EN38" s="73">
        <v>0</v>
      </c>
      <c r="EO38" s="70">
        <v>0</v>
      </c>
      <c r="EP38" s="71">
        <v>0</v>
      </c>
      <c r="EQ38" s="72">
        <v>0</v>
      </c>
      <c r="ER38" s="244"/>
      <c r="ES38" s="71">
        <v>1</v>
      </c>
      <c r="ET38" s="71">
        <v>1</v>
      </c>
      <c r="EU38" s="71">
        <v>1</v>
      </c>
      <c r="EV38" s="71">
        <v>1</v>
      </c>
      <c r="EW38" s="71">
        <v>1</v>
      </c>
      <c r="EX38" s="72">
        <v>5</v>
      </c>
      <c r="EY38" s="73">
        <v>5</v>
      </c>
      <c r="EZ38" s="70">
        <v>0</v>
      </c>
      <c r="FA38" s="71">
        <v>1</v>
      </c>
      <c r="FB38" s="72">
        <v>1</v>
      </c>
      <c r="FC38" s="244"/>
      <c r="FD38" s="71">
        <v>3</v>
      </c>
      <c r="FE38" s="71">
        <v>1</v>
      </c>
      <c r="FF38" s="71">
        <v>1</v>
      </c>
      <c r="FG38" s="71">
        <v>0</v>
      </c>
      <c r="FH38" s="71">
        <v>0</v>
      </c>
      <c r="FI38" s="72">
        <v>5</v>
      </c>
      <c r="FJ38" s="73">
        <v>6</v>
      </c>
      <c r="FK38" s="70">
        <v>0</v>
      </c>
      <c r="FL38" s="71">
        <v>1</v>
      </c>
      <c r="FM38" s="72">
        <v>1</v>
      </c>
      <c r="FN38" s="244"/>
      <c r="FO38" s="71">
        <v>0</v>
      </c>
      <c r="FP38" s="71">
        <v>0</v>
      </c>
      <c r="FQ38" s="71">
        <v>3</v>
      </c>
      <c r="FR38" s="71">
        <v>3</v>
      </c>
      <c r="FS38" s="71">
        <v>1</v>
      </c>
      <c r="FT38" s="72">
        <v>7</v>
      </c>
      <c r="FU38" s="73">
        <v>8</v>
      </c>
      <c r="FV38" s="70">
        <v>0</v>
      </c>
      <c r="FW38" s="71">
        <v>0</v>
      </c>
      <c r="FX38" s="72">
        <v>0</v>
      </c>
      <c r="FY38" s="244"/>
      <c r="FZ38" s="71">
        <v>0</v>
      </c>
      <c r="GA38" s="71">
        <v>0</v>
      </c>
      <c r="GB38" s="71">
        <v>0</v>
      </c>
      <c r="GC38" s="71">
        <v>0</v>
      </c>
      <c r="GD38" s="71">
        <v>0</v>
      </c>
      <c r="GE38" s="72">
        <v>0</v>
      </c>
      <c r="GF38" s="73">
        <v>0</v>
      </c>
      <c r="GG38" s="70">
        <v>0</v>
      </c>
      <c r="GH38" s="71">
        <v>2</v>
      </c>
      <c r="GI38" s="72">
        <v>2</v>
      </c>
      <c r="GJ38" s="244"/>
      <c r="GK38" s="71">
        <v>5</v>
      </c>
      <c r="GL38" s="71">
        <v>2</v>
      </c>
      <c r="GM38" s="71">
        <v>6</v>
      </c>
      <c r="GN38" s="71">
        <v>4</v>
      </c>
      <c r="GO38" s="71">
        <v>2</v>
      </c>
      <c r="GP38" s="72">
        <v>19</v>
      </c>
      <c r="GQ38" s="73">
        <v>21</v>
      </c>
      <c r="GR38" s="123">
        <v>8</v>
      </c>
      <c r="GS38" s="82">
        <v>8</v>
      </c>
      <c r="GT38" s="83">
        <v>16</v>
      </c>
      <c r="GU38" s="241"/>
      <c r="GV38" s="82">
        <v>22</v>
      </c>
      <c r="GW38" s="82">
        <v>10</v>
      </c>
      <c r="GX38" s="82">
        <v>7</v>
      </c>
      <c r="GY38" s="82">
        <v>9</v>
      </c>
      <c r="GZ38" s="82">
        <v>2</v>
      </c>
      <c r="HA38" s="84">
        <v>50</v>
      </c>
      <c r="HB38" s="85">
        <v>66</v>
      </c>
      <c r="HC38" s="70">
        <v>0</v>
      </c>
      <c r="HD38" s="71">
        <v>0</v>
      </c>
      <c r="HE38" s="72">
        <v>0</v>
      </c>
      <c r="HF38" s="241"/>
      <c r="HG38" s="71">
        <v>1</v>
      </c>
      <c r="HH38" s="71">
        <v>0</v>
      </c>
      <c r="HI38" s="71">
        <v>0</v>
      </c>
      <c r="HJ38" s="71">
        <v>0</v>
      </c>
      <c r="HK38" s="71">
        <v>0</v>
      </c>
      <c r="HL38" s="72">
        <v>1</v>
      </c>
      <c r="HM38" s="73">
        <v>1</v>
      </c>
      <c r="HN38" s="70">
        <v>0</v>
      </c>
      <c r="HO38" s="71">
        <v>0</v>
      </c>
      <c r="HP38" s="72">
        <v>0</v>
      </c>
      <c r="HQ38" s="241"/>
      <c r="HR38" s="71">
        <v>2</v>
      </c>
      <c r="HS38" s="71">
        <v>1</v>
      </c>
      <c r="HT38" s="71">
        <v>1</v>
      </c>
      <c r="HU38" s="71">
        <v>0</v>
      </c>
      <c r="HV38" s="71">
        <v>0</v>
      </c>
      <c r="HW38" s="72">
        <v>4</v>
      </c>
      <c r="HX38" s="73">
        <v>4</v>
      </c>
      <c r="HY38" s="70">
        <v>2</v>
      </c>
      <c r="HZ38" s="71">
        <v>1</v>
      </c>
      <c r="IA38" s="72">
        <v>3</v>
      </c>
      <c r="IB38" s="244"/>
      <c r="IC38" s="71">
        <v>2</v>
      </c>
      <c r="ID38" s="71">
        <v>1</v>
      </c>
      <c r="IE38" s="71">
        <v>1</v>
      </c>
      <c r="IF38" s="71">
        <v>2</v>
      </c>
      <c r="IG38" s="71">
        <v>0</v>
      </c>
      <c r="IH38" s="72">
        <v>6</v>
      </c>
      <c r="II38" s="73">
        <v>9</v>
      </c>
      <c r="IJ38" s="70">
        <v>3</v>
      </c>
      <c r="IK38" s="71">
        <v>2</v>
      </c>
      <c r="IL38" s="72">
        <v>5</v>
      </c>
      <c r="IM38" s="244"/>
      <c r="IN38" s="71">
        <v>4</v>
      </c>
      <c r="IO38" s="71">
        <v>4</v>
      </c>
      <c r="IP38" s="71">
        <v>1</v>
      </c>
      <c r="IQ38" s="71">
        <v>2</v>
      </c>
      <c r="IR38" s="71">
        <v>1</v>
      </c>
      <c r="IS38" s="72">
        <v>12</v>
      </c>
      <c r="IT38" s="73">
        <v>17</v>
      </c>
      <c r="IU38" s="70">
        <v>0</v>
      </c>
      <c r="IV38" s="71">
        <v>4</v>
      </c>
      <c r="IW38" s="72">
        <v>4</v>
      </c>
      <c r="IX38" s="244"/>
      <c r="IY38" s="71">
        <v>9</v>
      </c>
      <c r="IZ38" s="71">
        <v>2</v>
      </c>
      <c r="JA38" s="71">
        <v>1</v>
      </c>
      <c r="JB38" s="71">
        <v>0</v>
      </c>
      <c r="JC38" s="71">
        <v>0</v>
      </c>
      <c r="JD38" s="72">
        <v>12</v>
      </c>
      <c r="JE38" s="73">
        <v>16</v>
      </c>
      <c r="JF38" s="70">
        <v>3</v>
      </c>
      <c r="JG38" s="71">
        <v>1</v>
      </c>
      <c r="JH38" s="72">
        <v>4</v>
      </c>
      <c r="JI38" s="244"/>
      <c r="JJ38" s="71">
        <v>4</v>
      </c>
      <c r="JK38" s="71">
        <v>2</v>
      </c>
      <c r="JL38" s="71">
        <v>3</v>
      </c>
      <c r="JM38" s="71">
        <v>5</v>
      </c>
      <c r="JN38" s="71">
        <v>1</v>
      </c>
      <c r="JO38" s="72">
        <v>15</v>
      </c>
      <c r="JP38" s="73">
        <v>19</v>
      </c>
      <c r="JQ38" s="70">
        <v>0</v>
      </c>
      <c r="JR38" s="71">
        <v>0</v>
      </c>
      <c r="JS38" s="72">
        <v>0</v>
      </c>
      <c r="JT38" s="244"/>
      <c r="JU38" s="71">
        <v>0</v>
      </c>
      <c r="JV38" s="71">
        <v>0</v>
      </c>
      <c r="JW38" s="71">
        <v>0</v>
      </c>
      <c r="JX38" s="71">
        <v>0</v>
      </c>
      <c r="JY38" s="71">
        <v>0</v>
      </c>
      <c r="JZ38" s="72">
        <v>0</v>
      </c>
      <c r="KA38" s="73">
        <v>0</v>
      </c>
      <c r="KB38" s="70">
        <v>8</v>
      </c>
      <c r="KC38" s="71">
        <v>8</v>
      </c>
      <c r="KD38" s="72">
        <v>16</v>
      </c>
      <c r="KE38" s="244"/>
      <c r="KF38" s="71">
        <v>22</v>
      </c>
      <c r="KG38" s="71">
        <v>10</v>
      </c>
      <c r="KH38" s="71">
        <v>7</v>
      </c>
      <c r="KI38" s="71">
        <v>9</v>
      </c>
      <c r="KJ38" s="71">
        <v>2</v>
      </c>
      <c r="KK38" s="72">
        <v>50</v>
      </c>
      <c r="KL38" s="73">
        <v>66</v>
      </c>
    </row>
    <row r="39" spans="1:298" ht="19.5" customHeight="1" x14ac:dyDescent="0.2">
      <c r="A39" s="126" t="s">
        <v>36</v>
      </c>
      <c r="B39" s="316">
        <v>2</v>
      </c>
      <c r="C39" s="82">
        <v>6</v>
      </c>
      <c r="D39" s="83">
        <v>8</v>
      </c>
      <c r="E39" s="241"/>
      <c r="F39" s="82">
        <v>9</v>
      </c>
      <c r="G39" s="82">
        <v>5</v>
      </c>
      <c r="H39" s="82">
        <v>3</v>
      </c>
      <c r="I39" s="82">
        <v>4</v>
      </c>
      <c r="J39" s="82">
        <v>3</v>
      </c>
      <c r="K39" s="84">
        <v>24</v>
      </c>
      <c r="L39" s="85">
        <v>32</v>
      </c>
      <c r="M39" s="70">
        <v>0</v>
      </c>
      <c r="N39" s="71">
        <v>0</v>
      </c>
      <c r="O39" s="72">
        <v>0</v>
      </c>
      <c r="P39" s="244"/>
      <c r="Q39" s="71">
        <v>1</v>
      </c>
      <c r="R39" s="71">
        <v>0</v>
      </c>
      <c r="S39" s="71">
        <v>0</v>
      </c>
      <c r="T39" s="71">
        <v>0</v>
      </c>
      <c r="U39" s="71">
        <v>0</v>
      </c>
      <c r="V39" s="72">
        <v>1</v>
      </c>
      <c r="W39" s="73">
        <v>1</v>
      </c>
      <c r="X39" s="70">
        <v>1</v>
      </c>
      <c r="Y39" s="71">
        <v>0</v>
      </c>
      <c r="Z39" s="72">
        <v>1</v>
      </c>
      <c r="AA39" s="244"/>
      <c r="AB39" s="71">
        <v>1</v>
      </c>
      <c r="AC39" s="71">
        <v>2</v>
      </c>
      <c r="AD39" s="71">
        <v>0</v>
      </c>
      <c r="AE39" s="71">
        <v>0</v>
      </c>
      <c r="AF39" s="71">
        <v>0</v>
      </c>
      <c r="AG39" s="72">
        <v>3</v>
      </c>
      <c r="AH39" s="73">
        <v>4</v>
      </c>
      <c r="AI39" s="70">
        <v>1</v>
      </c>
      <c r="AJ39" s="71">
        <v>0</v>
      </c>
      <c r="AK39" s="72">
        <v>1</v>
      </c>
      <c r="AL39" s="244"/>
      <c r="AM39" s="71">
        <v>2</v>
      </c>
      <c r="AN39" s="71">
        <v>0</v>
      </c>
      <c r="AO39" s="71">
        <v>0</v>
      </c>
      <c r="AP39" s="71">
        <v>0</v>
      </c>
      <c r="AQ39" s="71">
        <v>1</v>
      </c>
      <c r="AR39" s="72">
        <v>3</v>
      </c>
      <c r="AS39" s="73">
        <v>4</v>
      </c>
      <c r="AT39" s="70">
        <v>0</v>
      </c>
      <c r="AU39" s="71">
        <v>3</v>
      </c>
      <c r="AV39" s="72">
        <v>3</v>
      </c>
      <c r="AW39" s="244"/>
      <c r="AX39" s="71">
        <v>2</v>
      </c>
      <c r="AY39" s="71">
        <v>2</v>
      </c>
      <c r="AZ39" s="71">
        <v>1</v>
      </c>
      <c r="BA39" s="71">
        <v>0</v>
      </c>
      <c r="BB39" s="71">
        <v>1</v>
      </c>
      <c r="BC39" s="72">
        <v>6</v>
      </c>
      <c r="BD39" s="73">
        <v>9</v>
      </c>
      <c r="BE39" s="70">
        <v>0</v>
      </c>
      <c r="BF39" s="71">
        <v>3</v>
      </c>
      <c r="BG39" s="72">
        <v>3</v>
      </c>
      <c r="BH39" s="244"/>
      <c r="BI39" s="71">
        <v>0</v>
      </c>
      <c r="BJ39" s="71">
        <v>0</v>
      </c>
      <c r="BK39" s="71">
        <v>2</v>
      </c>
      <c r="BL39" s="71">
        <v>3</v>
      </c>
      <c r="BM39" s="71">
        <v>1</v>
      </c>
      <c r="BN39" s="72">
        <v>6</v>
      </c>
      <c r="BO39" s="73">
        <v>9</v>
      </c>
      <c r="BP39" s="70">
        <v>0</v>
      </c>
      <c r="BQ39" s="71">
        <v>0</v>
      </c>
      <c r="BR39" s="72">
        <v>0</v>
      </c>
      <c r="BS39" s="244"/>
      <c r="BT39" s="71">
        <v>3</v>
      </c>
      <c r="BU39" s="71">
        <v>1</v>
      </c>
      <c r="BV39" s="71">
        <v>0</v>
      </c>
      <c r="BW39" s="71">
        <v>1</v>
      </c>
      <c r="BX39" s="71">
        <v>0</v>
      </c>
      <c r="BY39" s="72">
        <v>5</v>
      </c>
      <c r="BZ39" s="73">
        <v>5</v>
      </c>
      <c r="CA39" s="70">
        <v>0</v>
      </c>
      <c r="CB39" s="71">
        <v>0</v>
      </c>
      <c r="CC39" s="72">
        <v>0</v>
      </c>
      <c r="CD39" s="244"/>
      <c r="CE39" s="71">
        <v>0</v>
      </c>
      <c r="CF39" s="71">
        <v>0</v>
      </c>
      <c r="CG39" s="71">
        <v>0</v>
      </c>
      <c r="CH39" s="71">
        <v>0</v>
      </c>
      <c r="CI39" s="71">
        <v>0</v>
      </c>
      <c r="CJ39" s="72">
        <v>0</v>
      </c>
      <c r="CK39" s="73">
        <v>0</v>
      </c>
      <c r="CL39" s="70">
        <v>2</v>
      </c>
      <c r="CM39" s="71">
        <v>6</v>
      </c>
      <c r="CN39" s="72">
        <v>8</v>
      </c>
      <c r="CO39" s="244"/>
      <c r="CP39" s="71">
        <v>9</v>
      </c>
      <c r="CQ39" s="71">
        <v>5</v>
      </c>
      <c r="CR39" s="71">
        <v>3</v>
      </c>
      <c r="CS39" s="71">
        <v>4</v>
      </c>
      <c r="CT39" s="71">
        <v>3</v>
      </c>
      <c r="CU39" s="72">
        <v>24</v>
      </c>
      <c r="CV39" s="73">
        <v>32</v>
      </c>
      <c r="CW39" s="123">
        <v>2</v>
      </c>
      <c r="CX39" s="82">
        <v>3</v>
      </c>
      <c r="CY39" s="83">
        <v>5</v>
      </c>
      <c r="CZ39" s="241"/>
      <c r="DA39" s="82">
        <v>7</v>
      </c>
      <c r="DB39" s="82">
        <v>7</v>
      </c>
      <c r="DC39" s="82">
        <v>1</v>
      </c>
      <c r="DD39" s="82">
        <v>4</v>
      </c>
      <c r="DE39" s="82">
        <v>1</v>
      </c>
      <c r="DF39" s="84">
        <v>20</v>
      </c>
      <c r="DG39" s="85">
        <v>25</v>
      </c>
      <c r="DH39" s="70">
        <v>0</v>
      </c>
      <c r="DI39" s="71">
        <v>0</v>
      </c>
      <c r="DJ39" s="72">
        <v>0</v>
      </c>
      <c r="DK39" s="244"/>
      <c r="DL39" s="71">
        <v>0</v>
      </c>
      <c r="DM39" s="71">
        <v>0</v>
      </c>
      <c r="DN39" s="71">
        <v>0</v>
      </c>
      <c r="DO39" s="71">
        <v>0</v>
      </c>
      <c r="DP39" s="71">
        <v>0</v>
      </c>
      <c r="DQ39" s="72">
        <v>0</v>
      </c>
      <c r="DR39" s="73">
        <v>0</v>
      </c>
      <c r="DS39" s="70">
        <v>0</v>
      </c>
      <c r="DT39" s="71">
        <v>0</v>
      </c>
      <c r="DU39" s="72">
        <v>0</v>
      </c>
      <c r="DV39" s="244"/>
      <c r="DW39" s="71">
        <v>0</v>
      </c>
      <c r="DX39" s="71">
        <v>0</v>
      </c>
      <c r="DY39" s="71">
        <v>0</v>
      </c>
      <c r="DZ39" s="71">
        <v>0</v>
      </c>
      <c r="EA39" s="71">
        <v>0</v>
      </c>
      <c r="EB39" s="72">
        <v>0</v>
      </c>
      <c r="EC39" s="73">
        <v>0</v>
      </c>
      <c r="ED39" s="70">
        <v>0</v>
      </c>
      <c r="EE39" s="71">
        <v>0</v>
      </c>
      <c r="EF39" s="72">
        <v>0</v>
      </c>
      <c r="EG39" s="244"/>
      <c r="EH39" s="71">
        <v>1</v>
      </c>
      <c r="EI39" s="71">
        <v>1</v>
      </c>
      <c r="EJ39" s="71">
        <v>0</v>
      </c>
      <c r="EK39" s="71">
        <v>0</v>
      </c>
      <c r="EL39" s="71">
        <v>0</v>
      </c>
      <c r="EM39" s="72">
        <v>2</v>
      </c>
      <c r="EN39" s="73">
        <v>2</v>
      </c>
      <c r="EO39" s="70">
        <v>0</v>
      </c>
      <c r="EP39" s="71">
        <v>2</v>
      </c>
      <c r="EQ39" s="72">
        <v>2</v>
      </c>
      <c r="ER39" s="244"/>
      <c r="ES39" s="71">
        <v>1</v>
      </c>
      <c r="ET39" s="71">
        <v>1</v>
      </c>
      <c r="EU39" s="71">
        <v>1</v>
      </c>
      <c r="EV39" s="71">
        <v>0</v>
      </c>
      <c r="EW39" s="71">
        <v>0</v>
      </c>
      <c r="EX39" s="72">
        <v>3</v>
      </c>
      <c r="EY39" s="73">
        <v>5</v>
      </c>
      <c r="EZ39" s="70">
        <v>2</v>
      </c>
      <c r="FA39" s="71">
        <v>1</v>
      </c>
      <c r="FB39" s="72">
        <v>3</v>
      </c>
      <c r="FC39" s="244"/>
      <c r="FD39" s="71">
        <v>3</v>
      </c>
      <c r="FE39" s="71">
        <v>3</v>
      </c>
      <c r="FF39" s="71">
        <v>0</v>
      </c>
      <c r="FG39" s="71">
        <v>1</v>
      </c>
      <c r="FH39" s="71">
        <v>0</v>
      </c>
      <c r="FI39" s="72">
        <v>7</v>
      </c>
      <c r="FJ39" s="73">
        <v>10</v>
      </c>
      <c r="FK39" s="70">
        <v>0</v>
      </c>
      <c r="FL39" s="71">
        <v>0</v>
      </c>
      <c r="FM39" s="72">
        <v>0</v>
      </c>
      <c r="FN39" s="244"/>
      <c r="FO39" s="71">
        <v>2</v>
      </c>
      <c r="FP39" s="71">
        <v>2</v>
      </c>
      <c r="FQ39" s="71">
        <v>0</v>
      </c>
      <c r="FR39" s="71">
        <v>3</v>
      </c>
      <c r="FS39" s="71">
        <v>1</v>
      </c>
      <c r="FT39" s="72">
        <v>8</v>
      </c>
      <c r="FU39" s="73">
        <v>8</v>
      </c>
      <c r="FV39" s="70">
        <v>0</v>
      </c>
      <c r="FW39" s="71">
        <v>0</v>
      </c>
      <c r="FX39" s="72">
        <v>0</v>
      </c>
      <c r="FY39" s="244"/>
      <c r="FZ39" s="71">
        <v>0</v>
      </c>
      <c r="GA39" s="71">
        <v>0</v>
      </c>
      <c r="GB39" s="71">
        <v>0</v>
      </c>
      <c r="GC39" s="71">
        <v>0</v>
      </c>
      <c r="GD39" s="71">
        <v>0</v>
      </c>
      <c r="GE39" s="72">
        <v>0</v>
      </c>
      <c r="GF39" s="73">
        <v>0</v>
      </c>
      <c r="GG39" s="70">
        <v>2</v>
      </c>
      <c r="GH39" s="71">
        <v>3</v>
      </c>
      <c r="GI39" s="72">
        <v>5</v>
      </c>
      <c r="GJ39" s="244"/>
      <c r="GK39" s="71">
        <v>7</v>
      </c>
      <c r="GL39" s="71">
        <v>7</v>
      </c>
      <c r="GM39" s="71">
        <v>1</v>
      </c>
      <c r="GN39" s="71">
        <v>4</v>
      </c>
      <c r="GO39" s="71">
        <v>1</v>
      </c>
      <c r="GP39" s="72">
        <v>20</v>
      </c>
      <c r="GQ39" s="73">
        <v>25</v>
      </c>
      <c r="GR39" s="123">
        <v>4</v>
      </c>
      <c r="GS39" s="82">
        <v>9</v>
      </c>
      <c r="GT39" s="83">
        <v>13</v>
      </c>
      <c r="GU39" s="241"/>
      <c r="GV39" s="82">
        <v>16</v>
      </c>
      <c r="GW39" s="82">
        <v>12</v>
      </c>
      <c r="GX39" s="82">
        <v>4</v>
      </c>
      <c r="GY39" s="82">
        <v>8</v>
      </c>
      <c r="GZ39" s="82">
        <v>4</v>
      </c>
      <c r="HA39" s="84">
        <v>44</v>
      </c>
      <c r="HB39" s="85">
        <v>57</v>
      </c>
      <c r="HC39" s="70">
        <v>0</v>
      </c>
      <c r="HD39" s="71">
        <v>0</v>
      </c>
      <c r="HE39" s="72">
        <v>0</v>
      </c>
      <c r="HF39" s="241"/>
      <c r="HG39" s="71">
        <v>1</v>
      </c>
      <c r="HH39" s="71">
        <v>0</v>
      </c>
      <c r="HI39" s="71">
        <v>0</v>
      </c>
      <c r="HJ39" s="71">
        <v>0</v>
      </c>
      <c r="HK39" s="71">
        <v>0</v>
      </c>
      <c r="HL39" s="72">
        <v>1</v>
      </c>
      <c r="HM39" s="73">
        <v>1</v>
      </c>
      <c r="HN39" s="70">
        <v>1</v>
      </c>
      <c r="HO39" s="71">
        <v>0</v>
      </c>
      <c r="HP39" s="72">
        <v>1</v>
      </c>
      <c r="HQ39" s="241"/>
      <c r="HR39" s="71">
        <v>1</v>
      </c>
      <c r="HS39" s="71">
        <v>2</v>
      </c>
      <c r="HT39" s="71">
        <v>0</v>
      </c>
      <c r="HU39" s="71">
        <v>0</v>
      </c>
      <c r="HV39" s="71">
        <v>0</v>
      </c>
      <c r="HW39" s="72">
        <v>3</v>
      </c>
      <c r="HX39" s="73">
        <v>4</v>
      </c>
      <c r="HY39" s="70">
        <v>1</v>
      </c>
      <c r="HZ39" s="71">
        <v>0</v>
      </c>
      <c r="IA39" s="72">
        <v>1</v>
      </c>
      <c r="IB39" s="244"/>
      <c r="IC39" s="71">
        <v>3</v>
      </c>
      <c r="ID39" s="71">
        <v>1</v>
      </c>
      <c r="IE39" s="71">
        <v>0</v>
      </c>
      <c r="IF39" s="71">
        <v>0</v>
      </c>
      <c r="IG39" s="71">
        <v>1</v>
      </c>
      <c r="IH39" s="72">
        <v>5</v>
      </c>
      <c r="II39" s="73">
        <v>6</v>
      </c>
      <c r="IJ39" s="70">
        <v>0</v>
      </c>
      <c r="IK39" s="71">
        <v>5</v>
      </c>
      <c r="IL39" s="72">
        <v>5</v>
      </c>
      <c r="IM39" s="244"/>
      <c r="IN39" s="71">
        <v>3</v>
      </c>
      <c r="IO39" s="71">
        <v>3</v>
      </c>
      <c r="IP39" s="71">
        <v>2</v>
      </c>
      <c r="IQ39" s="71">
        <v>0</v>
      </c>
      <c r="IR39" s="71">
        <v>1</v>
      </c>
      <c r="IS39" s="72">
        <v>9</v>
      </c>
      <c r="IT39" s="73">
        <v>14</v>
      </c>
      <c r="IU39" s="70">
        <v>2</v>
      </c>
      <c r="IV39" s="71">
        <v>4</v>
      </c>
      <c r="IW39" s="72">
        <v>6</v>
      </c>
      <c r="IX39" s="244"/>
      <c r="IY39" s="71">
        <v>3</v>
      </c>
      <c r="IZ39" s="71">
        <v>3</v>
      </c>
      <c r="JA39" s="71">
        <v>2</v>
      </c>
      <c r="JB39" s="71">
        <v>4</v>
      </c>
      <c r="JC39" s="71">
        <v>1</v>
      </c>
      <c r="JD39" s="72">
        <v>13</v>
      </c>
      <c r="JE39" s="73">
        <v>19</v>
      </c>
      <c r="JF39" s="70">
        <v>0</v>
      </c>
      <c r="JG39" s="71">
        <v>0</v>
      </c>
      <c r="JH39" s="72">
        <v>0</v>
      </c>
      <c r="JI39" s="244"/>
      <c r="JJ39" s="71">
        <v>5</v>
      </c>
      <c r="JK39" s="71">
        <v>3</v>
      </c>
      <c r="JL39" s="71">
        <v>0</v>
      </c>
      <c r="JM39" s="71">
        <v>4</v>
      </c>
      <c r="JN39" s="71">
        <v>1</v>
      </c>
      <c r="JO39" s="72">
        <v>13</v>
      </c>
      <c r="JP39" s="73">
        <v>13</v>
      </c>
      <c r="JQ39" s="70">
        <v>0</v>
      </c>
      <c r="JR39" s="71">
        <v>0</v>
      </c>
      <c r="JS39" s="72">
        <v>0</v>
      </c>
      <c r="JT39" s="244"/>
      <c r="JU39" s="71">
        <v>0</v>
      </c>
      <c r="JV39" s="71">
        <v>0</v>
      </c>
      <c r="JW39" s="71">
        <v>0</v>
      </c>
      <c r="JX39" s="71">
        <v>0</v>
      </c>
      <c r="JY39" s="71">
        <v>0</v>
      </c>
      <c r="JZ39" s="72">
        <v>0</v>
      </c>
      <c r="KA39" s="73">
        <v>0</v>
      </c>
      <c r="KB39" s="70">
        <v>4</v>
      </c>
      <c r="KC39" s="71">
        <v>9</v>
      </c>
      <c r="KD39" s="72">
        <v>13</v>
      </c>
      <c r="KE39" s="244"/>
      <c r="KF39" s="71">
        <v>16</v>
      </c>
      <c r="KG39" s="71">
        <v>12</v>
      </c>
      <c r="KH39" s="71">
        <v>4</v>
      </c>
      <c r="KI39" s="71">
        <v>8</v>
      </c>
      <c r="KJ39" s="71">
        <v>4</v>
      </c>
      <c r="KK39" s="72">
        <v>44</v>
      </c>
      <c r="KL39" s="73">
        <v>57</v>
      </c>
    </row>
    <row r="40" spans="1:298" ht="19.5" customHeight="1" thickBot="1" x14ac:dyDescent="0.25">
      <c r="A40" s="127" t="s">
        <v>37</v>
      </c>
      <c r="B40" s="317">
        <v>0</v>
      </c>
      <c r="C40" s="87">
        <v>0</v>
      </c>
      <c r="D40" s="88">
        <v>0</v>
      </c>
      <c r="E40" s="242"/>
      <c r="F40" s="87">
        <v>0</v>
      </c>
      <c r="G40" s="87">
        <v>0</v>
      </c>
      <c r="H40" s="87">
        <v>1</v>
      </c>
      <c r="I40" s="87">
        <v>1</v>
      </c>
      <c r="J40" s="87">
        <v>1</v>
      </c>
      <c r="K40" s="89">
        <v>3</v>
      </c>
      <c r="L40" s="90">
        <v>3</v>
      </c>
      <c r="M40" s="74">
        <v>0</v>
      </c>
      <c r="N40" s="75">
        <v>0</v>
      </c>
      <c r="O40" s="76">
        <v>0</v>
      </c>
      <c r="P40" s="245"/>
      <c r="Q40" s="75">
        <v>0</v>
      </c>
      <c r="R40" s="75">
        <v>0</v>
      </c>
      <c r="S40" s="75">
        <v>0</v>
      </c>
      <c r="T40" s="75">
        <v>0</v>
      </c>
      <c r="U40" s="75">
        <v>0</v>
      </c>
      <c r="V40" s="76">
        <v>0</v>
      </c>
      <c r="W40" s="77">
        <v>0</v>
      </c>
      <c r="X40" s="74">
        <v>0</v>
      </c>
      <c r="Y40" s="75">
        <v>0</v>
      </c>
      <c r="Z40" s="76">
        <v>0</v>
      </c>
      <c r="AA40" s="245"/>
      <c r="AB40" s="75">
        <v>0</v>
      </c>
      <c r="AC40" s="75">
        <v>0</v>
      </c>
      <c r="AD40" s="75">
        <v>0</v>
      </c>
      <c r="AE40" s="75">
        <v>0</v>
      </c>
      <c r="AF40" s="75">
        <v>0</v>
      </c>
      <c r="AG40" s="76">
        <v>0</v>
      </c>
      <c r="AH40" s="77">
        <v>0</v>
      </c>
      <c r="AI40" s="74">
        <v>0</v>
      </c>
      <c r="AJ40" s="75">
        <v>0</v>
      </c>
      <c r="AK40" s="76">
        <v>0</v>
      </c>
      <c r="AL40" s="245"/>
      <c r="AM40" s="75">
        <v>0</v>
      </c>
      <c r="AN40" s="75">
        <v>0</v>
      </c>
      <c r="AO40" s="75">
        <v>0</v>
      </c>
      <c r="AP40" s="75">
        <v>0</v>
      </c>
      <c r="AQ40" s="75">
        <v>0</v>
      </c>
      <c r="AR40" s="76">
        <v>0</v>
      </c>
      <c r="AS40" s="77">
        <v>0</v>
      </c>
      <c r="AT40" s="74">
        <v>0</v>
      </c>
      <c r="AU40" s="75">
        <v>0</v>
      </c>
      <c r="AV40" s="76">
        <v>0</v>
      </c>
      <c r="AW40" s="245"/>
      <c r="AX40" s="75">
        <v>0</v>
      </c>
      <c r="AY40" s="75">
        <v>0</v>
      </c>
      <c r="AZ40" s="75">
        <v>0</v>
      </c>
      <c r="BA40" s="75">
        <v>1</v>
      </c>
      <c r="BB40" s="75">
        <v>1</v>
      </c>
      <c r="BC40" s="76">
        <v>2</v>
      </c>
      <c r="BD40" s="77">
        <v>2</v>
      </c>
      <c r="BE40" s="74">
        <v>0</v>
      </c>
      <c r="BF40" s="75">
        <v>0</v>
      </c>
      <c r="BG40" s="76">
        <v>0</v>
      </c>
      <c r="BH40" s="245"/>
      <c r="BI40" s="75">
        <v>0</v>
      </c>
      <c r="BJ40" s="75">
        <v>0</v>
      </c>
      <c r="BK40" s="75">
        <v>1</v>
      </c>
      <c r="BL40" s="75">
        <v>0</v>
      </c>
      <c r="BM40" s="75">
        <v>0</v>
      </c>
      <c r="BN40" s="76">
        <v>1</v>
      </c>
      <c r="BO40" s="77">
        <v>1</v>
      </c>
      <c r="BP40" s="74">
        <v>0</v>
      </c>
      <c r="BQ40" s="75">
        <v>0</v>
      </c>
      <c r="BR40" s="76">
        <v>0</v>
      </c>
      <c r="BS40" s="245"/>
      <c r="BT40" s="75">
        <v>0</v>
      </c>
      <c r="BU40" s="75">
        <v>0</v>
      </c>
      <c r="BV40" s="75">
        <v>0</v>
      </c>
      <c r="BW40" s="75">
        <v>0</v>
      </c>
      <c r="BX40" s="75">
        <v>0</v>
      </c>
      <c r="BY40" s="76">
        <v>0</v>
      </c>
      <c r="BZ40" s="77">
        <v>0</v>
      </c>
      <c r="CA40" s="74">
        <v>0</v>
      </c>
      <c r="CB40" s="75">
        <v>0</v>
      </c>
      <c r="CC40" s="76">
        <v>0</v>
      </c>
      <c r="CD40" s="245"/>
      <c r="CE40" s="75">
        <v>0</v>
      </c>
      <c r="CF40" s="75">
        <v>0</v>
      </c>
      <c r="CG40" s="75">
        <v>0</v>
      </c>
      <c r="CH40" s="75">
        <v>0</v>
      </c>
      <c r="CI40" s="75">
        <v>0</v>
      </c>
      <c r="CJ40" s="76">
        <v>0</v>
      </c>
      <c r="CK40" s="77">
        <v>0</v>
      </c>
      <c r="CL40" s="74">
        <v>0</v>
      </c>
      <c r="CM40" s="75">
        <v>0</v>
      </c>
      <c r="CN40" s="76">
        <v>0</v>
      </c>
      <c r="CO40" s="245"/>
      <c r="CP40" s="75">
        <v>0</v>
      </c>
      <c r="CQ40" s="75">
        <v>0</v>
      </c>
      <c r="CR40" s="75">
        <v>1</v>
      </c>
      <c r="CS40" s="75">
        <v>1</v>
      </c>
      <c r="CT40" s="75">
        <v>1</v>
      </c>
      <c r="CU40" s="76">
        <v>3</v>
      </c>
      <c r="CV40" s="77">
        <v>3</v>
      </c>
      <c r="CW40" s="124">
        <v>0</v>
      </c>
      <c r="CX40" s="87">
        <v>0</v>
      </c>
      <c r="CY40" s="88">
        <v>0</v>
      </c>
      <c r="CZ40" s="242"/>
      <c r="DA40" s="87">
        <v>0</v>
      </c>
      <c r="DB40" s="87">
        <v>0</v>
      </c>
      <c r="DC40" s="87">
        <v>0</v>
      </c>
      <c r="DD40" s="87">
        <v>0</v>
      </c>
      <c r="DE40" s="87">
        <v>1</v>
      </c>
      <c r="DF40" s="89">
        <v>1</v>
      </c>
      <c r="DG40" s="90">
        <v>1</v>
      </c>
      <c r="DH40" s="74">
        <v>0</v>
      </c>
      <c r="DI40" s="75">
        <v>0</v>
      </c>
      <c r="DJ40" s="76">
        <v>0</v>
      </c>
      <c r="DK40" s="245"/>
      <c r="DL40" s="75">
        <v>0</v>
      </c>
      <c r="DM40" s="75">
        <v>0</v>
      </c>
      <c r="DN40" s="75">
        <v>0</v>
      </c>
      <c r="DO40" s="75">
        <v>0</v>
      </c>
      <c r="DP40" s="75">
        <v>0</v>
      </c>
      <c r="DQ40" s="76">
        <v>0</v>
      </c>
      <c r="DR40" s="77">
        <v>0</v>
      </c>
      <c r="DS40" s="74">
        <v>0</v>
      </c>
      <c r="DT40" s="75">
        <v>0</v>
      </c>
      <c r="DU40" s="76">
        <v>0</v>
      </c>
      <c r="DV40" s="245"/>
      <c r="DW40" s="75">
        <v>0</v>
      </c>
      <c r="DX40" s="75">
        <v>0</v>
      </c>
      <c r="DY40" s="75">
        <v>0</v>
      </c>
      <c r="DZ40" s="75">
        <v>0</v>
      </c>
      <c r="EA40" s="75">
        <v>0</v>
      </c>
      <c r="EB40" s="76">
        <v>0</v>
      </c>
      <c r="EC40" s="77">
        <v>0</v>
      </c>
      <c r="ED40" s="74">
        <v>0</v>
      </c>
      <c r="EE40" s="75">
        <v>0</v>
      </c>
      <c r="EF40" s="76">
        <v>0</v>
      </c>
      <c r="EG40" s="245"/>
      <c r="EH40" s="75">
        <v>0</v>
      </c>
      <c r="EI40" s="75">
        <v>0</v>
      </c>
      <c r="EJ40" s="75">
        <v>0</v>
      </c>
      <c r="EK40" s="75">
        <v>0</v>
      </c>
      <c r="EL40" s="75">
        <v>0</v>
      </c>
      <c r="EM40" s="76">
        <v>0</v>
      </c>
      <c r="EN40" s="77">
        <v>0</v>
      </c>
      <c r="EO40" s="74">
        <v>0</v>
      </c>
      <c r="EP40" s="75">
        <v>0</v>
      </c>
      <c r="EQ40" s="76">
        <v>0</v>
      </c>
      <c r="ER40" s="245"/>
      <c r="ES40" s="75">
        <v>0</v>
      </c>
      <c r="ET40" s="75">
        <v>0</v>
      </c>
      <c r="EU40" s="75">
        <v>0</v>
      </c>
      <c r="EV40" s="75">
        <v>0</v>
      </c>
      <c r="EW40" s="75">
        <v>0</v>
      </c>
      <c r="EX40" s="76">
        <v>0</v>
      </c>
      <c r="EY40" s="77">
        <v>0</v>
      </c>
      <c r="EZ40" s="74">
        <v>0</v>
      </c>
      <c r="FA40" s="75">
        <v>0</v>
      </c>
      <c r="FB40" s="76">
        <v>0</v>
      </c>
      <c r="FC40" s="245"/>
      <c r="FD40" s="75">
        <v>0</v>
      </c>
      <c r="FE40" s="75">
        <v>0</v>
      </c>
      <c r="FF40" s="75">
        <v>0</v>
      </c>
      <c r="FG40" s="75">
        <v>0</v>
      </c>
      <c r="FH40" s="75">
        <v>0</v>
      </c>
      <c r="FI40" s="76">
        <v>0</v>
      </c>
      <c r="FJ40" s="77">
        <v>0</v>
      </c>
      <c r="FK40" s="74">
        <v>0</v>
      </c>
      <c r="FL40" s="75">
        <v>0</v>
      </c>
      <c r="FM40" s="76">
        <v>0</v>
      </c>
      <c r="FN40" s="245"/>
      <c r="FO40" s="75">
        <v>0</v>
      </c>
      <c r="FP40" s="75">
        <v>0</v>
      </c>
      <c r="FQ40" s="75">
        <v>0</v>
      </c>
      <c r="FR40" s="75">
        <v>0</v>
      </c>
      <c r="FS40" s="75">
        <v>1</v>
      </c>
      <c r="FT40" s="76">
        <v>1</v>
      </c>
      <c r="FU40" s="77">
        <v>1</v>
      </c>
      <c r="FV40" s="74">
        <v>0</v>
      </c>
      <c r="FW40" s="75">
        <v>0</v>
      </c>
      <c r="FX40" s="76">
        <v>0</v>
      </c>
      <c r="FY40" s="245"/>
      <c r="FZ40" s="75">
        <v>0</v>
      </c>
      <c r="GA40" s="75">
        <v>0</v>
      </c>
      <c r="GB40" s="75">
        <v>0</v>
      </c>
      <c r="GC40" s="75">
        <v>0</v>
      </c>
      <c r="GD40" s="75">
        <v>0</v>
      </c>
      <c r="GE40" s="76">
        <v>0</v>
      </c>
      <c r="GF40" s="77">
        <v>0</v>
      </c>
      <c r="GG40" s="74">
        <v>0</v>
      </c>
      <c r="GH40" s="75">
        <v>0</v>
      </c>
      <c r="GI40" s="76">
        <v>0</v>
      </c>
      <c r="GJ40" s="245"/>
      <c r="GK40" s="75">
        <v>0</v>
      </c>
      <c r="GL40" s="75">
        <v>0</v>
      </c>
      <c r="GM40" s="75">
        <v>0</v>
      </c>
      <c r="GN40" s="75">
        <v>0</v>
      </c>
      <c r="GO40" s="75">
        <v>1</v>
      </c>
      <c r="GP40" s="76">
        <v>1</v>
      </c>
      <c r="GQ40" s="77">
        <v>1</v>
      </c>
      <c r="GR40" s="124">
        <v>0</v>
      </c>
      <c r="GS40" s="87">
        <v>0</v>
      </c>
      <c r="GT40" s="88">
        <v>0</v>
      </c>
      <c r="GU40" s="242"/>
      <c r="GV40" s="87">
        <v>0</v>
      </c>
      <c r="GW40" s="87">
        <v>0</v>
      </c>
      <c r="GX40" s="87">
        <v>1</v>
      </c>
      <c r="GY40" s="87">
        <v>1</v>
      </c>
      <c r="GZ40" s="87">
        <v>2</v>
      </c>
      <c r="HA40" s="89">
        <v>4</v>
      </c>
      <c r="HB40" s="90">
        <v>4</v>
      </c>
      <c r="HC40" s="74">
        <v>0</v>
      </c>
      <c r="HD40" s="75">
        <v>0</v>
      </c>
      <c r="HE40" s="76">
        <v>0</v>
      </c>
      <c r="HF40" s="242"/>
      <c r="HG40" s="75">
        <v>0</v>
      </c>
      <c r="HH40" s="75">
        <v>0</v>
      </c>
      <c r="HI40" s="75">
        <v>0</v>
      </c>
      <c r="HJ40" s="75">
        <v>0</v>
      </c>
      <c r="HK40" s="75">
        <v>0</v>
      </c>
      <c r="HL40" s="76">
        <v>0</v>
      </c>
      <c r="HM40" s="77">
        <v>0</v>
      </c>
      <c r="HN40" s="74">
        <v>0</v>
      </c>
      <c r="HO40" s="75">
        <v>0</v>
      </c>
      <c r="HP40" s="76">
        <v>0</v>
      </c>
      <c r="HQ40" s="242"/>
      <c r="HR40" s="75">
        <v>0</v>
      </c>
      <c r="HS40" s="75">
        <v>0</v>
      </c>
      <c r="HT40" s="75">
        <v>0</v>
      </c>
      <c r="HU40" s="75">
        <v>0</v>
      </c>
      <c r="HV40" s="75">
        <v>0</v>
      </c>
      <c r="HW40" s="76">
        <v>0</v>
      </c>
      <c r="HX40" s="77">
        <v>0</v>
      </c>
      <c r="HY40" s="74">
        <v>0</v>
      </c>
      <c r="HZ40" s="75">
        <v>0</v>
      </c>
      <c r="IA40" s="76">
        <v>0</v>
      </c>
      <c r="IB40" s="245"/>
      <c r="IC40" s="75">
        <v>0</v>
      </c>
      <c r="ID40" s="75">
        <v>0</v>
      </c>
      <c r="IE40" s="75">
        <v>0</v>
      </c>
      <c r="IF40" s="75">
        <v>0</v>
      </c>
      <c r="IG40" s="75">
        <v>0</v>
      </c>
      <c r="IH40" s="76">
        <v>0</v>
      </c>
      <c r="II40" s="77">
        <v>0</v>
      </c>
      <c r="IJ40" s="74">
        <v>0</v>
      </c>
      <c r="IK40" s="75">
        <v>0</v>
      </c>
      <c r="IL40" s="76">
        <v>0</v>
      </c>
      <c r="IM40" s="245"/>
      <c r="IN40" s="75">
        <v>0</v>
      </c>
      <c r="IO40" s="75">
        <v>0</v>
      </c>
      <c r="IP40" s="75">
        <v>0</v>
      </c>
      <c r="IQ40" s="75">
        <v>1</v>
      </c>
      <c r="IR40" s="75">
        <v>1</v>
      </c>
      <c r="IS40" s="76">
        <v>2</v>
      </c>
      <c r="IT40" s="77">
        <v>2</v>
      </c>
      <c r="IU40" s="74">
        <v>0</v>
      </c>
      <c r="IV40" s="75">
        <v>0</v>
      </c>
      <c r="IW40" s="76">
        <v>0</v>
      </c>
      <c r="IX40" s="245"/>
      <c r="IY40" s="75">
        <v>0</v>
      </c>
      <c r="IZ40" s="75">
        <v>0</v>
      </c>
      <c r="JA40" s="75">
        <v>1</v>
      </c>
      <c r="JB40" s="75">
        <v>0</v>
      </c>
      <c r="JC40" s="75">
        <v>0</v>
      </c>
      <c r="JD40" s="76">
        <v>1</v>
      </c>
      <c r="JE40" s="77">
        <v>1</v>
      </c>
      <c r="JF40" s="74">
        <v>0</v>
      </c>
      <c r="JG40" s="75">
        <v>0</v>
      </c>
      <c r="JH40" s="76">
        <v>0</v>
      </c>
      <c r="JI40" s="245"/>
      <c r="JJ40" s="75">
        <v>0</v>
      </c>
      <c r="JK40" s="75">
        <v>0</v>
      </c>
      <c r="JL40" s="75">
        <v>0</v>
      </c>
      <c r="JM40" s="75">
        <v>0</v>
      </c>
      <c r="JN40" s="75">
        <v>1</v>
      </c>
      <c r="JO40" s="76">
        <v>1</v>
      </c>
      <c r="JP40" s="77">
        <v>1</v>
      </c>
      <c r="JQ40" s="74">
        <v>0</v>
      </c>
      <c r="JR40" s="75">
        <v>0</v>
      </c>
      <c r="JS40" s="76">
        <v>0</v>
      </c>
      <c r="JT40" s="245"/>
      <c r="JU40" s="75">
        <v>0</v>
      </c>
      <c r="JV40" s="75">
        <v>0</v>
      </c>
      <c r="JW40" s="75">
        <v>0</v>
      </c>
      <c r="JX40" s="75">
        <v>0</v>
      </c>
      <c r="JY40" s="75">
        <v>0</v>
      </c>
      <c r="JZ40" s="76">
        <v>0</v>
      </c>
      <c r="KA40" s="77">
        <v>0</v>
      </c>
      <c r="KB40" s="74">
        <v>0</v>
      </c>
      <c r="KC40" s="75">
        <v>0</v>
      </c>
      <c r="KD40" s="76">
        <v>0</v>
      </c>
      <c r="KE40" s="245"/>
      <c r="KF40" s="75">
        <v>0</v>
      </c>
      <c r="KG40" s="75">
        <v>0</v>
      </c>
      <c r="KH40" s="75">
        <v>1</v>
      </c>
      <c r="KI40" s="75">
        <v>1</v>
      </c>
      <c r="KJ40" s="75">
        <v>2</v>
      </c>
      <c r="KK40" s="76">
        <v>4</v>
      </c>
      <c r="KL40" s="77">
        <v>4</v>
      </c>
    </row>
    <row r="41" spans="1:298" ht="32.25" customHeight="1" x14ac:dyDescent="0.2">
      <c r="B41" s="311" t="s">
        <v>126</v>
      </c>
    </row>
  </sheetData>
  <mergeCells count="36">
    <mergeCell ref="EO5:EY5"/>
    <mergeCell ref="EZ5:FJ5"/>
    <mergeCell ref="A3:A5"/>
    <mergeCell ref="B3:CV3"/>
    <mergeCell ref="CW3:GQ3"/>
    <mergeCell ref="B5:L5"/>
    <mergeCell ref="M5:W5"/>
    <mergeCell ref="X5:AH5"/>
    <mergeCell ref="AI5:AS5"/>
    <mergeCell ref="AT5:BD5"/>
    <mergeCell ref="ED5:EN5"/>
    <mergeCell ref="FV4:GF5"/>
    <mergeCell ref="GG4:GQ5"/>
    <mergeCell ref="BE5:BO5"/>
    <mergeCell ref="CW5:DG5"/>
    <mergeCell ref="IU5:JE5"/>
    <mergeCell ref="GR5:HB5"/>
    <mergeCell ref="HC5:HM5"/>
    <mergeCell ref="HN5:HX5"/>
    <mergeCell ref="JF5:JP5"/>
    <mergeCell ref="E1:F1"/>
    <mergeCell ref="H1:I1"/>
    <mergeCell ref="GR3:KL3"/>
    <mergeCell ref="CL4:CV5"/>
    <mergeCell ref="CW4:FU4"/>
    <mergeCell ref="KB4:KL5"/>
    <mergeCell ref="GR4:JP4"/>
    <mergeCell ref="JQ4:KA5"/>
    <mergeCell ref="DH5:DR5"/>
    <mergeCell ref="DS5:EC5"/>
    <mergeCell ref="HY5:II5"/>
    <mergeCell ref="IJ5:IT5"/>
    <mergeCell ref="BP5:BZ5"/>
    <mergeCell ref="B4:BZ4"/>
    <mergeCell ref="CA4:CK5"/>
    <mergeCell ref="FK5:FU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9.6" x14ac:dyDescent="0.2"/>
  <cols>
    <col min="1" max="1" width="8.77734375" style="23" customWidth="1"/>
    <col min="2" max="5" width="7.77734375" style="21" customWidth="1"/>
    <col min="6" max="6" width="8.109375" style="21" customWidth="1"/>
    <col min="7" max="7" width="7.44140625" style="21" customWidth="1"/>
    <col min="8" max="8" width="9.109375" style="21" customWidth="1"/>
    <col min="9" max="9" width="7.77734375" style="21" customWidth="1"/>
    <col min="10" max="10" width="8.6640625" style="21" customWidth="1"/>
    <col min="11" max="11" width="9.33203125" style="21" customWidth="1"/>
    <col min="12" max="12" width="8.33203125" style="21" customWidth="1"/>
    <col min="13" max="25" width="7.77734375" style="21" customWidth="1"/>
    <col min="26" max="32" width="7.77734375" style="23" customWidth="1"/>
    <col min="33" max="33" width="9" style="23"/>
    <col min="34" max="34" width="8.6640625" style="23" customWidth="1"/>
    <col min="35" max="16384" width="9" style="23"/>
  </cols>
  <sheetData>
    <row r="1" spans="1:34" ht="20.25" customHeight="1" x14ac:dyDescent="0.2">
      <c r="A1" s="20" t="s">
        <v>134</v>
      </c>
      <c r="E1" s="22"/>
      <c r="F1" s="528">
        <f>第１表!F2</f>
        <v>4</v>
      </c>
      <c r="G1" s="528"/>
      <c r="H1" s="248">
        <f>第１表!G2</f>
        <v>5</v>
      </c>
      <c r="I1" s="529">
        <f>IF(H1&lt;3,H1+12-2,H1-2)</f>
        <v>3</v>
      </c>
      <c r="J1" s="529"/>
    </row>
    <row r="2" spans="1:34" ht="17.25" customHeight="1" thickBot="1" x14ac:dyDescent="0.25">
      <c r="A2" s="292"/>
      <c r="I2" s="24"/>
      <c r="J2" s="24"/>
      <c r="K2" s="24"/>
      <c r="L2" s="24"/>
      <c r="M2" s="24"/>
      <c r="N2" s="24"/>
      <c r="O2" s="25"/>
      <c r="P2" s="25"/>
      <c r="Q2" s="25"/>
    </row>
    <row r="3" spans="1:34" s="44" customFormat="1" ht="19.5" customHeight="1" thickBot="1" x14ac:dyDescent="0.25">
      <c r="A3" s="54"/>
      <c r="B3" s="525" t="s">
        <v>53</v>
      </c>
      <c r="C3" s="526"/>
      <c r="D3" s="526"/>
      <c r="E3" s="526"/>
      <c r="F3" s="526"/>
      <c r="G3" s="526"/>
      <c r="H3" s="526"/>
      <c r="I3" s="526"/>
      <c r="J3" s="526"/>
      <c r="K3" s="526"/>
      <c r="L3" s="527"/>
      <c r="M3" s="525" t="s">
        <v>54</v>
      </c>
      <c r="N3" s="526"/>
      <c r="O3" s="526"/>
      <c r="P3" s="526"/>
      <c r="Q3" s="526"/>
      <c r="R3" s="526"/>
      <c r="S3" s="526"/>
      <c r="T3" s="526"/>
      <c r="U3" s="526"/>
      <c r="V3" s="526"/>
      <c r="W3" s="527"/>
      <c r="X3" s="525" t="s">
        <v>55</v>
      </c>
      <c r="Y3" s="526"/>
      <c r="Z3" s="526"/>
      <c r="AA3" s="526"/>
      <c r="AB3" s="526"/>
      <c r="AC3" s="526"/>
      <c r="AD3" s="526"/>
      <c r="AE3" s="526"/>
      <c r="AF3" s="526"/>
      <c r="AG3" s="526"/>
      <c r="AH3" s="527"/>
    </row>
    <row r="4" spans="1:34" s="44" customFormat="1" ht="29.25" customHeight="1" thickBot="1" x14ac:dyDescent="0.25">
      <c r="A4" s="54" t="s">
        <v>42</v>
      </c>
      <c r="B4" s="55" t="s">
        <v>43</v>
      </c>
      <c r="C4" s="56" t="s">
        <v>44</v>
      </c>
      <c r="D4" s="57" t="s">
        <v>45</v>
      </c>
      <c r="E4" s="58" t="s">
        <v>46</v>
      </c>
      <c r="F4" s="56" t="s">
        <v>47</v>
      </c>
      <c r="G4" s="56" t="s">
        <v>48</v>
      </c>
      <c r="H4" s="56" t="s">
        <v>49</v>
      </c>
      <c r="I4" s="56" t="s">
        <v>50</v>
      </c>
      <c r="J4" s="56" t="s">
        <v>51</v>
      </c>
      <c r="K4" s="57" t="s">
        <v>45</v>
      </c>
      <c r="L4" s="45" t="s">
        <v>52</v>
      </c>
      <c r="M4" s="55" t="s">
        <v>43</v>
      </c>
      <c r="N4" s="56" t="s">
        <v>44</v>
      </c>
      <c r="O4" s="57" t="s">
        <v>45</v>
      </c>
      <c r="P4" s="58" t="s">
        <v>46</v>
      </c>
      <c r="Q4" s="56" t="s">
        <v>47</v>
      </c>
      <c r="R4" s="56" t="s">
        <v>48</v>
      </c>
      <c r="S4" s="56" t="s">
        <v>49</v>
      </c>
      <c r="T4" s="56" t="s">
        <v>50</v>
      </c>
      <c r="U4" s="56" t="s">
        <v>51</v>
      </c>
      <c r="V4" s="57" t="s">
        <v>45</v>
      </c>
      <c r="W4" s="45" t="s">
        <v>52</v>
      </c>
      <c r="X4" s="55" t="s">
        <v>43</v>
      </c>
      <c r="Y4" s="56" t="s">
        <v>44</v>
      </c>
      <c r="Z4" s="57" t="s">
        <v>45</v>
      </c>
      <c r="AA4" s="58" t="s">
        <v>46</v>
      </c>
      <c r="AB4" s="56" t="s">
        <v>47</v>
      </c>
      <c r="AC4" s="56" t="s">
        <v>48</v>
      </c>
      <c r="AD4" s="56" t="s">
        <v>49</v>
      </c>
      <c r="AE4" s="56" t="s">
        <v>50</v>
      </c>
      <c r="AF4" s="56" t="s">
        <v>51</v>
      </c>
      <c r="AG4" s="57" t="s">
        <v>45</v>
      </c>
      <c r="AH4" s="45" t="s">
        <v>52</v>
      </c>
    </row>
    <row r="5" spans="1:34" ht="19.5" customHeight="1" x14ac:dyDescent="0.2">
      <c r="A5" s="46" t="s">
        <v>4</v>
      </c>
      <c r="B5" s="215">
        <v>15926</v>
      </c>
      <c r="C5" s="216">
        <v>28155</v>
      </c>
      <c r="D5" s="217">
        <v>44081</v>
      </c>
      <c r="E5" s="212">
        <v>0</v>
      </c>
      <c r="F5" s="216">
        <v>58574</v>
      </c>
      <c r="G5" s="216">
        <v>59034</v>
      </c>
      <c r="H5" s="216">
        <v>34311</v>
      </c>
      <c r="I5" s="216">
        <v>26570</v>
      </c>
      <c r="J5" s="216">
        <v>15864</v>
      </c>
      <c r="K5" s="217">
        <v>194353</v>
      </c>
      <c r="L5" s="218">
        <v>238434</v>
      </c>
      <c r="M5" s="219">
        <v>260</v>
      </c>
      <c r="N5" s="216">
        <v>790</v>
      </c>
      <c r="O5" s="217">
        <v>1050</v>
      </c>
      <c r="P5" s="212">
        <v>0</v>
      </c>
      <c r="Q5" s="216">
        <v>1023</v>
      </c>
      <c r="R5" s="216">
        <v>1866</v>
      </c>
      <c r="S5" s="216">
        <v>969</v>
      </c>
      <c r="T5" s="216">
        <v>822</v>
      </c>
      <c r="U5" s="216">
        <v>722</v>
      </c>
      <c r="V5" s="217">
        <v>5402</v>
      </c>
      <c r="W5" s="218">
        <v>6452</v>
      </c>
      <c r="X5" s="215">
        <v>16186</v>
      </c>
      <c r="Y5" s="216">
        <v>28945</v>
      </c>
      <c r="Z5" s="217">
        <v>45131</v>
      </c>
      <c r="AA5" s="212">
        <v>0</v>
      </c>
      <c r="AB5" s="216">
        <v>59597</v>
      </c>
      <c r="AC5" s="216">
        <v>60900</v>
      </c>
      <c r="AD5" s="216">
        <v>35280</v>
      </c>
      <c r="AE5" s="216">
        <v>27392</v>
      </c>
      <c r="AF5" s="216">
        <v>16586</v>
      </c>
      <c r="AG5" s="217">
        <v>199755</v>
      </c>
      <c r="AH5" s="218">
        <v>244886</v>
      </c>
    </row>
    <row r="6" spans="1:34" ht="19.5" customHeight="1" x14ac:dyDescent="0.2">
      <c r="A6" s="49" t="s">
        <v>5</v>
      </c>
      <c r="B6" s="220">
        <v>5954</v>
      </c>
      <c r="C6" s="221">
        <v>12474</v>
      </c>
      <c r="D6" s="222">
        <v>18428</v>
      </c>
      <c r="E6" s="213">
        <v>0</v>
      </c>
      <c r="F6" s="221">
        <v>15869</v>
      </c>
      <c r="G6" s="221">
        <v>22771</v>
      </c>
      <c r="H6" s="221">
        <v>11422</v>
      </c>
      <c r="I6" s="221">
        <v>8960</v>
      </c>
      <c r="J6" s="221">
        <v>5351</v>
      </c>
      <c r="K6" s="222">
        <v>64373</v>
      </c>
      <c r="L6" s="223">
        <v>82801</v>
      </c>
      <c r="M6" s="224">
        <v>110</v>
      </c>
      <c r="N6" s="221">
        <v>330</v>
      </c>
      <c r="O6" s="222">
        <v>440</v>
      </c>
      <c r="P6" s="213">
        <v>0</v>
      </c>
      <c r="Q6" s="221">
        <v>227</v>
      </c>
      <c r="R6" s="221">
        <v>765</v>
      </c>
      <c r="S6" s="221">
        <v>353</v>
      </c>
      <c r="T6" s="221">
        <v>322</v>
      </c>
      <c r="U6" s="221">
        <v>285</v>
      </c>
      <c r="V6" s="222">
        <v>1952</v>
      </c>
      <c r="W6" s="223">
        <v>2392</v>
      </c>
      <c r="X6" s="220">
        <v>6064</v>
      </c>
      <c r="Y6" s="221">
        <v>12804</v>
      </c>
      <c r="Z6" s="222">
        <v>18868</v>
      </c>
      <c r="AA6" s="213">
        <v>0</v>
      </c>
      <c r="AB6" s="221">
        <v>16096</v>
      </c>
      <c r="AC6" s="221">
        <v>23536</v>
      </c>
      <c r="AD6" s="221">
        <v>11775</v>
      </c>
      <c r="AE6" s="221">
        <v>9282</v>
      </c>
      <c r="AF6" s="221">
        <v>5636</v>
      </c>
      <c r="AG6" s="222">
        <v>66325</v>
      </c>
      <c r="AH6" s="223">
        <v>85193</v>
      </c>
    </row>
    <row r="7" spans="1:34" ht="19.5" customHeight="1" x14ac:dyDescent="0.2">
      <c r="A7" s="49" t="s">
        <v>6</v>
      </c>
      <c r="B7" s="220">
        <v>2223</v>
      </c>
      <c r="C7" s="221">
        <v>3427</v>
      </c>
      <c r="D7" s="222">
        <v>5650</v>
      </c>
      <c r="E7" s="213">
        <v>0</v>
      </c>
      <c r="F7" s="221">
        <v>10686</v>
      </c>
      <c r="G7" s="221">
        <v>8444</v>
      </c>
      <c r="H7" s="221">
        <v>5595</v>
      </c>
      <c r="I7" s="221">
        <v>4613</v>
      </c>
      <c r="J7" s="221">
        <v>2794</v>
      </c>
      <c r="K7" s="222">
        <v>32132</v>
      </c>
      <c r="L7" s="223">
        <v>37782</v>
      </c>
      <c r="M7" s="224">
        <v>42</v>
      </c>
      <c r="N7" s="221">
        <v>115</v>
      </c>
      <c r="O7" s="222">
        <v>157</v>
      </c>
      <c r="P7" s="213">
        <v>0</v>
      </c>
      <c r="Q7" s="221">
        <v>224</v>
      </c>
      <c r="R7" s="221">
        <v>266</v>
      </c>
      <c r="S7" s="221">
        <v>175</v>
      </c>
      <c r="T7" s="221">
        <v>157</v>
      </c>
      <c r="U7" s="221">
        <v>130</v>
      </c>
      <c r="V7" s="222">
        <v>952</v>
      </c>
      <c r="W7" s="223">
        <v>1109</v>
      </c>
      <c r="X7" s="220">
        <v>2265</v>
      </c>
      <c r="Y7" s="221">
        <v>3542</v>
      </c>
      <c r="Z7" s="222">
        <v>5807</v>
      </c>
      <c r="AA7" s="213">
        <v>0</v>
      </c>
      <c r="AB7" s="221">
        <v>10910</v>
      </c>
      <c r="AC7" s="221">
        <v>8710</v>
      </c>
      <c r="AD7" s="221">
        <v>5770</v>
      </c>
      <c r="AE7" s="221">
        <v>4770</v>
      </c>
      <c r="AF7" s="221">
        <v>2924</v>
      </c>
      <c r="AG7" s="222">
        <v>33084</v>
      </c>
      <c r="AH7" s="223">
        <v>38891</v>
      </c>
    </row>
    <row r="8" spans="1:34" ht="19.5" customHeight="1" x14ac:dyDescent="0.2">
      <c r="A8" s="49" t="s">
        <v>14</v>
      </c>
      <c r="B8" s="220">
        <v>1127</v>
      </c>
      <c r="C8" s="221">
        <v>2580</v>
      </c>
      <c r="D8" s="222">
        <v>3707</v>
      </c>
      <c r="E8" s="213">
        <v>0</v>
      </c>
      <c r="F8" s="221">
        <v>4370</v>
      </c>
      <c r="G8" s="221">
        <v>4999</v>
      </c>
      <c r="H8" s="221">
        <v>3197</v>
      </c>
      <c r="I8" s="221">
        <v>2315</v>
      </c>
      <c r="J8" s="221">
        <v>1267</v>
      </c>
      <c r="K8" s="222">
        <v>16148</v>
      </c>
      <c r="L8" s="223">
        <v>19855</v>
      </c>
      <c r="M8" s="224">
        <v>20</v>
      </c>
      <c r="N8" s="221">
        <v>84</v>
      </c>
      <c r="O8" s="222">
        <v>104</v>
      </c>
      <c r="P8" s="213">
        <v>0</v>
      </c>
      <c r="Q8" s="221">
        <v>61</v>
      </c>
      <c r="R8" s="221">
        <v>160</v>
      </c>
      <c r="S8" s="221">
        <v>82</v>
      </c>
      <c r="T8" s="221">
        <v>73</v>
      </c>
      <c r="U8" s="221">
        <v>58</v>
      </c>
      <c r="V8" s="222">
        <v>434</v>
      </c>
      <c r="W8" s="223">
        <v>538</v>
      </c>
      <c r="X8" s="220">
        <v>1147</v>
      </c>
      <c r="Y8" s="221">
        <v>2664</v>
      </c>
      <c r="Z8" s="222">
        <v>3811</v>
      </c>
      <c r="AA8" s="213">
        <v>0</v>
      </c>
      <c r="AB8" s="221">
        <v>4431</v>
      </c>
      <c r="AC8" s="221">
        <v>5159</v>
      </c>
      <c r="AD8" s="221">
        <v>3279</v>
      </c>
      <c r="AE8" s="221">
        <v>2388</v>
      </c>
      <c r="AF8" s="221">
        <v>1325</v>
      </c>
      <c r="AG8" s="222">
        <v>16582</v>
      </c>
      <c r="AH8" s="223">
        <v>20393</v>
      </c>
    </row>
    <row r="9" spans="1:34" ht="19.5" customHeight="1" x14ac:dyDescent="0.2">
      <c r="A9" s="49" t="s">
        <v>7</v>
      </c>
      <c r="B9" s="220">
        <v>499</v>
      </c>
      <c r="C9" s="221">
        <v>793</v>
      </c>
      <c r="D9" s="222">
        <v>1292</v>
      </c>
      <c r="E9" s="213">
        <v>0</v>
      </c>
      <c r="F9" s="221">
        <v>4852</v>
      </c>
      <c r="G9" s="221">
        <v>3395</v>
      </c>
      <c r="H9" s="221">
        <v>1944</v>
      </c>
      <c r="I9" s="221">
        <v>1486</v>
      </c>
      <c r="J9" s="221">
        <v>820</v>
      </c>
      <c r="K9" s="222">
        <v>12497</v>
      </c>
      <c r="L9" s="223">
        <v>13789</v>
      </c>
      <c r="M9" s="224">
        <v>8</v>
      </c>
      <c r="N9" s="221">
        <v>8</v>
      </c>
      <c r="O9" s="222">
        <v>16</v>
      </c>
      <c r="P9" s="213">
        <v>0</v>
      </c>
      <c r="Q9" s="221">
        <v>91</v>
      </c>
      <c r="R9" s="221">
        <v>98</v>
      </c>
      <c r="S9" s="221">
        <v>46</v>
      </c>
      <c r="T9" s="221">
        <v>34</v>
      </c>
      <c r="U9" s="221">
        <v>29</v>
      </c>
      <c r="V9" s="222">
        <v>298</v>
      </c>
      <c r="W9" s="223">
        <v>314</v>
      </c>
      <c r="X9" s="220">
        <v>507</v>
      </c>
      <c r="Y9" s="221">
        <v>801</v>
      </c>
      <c r="Z9" s="222">
        <v>1308</v>
      </c>
      <c r="AA9" s="213">
        <v>0</v>
      </c>
      <c r="AB9" s="221">
        <v>4943</v>
      </c>
      <c r="AC9" s="221">
        <v>3493</v>
      </c>
      <c r="AD9" s="221">
        <v>1990</v>
      </c>
      <c r="AE9" s="221">
        <v>1520</v>
      </c>
      <c r="AF9" s="221">
        <v>849</v>
      </c>
      <c r="AG9" s="222">
        <v>12795</v>
      </c>
      <c r="AH9" s="223">
        <v>14103</v>
      </c>
    </row>
    <row r="10" spans="1:34" ht="19.5" customHeight="1" x14ac:dyDescent="0.2">
      <c r="A10" s="49" t="s">
        <v>8</v>
      </c>
      <c r="B10" s="220">
        <v>510</v>
      </c>
      <c r="C10" s="221">
        <v>634</v>
      </c>
      <c r="D10" s="222">
        <v>1144</v>
      </c>
      <c r="E10" s="213">
        <v>0</v>
      </c>
      <c r="F10" s="221">
        <v>1987</v>
      </c>
      <c r="G10" s="221">
        <v>2026</v>
      </c>
      <c r="H10" s="221">
        <v>1230</v>
      </c>
      <c r="I10" s="221">
        <v>830</v>
      </c>
      <c r="J10" s="221">
        <v>522</v>
      </c>
      <c r="K10" s="222">
        <v>6595</v>
      </c>
      <c r="L10" s="223">
        <v>7739</v>
      </c>
      <c r="M10" s="224">
        <v>4</v>
      </c>
      <c r="N10" s="221">
        <v>26</v>
      </c>
      <c r="O10" s="222">
        <v>30</v>
      </c>
      <c r="P10" s="213">
        <v>0</v>
      </c>
      <c r="Q10" s="221">
        <v>33</v>
      </c>
      <c r="R10" s="221">
        <v>60</v>
      </c>
      <c r="S10" s="221">
        <v>34</v>
      </c>
      <c r="T10" s="221">
        <v>20</v>
      </c>
      <c r="U10" s="221">
        <v>27</v>
      </c>
      <c r="V10" s="222">
        <v>174</v>
      </c>
      <c r="W10" s="223">
        <v>204</v>
      </c>
      <c r="X10" s="220">
        <v>514</v>
      </c>
      <c r="Y10" s="221">
        <v>660</v>
      </c>
      <c r="Z10" s="222">
        <v>1174</v>
      </c>
      <c r="AA10" s="213">
        <v>0</v>
      </c>
      <c r="AB10" s="221">
        <v>2020</v>
      </c>
      <c r="AC10" s="221">
        <v>2086</v>
      </c>
      <c r="AD10" s="221">
        <v>1264</v>
      </c>
      <c r="AE10" s="221">
        <v>850</v>
      </c>
      <c r="AF10" s="221">
        <v>549</v>
      </c>
      <c r="AG10" s="222">
        <v>6769</v>
      </c>
      <c r="AH10" s="223">
        <v>7943</v>
      </c>
    </row>
    <row r="11" spans="1:34" ht="19.5" customHeight="1" x14ac:dyDescent="0.2">
      <c r="A11" s="49" t="s">
        <v>9</v>
      </c>
      <c r="B11" s="220">
        <v>478</v>
      </c>
      <c r="C11" s="221">
        <v>571</v>
      </c>
      <c r="D11" s="222">
        <v>1049</v>
      </c>
      <c r="E11" s="213">
        <v>0</v>
      </c>
      <c r="F11" s="221">
        <v>1843</v>
      </c>
      <c r="G11" s="221">
        <v>1464</v>
      </c>
      <c r="H11" s="221">
        <v>1000</v>
      </c>
      <c r="I11" s="221">
        <v>846</v>
      </c>
      <c r="J11" s="221">
        <v>514</v>
      </c>
      <c r="K11" s="222">
        <v>5667</v>
      </c>
      <c r="L11" s="223">
        <v>6716</v>
      </c>
      <c r="M11" s="224">
        <v>3</v>
      </c>
      <c r="N11" s="221">
        <v>10</v>
      </c>
      <c r="O11" s="222">
        <v>13</v>
      </c>
      <c r="P11" s="213">
        <v>0</v>
      </c>
      <c r="Q11" s="221">
        <v>23</v>
      </c>
      <c r="R11" s="221">
        <v>34</v>
      </c>
      <c r="S11" s="221">
        <v>18</v>
      </c>
      <c r="T11" s="221">
        <v>17</v>
      </c>
      <c r="U11" s="221">
        <v>11</v>
      </c>
      <c r="V11" s="222">
        <v>103</v>
      </c>
      <c r="W11" s="223">
        <v>116</v>
      </c>
      <c r="X11" s="220">
        <v>481</v>
      </c>
      <c r="Y11" s="221">
        <v>581</v>
      </c>
      <c r="Z11" s="222">
        <v>1062</v>
      </c>
      <c r="AA11" s="213">
        <v>0</v>
      </c>
      <c r="AB11" s="221">
        <v>1866</v>
      </c>
      <c r="AC11" s="221">
        <v>1498</v>
      </c>
      <c r="AD11" s="221">
        <v>1018</v>
      </c>
      <c r="AE11" s="221">
        <v>863</v>
      </c>
      <c r="AF11" s="221">
        <v>525</v>
      </c>
      <c r="AG11" s="222">
        <v>5770</v>
      </c>
      <c r="AH11" s="223">
        <v>6832</v>
      </c>
    </row>
    <row r="12" spans="1:34" ht="19.5" customHeight="1" x14ac:dyDescent="0.2">
      <c r="A12" s="49" t="s">
        <v>10</v>
      </c>
      <c r="B12" s="220">
        <v>1262</v>
      </c>
      <c r="C12" s="221">
        <v>1577</v>
      </c>
      <c r="D12" s="222">
        <v>2839</v>
      </c>
      <c r="E12" s="213">
        <v>0</v>
      </c>
      <c r="F12" s="221">
        <v>3867</v>
      </c>
      <c r="G12" s="221">
        <v>2345</v>
      </c>
      <c r="H12" s="221">
        <v>1485</v>
      </c>
      <c r="I12" s="221">
        <v>1173</v>
      </c>
      <c r="J12" s="221">
        <v>851</v>
      </c>
      <c r="K12" s="222">
        <v>9721</v>
      </c>
      <c r="L12" s="223">
        <v>12560</v>
      </c>
      <c r="M12" s="224">
        <v>21</v>
      </c>
      <c r="N12" s="221">
        <v>43</v>
      </c>
      <c r="O12" s="222">
        <v>64</v>
      </c>
      <c r="P12" s="213">
        <v>0</v>
      </c>
      <c r="Q12" s="221">
        <v>81</v>
      </c>
      <c r="R12" s="221">
        <v>72</v>
      </c>
      <c r="S12" s="221">
        <v>47</v>
      </c>
      <c r="T12" s="221">
        <v>30</v>
      </c>
      <c r="U12" s="221">
        <v>33</v>
      </c>
      <c r="V12" s="222">
        <v>263</v>
      </c>
      <c r="W12" s="223">
        <v>327</v>
      </c>
      <c r="X12" s="220">
        <v>1283</v>
      </c>
      <c r="Y12" s="221">
        <v>1620</v>
      </c>
      <c r="Z12" s="222">
        <v>2903</v>
      </c>
      <c r="AA12" s="213">
        <v>0</v>
      </c>
      <c r="AB12" s="221">
        <v>3948</v>
      </c>
      <c r="AC12" s="221">
        <v>2417</v>
      </c>
      <c r="AD12" s="221">
        <v>1532</v>
      </c>
      <c r="AE12" s="221">
        <v>1203</v>
      </c>
      <c r="AF12" s="221">
        <v>884</v>
      </c>
      <c r="AG12" s="222">
        <v>9984</v>
      </c>
      <c r="AH12" s="223">
        <v>12887</v>
      </c>
    </row>
    <row r="13" spans="1:34" ht="19.5" customHeight="1" x14ac:dyDescent="0.2">
      <c r="A13" s="49" t="s">
        <v>11</v>
      </c>
      <c r="B13" s="220">
        <v>501</v>
      </c>
      <c r="C13" s="221">
        <v>535</v>
      </c>
      <c r="D13" s="222">
        <v>1036</v>
      </c>
      <c r="E13" s="213">
        <v>0</v>
      </c>
      <c r="F13" s="221">
        <v>2152</v>
      </c>
      <c r="G13" s="221">
        <v>1278</v>
      </c>
      <c r="H13" s="221">
        <v>873</v>
      </c>
      <c r="I13" s="221">
        <v>717</v>
      </c>
      <c r="J13" s="221">
        <v>405</v>
      </c>
      <c r="K13" s="222">
        <v>5425</v>
      </c>
      <c r="L13" s="223">
        <v>6461</v>
      </c>
      <c r="M13" s="224">
        <v>5</v>
      </c>
      <c r="N13" s="221">
        <v>7</v>
      </c>
      <c r="O13" s="222">
        <v>12</v>
      </c>
      <c r="P13" s="213">
        <v>0</v>
      </c>
      <c r="Q13" s="221">
        <v>38</v>
      </c>
      <c r="R13" s="221">
        <v>35</v>
      </c>
      <c r="S13" s="221">
        <v>18</v>
      </c>
      <c r="T13" s="221">
        <v>14</v>
      </c>
      <c r="U13" s="221">
        <v>18</v>
      </c>
      <c r="V13" s="222">
        <v>123</v>
      </c>
      <c r="W13" s="223">
        <v>135</v>
      </c>
      <c r="X13" s="220">
        <v>506</v>
      </c>
      <c r="Y13" s="221">
        <v>542</v>
      </c>
      <c r="Z13" s="222">
        <v>1048</v>
      </c>
      <c r="AA13" s="213">
        <v>0</v>
      </c>
      <c r="AB13" s="221">
        <v>2190</v>
      </c>
      <c r="AC13" s="221">
        <v>1313</v>
      </c>
      <c r="AD13" s="221">
        <v>891</v>
      </c>
      <c r="AE13" s="221">
        <v>731</v>
      </c>
      <c r="AF13" s="221">
        <v>423</v>
      </c>
      <c r="AG13" s="222">
        <v>5548</v>
      </c>
      <c r="AH13" s="223">
        <v>6596</v>
      </c>
    </row>
    <row r="14" spans="1:34" ht="19.5" customHeight="1" x14ac:dyDescent="0.2">
      <c r="A14" s="49" t="s">
        <v>12</v>
      </c>
      <c r="B14" s="220">
        <v>755</v>
      </c>
      <c r="C14" s="221">
        <v>994</v>
      </c>
      <c r="D14" s="222">
        <v>1749</v>
      </c>
      <c r="E14" s="213">
        <v>0</v>
      </c>
      <c r="F14" s="221">
        <v>1582</v>
      </c>
      <c r="G14" s="221">
        <v>1306</v>
      </c>
      <c r="H14" s="221">
        <v>949</v>
      </c>
      <c r="I14" s="221">
        <v>798</v>
      </c>
      <c r="J14" s="221">
        <v>479</v>
      </c>
      <c r="K14" s="222">
        <v>5114</v>
      </c>
      <c r="L14" s="223">
        <v>6863</v>
      </c>
      <c r="M14" s="224">
        <v>10</v>
      </c>
      <c r="N14" s="221">
        <v>26</v>
      </c>
      <c r="O14" s="222">
        <v>36</v>
      </c>
      <c r="P14" s="213">
        <v>0</v>
      </c>
      <c r="Q14" s="221">
        <v>21</v>
      </c>
      <c r="R14" s="221">
        <v>32</v>
      </c>
      <c r="S14" s="221">
        <v>17</v>
      </c>
      <c r="T14" s="221">
        <v>25</v>
      </c>
      <c r="U14" s="221">
        <v>15</v>
      </c>
      <c r="V14" s="222">
        <v>110</v>
      </c>
      <c r="W14" s="223">
        <v>146</v>
      </c>
      <c r="X14" s="220">
        <v>765</v>
      </c>
      <c r="Y14" s="221">
        <v>1020</v>
      </c>
      <c r="Z14" s="222">
        <v>1785</v>
      </c>
      <c r="AA14" s="213">
        <v>0</v>
      </c>
      <c r="AB14" s="221">
        <v>1603</v>
      </c>
      <c r="AC14" s="221">
        <v>1338</v>
      </c>
      <c r="AD14" s="221">
        <v>966</v>
      </c>
      <c r="AE14" s="221">
        <v>823</v>
      </c>
      <c r="AF14" s="221">
        <v>494</v>
      </c>
      <c r="AG14" s="222">
        <v>5224</v>
      </c>
      <c r="AH14" s="223">
        <v>7009</v>
      </c>
    </row>
    <row r="15" spans="1:34" ht="19.5" customHeight="1" x14ac:dyDescent="0.2">
      <c r="A15" s="49" t="s">
        <v>13</v>
      </c>
      <c r="B15" s="220">
        <v>118</v>
      </c>
      <c r="C15" s="221">
        <v>225</v>
      </c>
      <c r="D15" s="222">
        <v>343</v>
      </c>
      <c r="E15" s="213">
        <v>0</v>
      </c>
      <c r="F15" s="221">
        <v>635</v>
      </c>
      <c r="G15" s="221">
        <v>608</v>
      </c>
      <c r="H15" s="221">
        <v>381</v>
      </c>
      <c r="I15" s="221">
        <v>311</v>
      </c>
      <c r="J15" s="221">
        <v>210</v>
      </c>
      <c r="K15" s="222">
        <v>2145</v>
      </c>
      <c r="L15" s="223">
        <v>2488</v>
      </c>
      <c r="M15" s="224">
        <v>0</v>
      </c>
      <c r="N15" s="221">
        <v>1</v>
      </c>
      <c r="O15" s="222">
        <v>1</v>
      </c>
      <c r="P15" s="213">
        <v>0</v>
      </c>
      <c r="Q15" s="221">
        <v>14</v>
      </c>
      <c r="R15" s="221">
        <v>15</v>
      </c>
      <c r="S15" s="221">
        <v>8</v>
      </c>
      <c r="T15" s="221">
        <v>6</v>
      </c>
      <c r="U15" s="221">
        <v>8</v>
      </c>
      <c r="V15" s="222">
        <v>51</v>
      </c>
      <c r="W15" s="223">
        <v>52</v>
      </c>
      <c r="X15" s="220">
        <v>118</v>
      </c>
      <c r="Y15" s="221">
        <v>226</v>
      </c>
      <c r="Z15" s="222">
        <v>344</v>
      </c>
      <c r="AA15" s="213">
        <v>0</v>
      </c>
      <c r="AB15" s="221">
        <v>649</v>
      </c>
      <c r="AC15" s="221">
        <v>623</v>
      </c>
      <c r="AD15" s="221">
        <v>389</v>
      </c>
      <c r="AE15" s="221">
        <v>317</v>
      </c>
      <c r="AF15" s="221">
        <v>218</v>
      </c>
      <c r="AG15" s="222">
        <v>2196</v>
      </c>
      <c r="AH15" s="223">
        <v>2540</v>
      </c>
    </row>
    <row r="16" spans="1:34" ht="19.5" customHeight="1" x14ac:dyDescent="0.2">
      <c r="A16" s="49" t="s">
        <v>15</v>
      </c>
      <c r="B16" s="220">
        <v>81</v>
      </c>
      <c r="C16" s="221">
        <v>185</v>
      </c>
      <c r="D16" s="222">
        <v>266</v>
      </c>
      <c r="E16" s="213">
        <v>0</v>
      </c>
      <c r="F16" s="221">
        <v>483</v>
      </c>
      <c r="G16" s="221">
        <v>547</v>
      </c>
      <c r="H16" s="221">
        <v>287</v>
      </c>
      <c r="I16" s="221">
        <v>211</v>
      </c>
      <c r="J16" s="221">
        <v>121</v>
      </c>
      <c r="K16" s="222">
        <v>1649</v>
      </c>
      <c r="L16" s="223">
        <v>1915</v>
      </c>
      <c r="M16" s="224">
        <v>0</v>
      </c>
      <c r="N16" s="221">
        <v>6</v>
      </c>
      <c r="O16" s="222">
        <v>6</v>
      </c>
      <c r="P16" s="213">
        <v>0</v>
      </c>
      <c r="Q16" s="221">
        <v>4</v>
      </c>
      <c r="R16" s="221">
        <v>15</v>
      </c>
      <c r="S16" s="221">
        <v>3</v>
      </c>
      <c r="T16" s="221">
        <v>1</v>
      </c>
      <c r="U16" s="221">
        <v>8</v>
      </c>
      <c r="V16" s="222">
        <v>31</v>
      </c>
      <c r="W16" s="223">
        <v>37</v>
      </c>
      <c r="X16" s="220">
        <v>81</v>
      </c>
      <c r="Y16" s="221">
        <v>191</v>
      </c>
      <c r="Z16" s="222">
        <v>272</v>
      </c>
      <c r="AA16" s="213">
        <v>0</v>
      </c>
      <c r="AB16" s="221">
        <v>487</v>
      </c>
      <c r="AC16" s="221">
        <v>562</v>
      </c>
      <c r="AD16" s="221">
        <v>290</v>
      </c>
      <c r="AE16" s="221">
        <v>212</v>
      </c>
      <c r="AF16" s="221">
        <v>129</v>
      </c>
      <c r="AG16" s="222">
        <v>1680</v>
      </c>
      <c r="AH16" s="223">
        <v>1952</v>
      </c>
    </row>
    <row r="17" spans="1:34" ht="19.5" customHeight="1" x14ac:dyDescent="0.2">
      <c r="A17" s="49" t="s">
        <v>16</v>
      </c>
      <c r="B17" s="220">
        <v>240</v>
      </c>
      <c r="C17" s="221">
        <v>392</v>
      </c>
      <c r="D17" s="222">
        <v>632</v>
      </c>
      <c r="E17" s="213">
        <v>0</v>
      </c>
      <c r="F17" s="221">
        <v>955</v>
      </c>
      <c r="G17" s="221">
        <v>1230</v>
      </c>
      <c r="H17" s="221">
        <v>724</v>
      </c>
      <c r="I17" s="221">
        <v>518</v>
      </c>
      <c r="J17" s="221">
        <v>328</v>
      </c>
      <c r="K17" s="222">
        <v>3755</v>
      </c>
      <c r="L17" s="223">
        <v>4387</v>
      </c>
      <c r="M17" s="224">
        <v>5</v>
      </c>
      <c r="N17" s="221">
        <v>11</v>
      </c>
      <c r="O17" s="222">
        <v>16</v>
      </c>
      <c r="P17" s="213">
        <v>0</v>
      </c>
      <c r="Q17" s="221">
        <v>13</v>
      </c>
      <c r="R17" s="221">
        <v>37</v>
      </c>
      <c r="S17" s="221">
        <v>22</v>
      </c>
      <c r="T17" s="221">
        <v>15</v>
      </c>
      <c r="U17" s="221">
        <v>10</v>
      </c>
      <c r="V17" s="222">
        <v>97</v>
      </c>
      <c r="W17" s="223">
        <v>113</v>
      </c>
      <c r="X17" s="220">
        <v>245</v>
      </c>
      <c r="Y17" s="221">
        <v>403</v>
      </c>
      <c r="Z17" s="222">
        <v>648</v>
      </c>
      <c r="AA17" s="213">
        <v>0</v>
      </c>
      <c r="AB17" s="221">
        <v>968</v>
      </c>
      <c r="AC17" s="221">
        <v>1267</v>
      </c>
      <c r="AD17" s="221">
        <v>746</v>
      </c>
      <c r="AE17" s="221">
        <v>533</v>
      </c>
      <c r="AF17" s="221">
        <v>338</v>
      </c>
      <c r="AG17" s="222">
        <v>3852</v>
      </c>
      <c r="AH17" s="223">
        <v>4500</v>
      </c>
    </row>
    <row r="18" spans="1:34" ht="19.5" customHeight="1" x14ac:dyDescent="0.2">
      <c r="A18" s="49" t="s">
        <v>17</v>
      </c>
      <c r="B18" s="220">
        <v>277</v>
      </c>
      <c r="C18" s="221">
        <v>581</v>
      </c>
      <c r="D18" s="222">
        <v>858</v>
      </c>
      <c r="E18" s="213">
        <v>0</v>
      </c>
      <c r="F18" s="221">
        <v>1079</v>
      </c>
      <c r="G18" s="221">
        <v>1589</v>
      </c>
      <c r="H18" s="221">
        <v>923</v>
      </c>
      <c r="I18" s="221">
        <v>693</v>
      </c>
      <c r="J18" s="221">
        <v>431</v>
      </c>
      <c r="K18" s="222">
        <v>4715</v>
      </c>
      <c r="L18" s="223">
        <v>5573</v>
      </c>
      <c r="M18" s="224">
        <v>4</v>
      </c>
      <c r="N18" s="221">
        <v>27</v>
      </c>
      <c r="O18" s="222">
        <v>31</v>
      </c>
      <c r="P18" s="213">
        <v>0</v>
      </c>
      <c r="Q18" s="221">
        <v>13</v>
      </c>
      <c r="R18" s="221">
        <v>63</v>
      </c>
      <c r="S18" s="221">
        <v>40</v>
      </c>
      <c r="T18" s="221">
        <v>26</v>
      </c>
      <c r="U18" s="221">
        <v>14</v>
      </c>
      <c r="V18" s="222">
        <v>156</v>
      </c>
      <c r="W18" s="223">
        <v>187</v>
      </c>
      <c r="X18" s="220">
        <v>281</v>
      </c>
      <c r="Y18" s="221">
        <v>608</v>
      </c>
      <c r="Z18" s="222">
        <v>889</v>
      </c>
      <c r="AA18" s="213">
        <v>0</v>
      </c>
      <c r="AB18" s="221">
        <v>1092</v>
      </c>
      <c r="AC18" s="221">
        <v>1652</v>
      </c>
      <c r="AD18" s="221">
        <v>963</v>
      </c>
      <c r="AE18" s="221">
        <v>719</v>
      </c>
      <c r="AF18" s="221">
        <v>445</v>
      </c>
      <c r="AG18" s="222">
        <v>4871</v>
      </c>
      <c r="AH18" s="223">
        <v>5760</v>
      </c>
    </row>
    <row r="19" spans="1:34" ht="19.5" customHeight="1" x14ac:dyDescent="0.2">
      <c r="A19" s="49" t="s">
        <v>18</v>
      </c>
      <c r="B19" s="220">
        <v>348</v>
      </c>
      <c r="C19" s="221">
        <v>655</v>
      </c>
      <c r="D19" s="222">
        <v>1003</v>
      </c>
      <c r="E19" s="213">
        <v>0</v>
      </c>
      <c r="F19" s="221">
        <v>1762</v>
      </c>
      <c r="G19" s="221">
        <v>1624</v>
      </c>
      <c r="H19" s="221">
        <v>1020</v>
      </c>
      <c r="I19" s="221">
        <v>727</v>
      </c>
      <c r="J19" s="221">
        <v>415</v>
      </c>
      <c r="K19" s="222">
        <v>5548</v>
      </c>
      <c r="L19" s="223">
        <v>6551</v>
      </c>
      <c r="M19" s="224">
        <v>8</v>
      </c>
      <c r="N19" s="221">
        <v>20</v>
      </c>
      <c r="O19" s="222">
        <v>28</v>
      </c>
      <c r="P19" s="213">
        <v>0</v>
      </c>
      <c r="Q19" s="221">
        <v>49</v>
      </c>
      <c r="R19" s="221">
        <v>58</v>
      </c>
      <c r="S19" s="221">
        <v>37</v>
      </c>
      <c r="T19" s="221">
        <v>24</v>
      </c>
      <c r="U19" s="221">
        <v>22</v>
      </c>
      <c r="V19" s="222">
        <v>190</v>
      </c>
      <c r="W19" s="223">
        <v>218</v>
      </c>
      <c r="X19" s="220">
        <v>356</v>
      </c>
      <c r="Y19" s="221">
        <v>675</v>
      </c>
      <c r="Z19" s="222">
        <v>1031</v>
      </c>
      <c r="AA19" s="213">
        <v>0</v>
      </c>
      <c r="AB19" s="221">
        <v>1811</v>
      </c>
      <c r="AC19" s="221">
        <v>1682</v>
      </c>
      <c r="AD19" s="221">
        <v>1057</v>
      </c>
      <c r="AE19" s="221">
        <v>751</v>
      </c>
      <c r="AF19" s="221">
        <v>437</v>
      </c>
      <c r="AG19" s="222">
        <v>5738</v>
      </c>
      <c r="AH19" s="223">
        <v>6769</v>
      </c>
    </row>
    <row r="20" spans="1:34" ht="19.5" customHeight="1" x14ac:dyDescent="0.2">
      <c r="A20" s="49" t="s">
        <v>19</v>
      </c>
      <c r="B20" s="220">
        <v>165</v>
      </c>
      <c r="C20" s="221">
        <v>289</v>
      </c>
      <c r="D20" s="222">
        <v>454</v>
      </c>
      <c r="E20" s="213">
        <v>0</v>
      </c>
      <c r="F20" s="221">
        <v>783</v>
      </c>
      <c r="G20" s="221">
        <v>678</v>
      </c>
      <c r="H20" s="221">
        <v>425</v>
      </c>
      <c r="I20" s="221">
        <v>264</v>
      </c>
      <c r="J20" s="221">
        <v>193</v>
      </c>
      <c r="K20" s="222">
        <v>2343</v>
      </c>
      <c r="L20" s="223">
        <v>2797</v>
      </c>
      <c r="M20" s="224">
        <v>2</v>
      </c>
      <c r="N20" s="221">
        <v>7</v>
      </c>
      <c r="O20" s="222">
        <v>9</v>
      </c>
      <c r="P20" s="213">
        <v>0</v>
      </c>
      <c r="Q20" s="221">
        <v>18</v>
      </c>
      <c r="R20" s="221">
        <v>18</v>
      </c>
      <c r="S20" s="221">
        <v>12</v>
      </c>
      <c r="T20" s="221">
        <v>6</v>
      </c>
      <c r="U20" s="221">
        <v>7</v>
      </c>
      <c r="V20" s="222">
        <v>61</v>
      </c>
      <c r="W20" s="223">
        <v>70</v>
      </c>
      <c r="X20" s="220">
        <v>167</v>
      </c>
      <c r="Y20" s="221">
        <v>296</v>
      </c>
      <c r="Z20" s="222">
        <v>463</v>
      </c>
      <c r="AA20" s="213">
        <v>0</v>
      </c>
      <c r="AB20" s="221">
        <v>801</v>
      </c>
      <c r="AC20" s="221">
        <v>696</v>
      </c>
      <c r="AD20" s="221">
        <v>437</v>
      </c>
      <c r="AE20" s="221">
        <v>270</v>
      </c>
      <c r="AF20" s="221">
        <v>200</v>
      </c>
      <c r="AG20" s="222">
        <v>2404</v>
      </c>
      <c r="AH20" s="223">
        <v>2867</v>
      </c>
    </row>
    <row r="21" spans="1:34" ht="19.5" customHeight="1" x14ac:dyDescent="0.2">
      <c r="A21" s="49" t="s">
        <v>20</v>
      </c>
      <c r="B21" s="220">
        <v>197</v>
      </c>
      <c r="C21" s="221">
        <v>429</v>
      </c>
      <c r="D21" s="222">
        <v>626</v>
      </c>
      <c r="E21" s="213">
        <v>0</v>
      </c>
      <c r="F21" s="221">
        <v>1084</v>
      </c>
      <c r="G21" s="221">
        <v>667</v>
      </c>
      <c r="H21" s="221">
        <v>449</v>
      </c>
      <c r="I21" s="221">
        <v>319</v>
      </c>
      <c r="J21" s="221">
        <v>150</v>
      </c>
      <c r="K21" s="222">
        <v>2669</v>
      </c>
      <c r="L21" s="223">
        <v>3295</v>
      </c>
      <c r="M21" s="224">
        <v>2</v>
      </c>
      <c r="N21" s="221">
        <v>18</v>
      </c>
      <c r="O21" s="222">
        <v>20</v>
      </c>
      <c r="P21" s="213">
        <v>0</v>
      </c>
      <c r="Q21" s="221">
        <v>32</v>
      </c>
      <c r="R21" s="221">
        <v>19</v>
      </c>
      <c r="S21" s="221">
        <v>17</v>
      </c>
      <c r="T21" s="221">
        <v>12</v>
      </c>
      <c r="U21" s="221">
        <v>9</v>
      </c>
      <c r="V21" s="222">
        <v>89</v>
      </c>
      <c r="W21" s="223">
        <v>109</v>
      </c>
      <c r="X21" s="220">
        <v>199</v>
      </c>
      <c r="Y21" s="221">
        <v>447</v>
      </c>
      <c r="Z21" s="222">
        <v>646</v>
      </c>
      <c r="AA21" s="213">
        <v>0</v>
      </c>
      <c r="AB21" s="221">
        <v>1116</v>
      </c>
      <c r="AC21" s="221">
        <v>686</v>
      </c>
      <c r="AD21" s="221">
        <v>466</v>
      </c>
      <c r="AE21" s="221">
        <v>331</v>
      </c>
      <c r="AF21" s="221">
        <v>159</v>
      </c>
      <c r="AG21" s="222">
        <v>2758</v>
      </c>
      <c r="AH21" s="223">
        <v>3404</v>
      </c>
    </row>
    <row r="22" spans="1:34" ht="19.5" customHeight="1" x14ac:dyDescent="0.2">
      <c r="A22" s="49" t="s">
        <v>21</v>
      </c>
      <c r="B22" s="220">
        <v>289</v>
      </c>
      <c r="C22" s="221">
        <v>420</v>
      </c>
      <c r="D22" s="222">
        <v>709</v>
      </c>
      <c r="E22" s="213">
        <v>0</v>
      </c>
      <c r="F22" s="221">
        <v>871</v>
      </c>
      <c r="G22" s="221">
        <v>1035</v>
      </c>
      <c r="H22" s="221">
        <v>600</v>
      </c>
      <c r="I22" s="221">
        <v>399</v>
      </c>
      <c r="J22" s="221">
        <v>239</v>
      </c>
      <c r="K22" s="222">
        <v>3144</v>
      </c>
      <c r="L22" s="223">
        <v>3853</v>
      </c>
      <c r="M22" s="224">
        <v>3</v>
      </c>
      <c r="N22" s="221">
        <v>17</v>
      </c>
      <c r="O22" s="222">
        <v>20</v>
      </c>
      <c r="P22" s="213">
        <v>0</v>
      </c>
      <c r="Q22" s="221">
        <v>12</v>
      </c>
      <c r="R22" s="221">
        <v>42</v>
      </c>
      <c r="S22" s="221">
        <v>6</v>
      </c>
      <c r="T22" s="221">
        <v>6</v>
      </c>
      <c r="U22" s="221">
        <v>9</v>
      </c>
      <c r="V22" s="222">
        <v>75</v>
      </c>
      <c r="W22" s="223">
        <v>95</v>
      </c>
      <c r="X22" s="220">
        <v>292</v>
      </c>
      <c r="Y22" s="221">
        <v>437</v>
      </c>
      <c r="Z22" s="222">
        <v>729</v>
      </c>
      <c r="AA22" s="213">
        <v>0</v>
      </c>
      <c r="AB22" s="221">
        <v>883</v>
      </c>
      <c r="AC22" s="221">
        <v>1077</v>
      </c>
      <c r="AD22" s="221">
        <v>606</v>
      </c>
      <c r="AE22" s="221">
        <v>405</v>
      </c>
      <c r="AF22" s="221">
        <v>248</v>
      </c>
      <c r="AG22" s="222">
        <v>3219</v>
      </c>
      <c r="AH22" s="223">
        <v>3948</v>
      </c>
    </row>
    <row r="23" spans="1:34" ht="19.5" customHeight="1" x14ac:dyDescent="0.2">
      <c r="A23" s="49" t="s">
        <v>22</v>
      </c>
      <c r="B23" s="220">
        <v>59</v>
      </c>
      <c r="C23" s="221">
        <v>158</v>
      </c>
      <c r="D23" s="222">
        <v>217</v>
      </c>
      <c r="E23" s="213">
        <v>0</v>
      </c>
      <c r="F23" s="221">
        <v>419</v>
      </c>
      <c r="G23" s="221">
        <v>380</v>
      </c>
      <c r="H23" s="221">
        <v>182</v>
      </c>
      <c r="I23" s="221">
        <v>137</v>
      </c>
      <c r="J23" s="221">
        <v>83</v>
      </c>
      <c r="K23" s="222">
        <v>1201</v>
      </c>
      <c r="L23" s="223">
        <v>1418</v>
      </c>
      <c r="M23" s="224">
        <v>0</v>
      </c>
      <c r="N23" s="221">
        <v>4</v>
      </c>
      <c r="O23" s="222">
        <v>4</v>
      </c>
      <c r="P23" s="213">
        <v>0</v>
      </c>
      <c r="Q23" s="221">
        <v>12</v>
      </c>
      <c r="R23" s="221">
        <v>6</v>
      </c>
      <c r="S23" s="221">
        <v>5</v>
      </c>
      <c r="T23" s="221">
        <v>4</v>
      </c>
      <c r="U23" s="221">
        <v>0</v>
      </c>
      <c r="V23" s="222">
        <v>27</v>
      </c>
      <c r="W23" s="223">
        <v>31</v>
      </c>
      <c r="X23" s="220">
        <v>59</v>
      </c>
      <c r="Y23" s="221">
        <v>162</v>
      </c>
      <c r="Z23" s="222">
        <v>221</v>
      </c>
      <c r="AA23" s="213">
        <v>0</v>
      </c>
      <c r="AB23" s="221">
        <v>431</v>
      </c>
      <c r="AC23" s="221">
        <v>386</v>
      </c>
      <c r="AD23" s="221">
        <v>187</v>
      </c>
      <c r="AE23" s="221">
        <v>141</v>
      </c>
      <c r="AF23" s="221">
        <v>83</v>
      </c>
      <c r="AG23" s="222">
        <v>1228</v>
      </c>
      <c r="AH23" s="223">
        <v>1449</v>
      </c>
    </row>
    <row r="24" spans="1:34" ht="19.5" customHeight="1" x14ac:dyDescent="0.2">
      <c r="A24" s="49" t="s">
        <v>23</v>
      </c>
      <c r="B24" s="220">
        <v>131</v>
      </c>
      <c r="C24" s="221">
        <v>236</v>
      </c>
      <c r="D24" s="222">
        <v>367</v>
      </c>
      <c r="E24" s="213">
        <v>0</v>
      </c>
      <c r="F24" s="221">
        <v>624</v>
      </c>
      <c r="G24" s="221">
        <v>552</v>
      </c>
      <c r="H24" s="221">
        <v>300</v>
      </c>
      <c r="I24" s="221">
        <v>252</v>
      </c>
      <c r="J24" s="221">
        <v>125</v>
      </c>
      <c r="K24" s="222">
        <v>1853</v>
      </c>
      <c r="L24" s="223">
        <v>2220</v>
      </c>
      <c r="M24" s="224">
        <v>6</v>
      </c>
      <c r="N24" s="221">
        <v>10</v>
      </c>
      <c r="O24" s="222">
        <v>16</v>
      </c>
      <c r="P24" s="213">
        <v>0</v>
      </c>
      <c r="Q24" s="221">
        <v>6</v>
      </c>
      <c r="R24" s="221">
        <v>13</v>
      </c>
      <c r="S24" s="221">
        <v>5</v>
      </c>
      <c r="T24" s="221">
        <v>7</v>
      </c>
      <c r="U24" s="221">
        <v>5</v>
      </c>
      <c r="V24" s="222">
        <v>36</v>
      </c>
      <c r="W24" s="223">
        <v>52</v>
      </c>
      <c r="X24" s="220">
        <v>137</v>
      </c>
      <c r="Y24" s="221">
        <v>246</v>
      </c>
      <c r="Z24" s="222">
        <v>383</v>
      </c>
      <c r="AA24" s="213">
        <v>0</v>
      </c>
      <c r="AB24" s="221">
        <v>630</v>
      </c>
      <c r="AC24" s="221">
        <v>565</v>
      </c>
      <c r="AD24" s="221">
        <v>305</v>
      </c>
      <c r="AE24" s="221">
        <v>259</v>
      </c>
      <c r="AF24" s="221">
        <v>130</v>
      </c>
      <c r="AG24" s="222">
        <v>1889</v>
      </c>
      <c r="AH24" s="223">
        <v>2272</v>
      </c>
    </row>
    <row r="25" spans="1:34" ht="19.5" customHeight="1" x14ac:dyDescent="0.2">
      <c r="A25" s="49" t="s">
        <v>24</v>
      </c>
      <c r="B25" s="220">
        <v>115</v>
      </c>
      <c r="C25" s="221">
        <v>99</v>
      </c>
      <c r="D25" s="222">
        <v>214</v>
      </c>
      <c r="E25" s="213">
        <v>0</v>
      </c>
      <c r="F25" s="221">
        <v>333</v>
      </c>
      <c r="G25" s="221">
        <v>215</v>
      </c>
      <c r="H25" s="221">
        <v>168</v>
      </c>
      <c r="I25" s="221">
        <v>118</v>
      </c>
      <c r="J25" s="221">
        <v>88</v>
      </c>
      <c r="K25" s="222">
        <v>922</v>
      </c>
      <c r="L25" s="223">
        <v>1136</v>
      </c>
      <c r="M25" s="224">
        <v>0</v>
      </c>
      <c r="N25" s="221">
        <v>3</v>
      </c>
      <c r="O25" s="222">
        <v>3</v>
      </c>
      <c r="P25" s="213">
        <v>0</v>
      </c>
      <c r="Q25" s="221">
        <v>3</v>
      </c>
      <c r="R25" s="221">
        <v>9</v>
      </c>
      <c r="S25" s="221">
        <v>1</v>
      </c>
      <c r="T25" s="221">
        <v>1</v>
      </c>
      <c r="U25" s="221">
        <v>1</v>
      </c>
      <c r="V25" s="222">
        <v>15</v>
      </c>
      <c r="W25" s="223">
        <v>18</v>
      </c>
      <c r="X25" s="220">
        <v>115</v>
      </c>
      <c r="Y25" s="221">
        <v>102</v>
      </c>
      <c r="Z25" s="222">
        <v>217</v>
      </c>
      <c r="AA25" s="213">
        <v>0</v>
      </c>
      <c r="AB25" s="221">
        <v>336</v>
      </c>
      <c r="AC25" s="221">
        <v>224</v>
      </c>
      <c r="AD25" s="221">
        <v>169</v>
      </c>
      <c r="AE25" s="221">
        <v>119</v>
      </c>
      <c r="AF25" s="221">
        <v>89</v>
      </c>
      <c r="AG25" s="222">
        <v>937</v>
      </c>
      <c r="AH25" s="223">
        <v>1154</v>
      </c>
    </row>
    <row r="26" spans="1:34" ht="19.5" customHeight="1" x14ac:dyDescent="0.2">
      <c r="A26" s="49" t="s">
        <v>25</v>
      </c>
      <c r="B26" s="220">
        <v>78</v>
      </c>
      <c r="C26" s="221">
        <v>137</v>
      </c>
      <c r="D26" s="222">
        <v>215</v>
      </c>
      <c r="E26" s="213">
        <v>0</v>
      </c>
      <c r="F26" s="221">
        <v>386</v>
      </c>
      <c r="G26" s="221">
        <v>258</v>
      </c>
      <c r="H26" s="221">
        <v>133</v>
      </c>
      <c r="I26" s="221">
        <v>156</v>
      </c>
      <c r="J26" s="221">
        <v>70</v>
      </c>
      <c r="K26" s="222">
        <v>1003</v>
      </c>
      <c r="L26" s="223">
        <v>1218</v>
      </c>
      <c r="M26" s="224">
        <v>1</v>
      </c>
      <c r="N26" s="221">
        <v>6</v>
      </c>
      <c r="O26" s="222">
        <v>7</v>
      </c>
      <c r="P26" s="213">
        <v>0</v>
      </c>
      <c r="Q26" s="221">
        <v>7</v>
      </c>
      <c r="R26" s="221">
        <v>10</v>
      </c>
      <c r="S26" s="221">
        <v>4</v>
      </c>
      <c r="T26" s="221">
        <v>3</v>
      </c>
      <c r="U26" s="221">
        <v>4</v>
      </c>
      <c r="V26" s="222">
        <v>28</v>
      </c>
      <c r="W26" s="223">
        <v>35</v>
      </c>
      <c r="X26" s="220">
        <v>79</v>
      </c>
      <c r="Y26" s="221">
        <v>143</v>
      </c>
      <c r="Z26" s="222">
        <v>222</v>
      </c>
      <c r="AA26" s="213">
        <v>0</v>
      </c>
      <c r="AB26" s="221">
        <v>393</v>
      </c>
      <c r="AC26" s="221">
        <v>268</v>
      </c>
      <c r="AD26" s="221">
        <v>137</v>
      </c>
      <c r="AE26" s="221">
        <v>159</v>
      </c>
      <c r="AF26" s="221">
        <v>74</v>
      </c>
      <c r="AG26" s="222">
        <v>1031</v>
      </c>
      <c r="AH26" s="223">
        <v>1253</v>
      </c>
    </row>
    <row r="27" spans="1:34" ht="19.5" customHeight="1" x14ac:dyDescent="0.2">
      <c r="A27" s="49" t="s">
        <v>26</v>
      </c>
      <c r="B27" s="220">
        <v>88</v>
      </c>
      <c r="C27" s="221">
        <v>102</v>
      </c>
      <c r="D27" s="222">
        <v>190</v>
      </c>
      <c r="E27" s="213">
        <v>0</v>
      </c>
      <c r="F27" s="221">
        <v>309</v>
      </c>
      <c r="G27" s="221">
        <v>241</v>
      </c>
      <c r="H27" s="221">
        <v>159</v>
      </c>
      <c r="I27" s="221">
        <v>113</v>
      </c>
      <c r="J27" s="221">
        <v>87</v>
      </c>
      <c r="K27" s="222">
        <v>909</v>
      </c>
      <c r="L27" s="223">
        <v>1099</v>
      </c>
      <c r="M27" s="224">
        <v>3</v>
      </c>
      <c r="N27" s="221">
        <v>0</v>
      </c>
      <c r="O27" s="222">
        <v>3</v>
      </c>
      <c r="P27" s="213">
        <v>0</v>
      </c>
      <c r="Q27" s="221">
        <v>6</v>
      </c>
      <c r="R27" s="221">
        <v>7</v>
      </c>
      <c r="S27" s="221">
        <v>1</v>
      </c>
      <c r="T27" s="221">
        <v>3</v>
      </c>
      <c r="U27" s="221">
        <v>4</v>
      </c>
      <c r="V27" s="222">
        <v>21</v>
      </c>
      <c r="W27" s="223">
        <v>24</v>
      </c>
      <c r="X27" s="220">
        <v>91</v>
      </c>
      <c r="Y27" s="221">
        <v>102</v>
      </c>
      <c r="Z27" s="222">
        <v>193</v>
      </c>
      <c r="AA27" s="213">
        <v>0</v>
      </c>
      <c r="AB27" s="221">
        <v>315</v>
      </c>
      <c r="AC27" s="221">
        <v>248</v>
      </c>
      <c r="AD27" s="221">
        <v>160</v>
      </c>
      <c r="AE27" s="221">
        <v>116</v>
      </c>
      <c r="AF27" s="221">
        <v>91</v>
      </c>
      <c r="AG27" s="222">
        <v>930</v>
      </c>
      <c r="AH27" s="223">
        <v>1123</v>
      </c>
    </row>
    <row r="28" spans="1:34" ht="19.5" customHeight="1" x14ac:dyDescent="0.2">
      <c r="A28" s="49" t="s">
        <v>27</v>
      </c>
      <c r="B28" s="220">
        <v>118</v>
      </c>
      <c r="C28" s="221">
        <v>159</v>
      </c>
      <c r="D28" s="222">
        <v>277</v>
      </c>
      <c r="E28" s="213">
        <v>0</v>
      </c>
      <c r="F28" s="221">
        <v>238</v>
      </c>
      <c r="G28" s="221">
        <v>204</v>
      </c>
      <c r="H28" s="221">
        <v>154</v>
      </c>
      <c r="I28" s="221">
        <v>113</v>
      </c>
      <c r="J28" s="221">
        <v>56</v>
      </c>
      <c r="K28" s="222">
        <v>765</v>
      </c>
      <c r="L28" s="223">
        <v>1042</v>
      </c>
      <c r="M28" s="224">
        <v>1</v>
      </c>
      <c r="N28" s="221">
        <v>3</v>
      </c>
      <c r="O28" s="222">
        <v>4</v>
      </c>
      <c r="P28" s="213">
        <v>0</v>
      </c>
      <c r="Q28" s="221">
        <v>6</v>
      </c>
      <c r="R28" s="221">
        <v>4</v>
      </c>
      <c r="S28" s="221">
        <v>1</v>
      </c>
      <c r="T28" s="221">
        <v>2</v>
      </c>
      <c r="U28" s="221">
        <v>3</v>
      </c>
      <c r="V28" s="222">
        <v>16</v>
      </c>
      <c r="W28" s="223">
        <v>20</v>
      </c>
      <c r="X28" s="220">
        <v>119</v>
      </c>
      <c r="Y28" s="221">
        <v>162</v>
      </c>
      <c r="Z28" s="222">
        <v>281</v>
      </c>
      <c r="AA28" s="213">
        <v>0</v>
      </c>
      <c r="AB28" s="221">
        <v>244</v>
      </c>
      <c r="AC28" s="221">
        <v>208</v>
      </c>
      <c r="AD28" s="221">
        <v>155</v>
      </c>
      <c r="AE28" s="221">
        <v>115</v>
      </c>
      <c r="AF28" s="221">
        <v>59</v>
      </c>
      <c r="AG28" s="222">
        <v>781</v>
      </c>
      <c r="AH28" s="223">
        <v>1062</v>
      </c>
    </row>
    <row r="29" spans="1:34" ht="19.5" customHeight="1" x14ac:dyDescent="0.2">
      <c r="A29" s="49" t="s">
        <v>28</v>
      </c>
      <c r="B29" s="220">
        <v>9</v>
      </c>
      <c r="C29" s="221">
        <v>17</v>
      </c>
      <c r="D29" s="222">
        <v>26</v>
      </c>
      <c r="E29" s="213">
        <v>0</v>
      </c>
      <c r="F29" s="221">
        <v>78</v>
      </c>
      <c r="G29" s="221">
        <v>96</v>
      </c>
      <c r="H29" s="221">
        <v>45</v>
      </c>
      <c r="I29" s="221">
        <v>32</v>
      </c>
      <c r="J29" s="221">
        <v>24</v>
      </c>
      <c r="K29" s="222">
        <v>275</v>
      </c>
      <c r="L29" s="223">
        <v>301</v>
      </c>
      <c r="M29" s="224">
        <v>0</v>
      </c>
      <c r="N29" s="221">
        <v>0</v>
      </c>
      <c r="O29" s="222">
        <v>0</v>
      </c>
      <c r="P29" s="213">
        <v>0</v>
      </c>
      <c r="Q29" s="221">
        <v>1</v>
      </c>
      <c r="R29" s="221">
        <v>1</v>
      </c>
      <c r="S29" s="221">
        <v>1</v>
      </c>
      <c r="T29" s="221">
        <v>1</v>
      </c>
      <c r="U29" s="221">
        <v>4</v>
      </c>
      <c r="V29" s="222">
        <v>8</v>
      </c>
      <c r="W29" s="223">
        <v>8</v>
      </c>
      <c r="X29" s="220">
        <v>9</v>
      </c>
      <c r="Y29" s="221">
        <v>17</v>
      </c>
      <c r="Z29" s="222">
        <v>26</v>
      </c>
      <c r="AA29" s="213">
        <v>0</v>
      </c>
      <c r="AB29" s="221">
        <v>79</v>
      </c>
      <c r="AC29" s="221">
        <v>97</v>
      </c>
      <c r="AD29" s="221">
        <v>46</v>
      </c>
      <c r="AE29" s="221">
        <v>33</v>
      </c>
      <c r="AF29" s="221">
        <v>28</v>
      </c>
      <c r="AG29" s="222">
        <v>283</v>
      </c>
      <c r="AH29" s="223">
        <v>309</v>
      </c>
    </row>
    <row r="30" spans="1:34" ht="19.5" customHeight="1" x14ac:dyDescent="0.2">
      <c r="A30" s="49" t="s">
        <v>29</v>
      </c>
      <c r="B30" s="220">
        <v>25</v>
      </c>
      <c r="C30" s="221">
        <v>35</v>
      </c>
      <c r="D30" s="222">
        <v>60</v>
      </c>
      <c r="E30" s="213">
        <v>0</v>
      </c>
      <c r="F30" s="221">
        <v>91</v>
      </c>
      <c r="G30" s="221">
        <v>103</v>
      </c>
      <c r="H30" s="221">
        <v>53</v>
      </c>
      <c r="I30" s="221">
        <v>51</v>
      </c>
      <c r="J30" s="221">
        <v>31</v>
      </c>
      <c r="K30" s="222">
        <v>329</v>
      </c>
      <c r="L30" s="223">
        <v>389</v>
      </c>
      <c r="M30" s="224">
        <v>1</v>
      </c>
      <c r="N30" s="221">
        <v>2</v>
      </c>
      <c r="O30" s="222">
        <v>3</v>
      </c>
      <c r="P30" s="213">
        <v>0</v>
      </c>
      <c r="Q30" s="221">
        <v>2</v>
      </c>
      <c r="R30" s="221">
        <v>3</v>
      </c>
      <c r="S30" s="221">
        <v>2</v>
      </c>
      <c r="T30" s="221">
        <v>1</v>
      </c>
      <c r="U30" s="221">
        <v>0</v>
      </c>
      <c r="V30" s="222">
        <v>8</v>
      </c>
      <c r="W30" s="223">
        <v>11</v>
      </c>
      <c r="X30" s="220">
        <v>26</v>
      </c>
      <c r="Y30" s="221">
        <v>37</v>
      </c>
      <c r="Z30" s="222">
        <v>63</v>
      </c>
      <c r="AA30" s="213">
        <v>0</v>
      </c>
      <c r="AB30" s="221">
        <v>93</v>
      </c>
      <c r="AC30" s="221">
        <v>106</v>
      </c>
      <c r="AD30" s="221">
        <v>55</v>
      </c>
      <c r="AE30" s="221">
        <v>52</v>
      </c>
      <c r="AF30" s="221">
        <v>31</v>
      </c>
      <c r="AG30" s="222">
        <v>337</v>
      </c>
      <c r="AH30" s="223">
        <v>400</v>
      </c>
    </row>
    <row r="31" spans="1:34" ht="19.5" customHeight="1" x14ac:dyDescent="0.2">
      <c r="A31" s="49" t="s">
        <v>30</v>
      </c>
      <c r="B31" s="220">
        <v>28</v>
      </c>
      <c r="C31" s="221">
        <v>34</v>
      </c>
      <c r="D31" s="222">
        <v>62</v>
      </c>
      <c r="E31" s="213">
        <v>0</v>
      </c>
      <c r="F31" s="221">
        <v>102</v>
      </c>
      <c r="G31" s="221">
        <v>85</v>
      </c>
      <c r="H31" s="221">
        <v>70</v>
      </c>
      <c r="I31" s="221">
        <v>49</v>
      </c>
      <c r="J31" s="221">
        <v>20</v>
      </c>
      <c r="K31" s="222">
        <v>326</v>
      </c>
      <c r="L31" s="223">
        <v>388</v>
      </c>
      <c r="M31" s="224">
        <v>0</v>
      </c>
      <c r="N31" s="221">
        <v>0</v>
      </c>
      <c r="O31" s="222">
        <v>0</v>
      </c>
      <c r="P31" s="213">
        <v>0</v>
      </c>
      <c r="Q31" s="221">
        <v>1</v>
      </c>
      <c r="R31" s="221">
        <v>0</v>
      </c>
      <c r="S31" s="221">
        <v>1</v>
      </c>
      <c r="T31" s="221">
        <v>2</v>
      </c>
      <c r="U31" s="221">
        <v>0</v>
      </c>
      <c r="V31" s="222">
        <v>4</v>
      </c>
      <c r="W31" s="223">
        <v>4</v>
      </c>
      <c r="X31" s="220">
        <v>28</v>
      </c>
      <c r="Y31" s="221">
        <v>34</v>
      </c>
      <c r="Z31" s="222">
        <v>62</v>
      </c>
      <c r="AA31" s="213">
        <v>0</v>
      </c>
      <c r="AB31" s="221">
        <v>103</v>
      </c>
      <c r="AC31" s="221">
        <v>85</v>
      </c>
      <c r="AD31" s="221">
        <v>71</v>
      </c>
      <c r="AE31" s="221">
        <v>51</v>
      </c>
      <c r="AF31" s="221">
        <v>20</v>
      </c>
      <c r="AG31" s="222">
        <v>330</v>
      </c>
      <c r="AH31" s="223">
        <v>392</v>
      </c>
    </row>
    <row r="32" spans="1:34" ht="19.5" customHeight="1" x14ac:dyDescent="0.2">
      <c r="A32" s="49" t="s">
        <v>31</v>
      </c>
      <c r="B32" s="220">
        <v>26</v>
      </c>
      <c r="C32" s="221">
        <v>50</v>
      </c>
      <c r="D32" s="222">
        <v>76</v>
      </c>
      <c r="E32" s="213">
        <v>0</v>
      </c>
      <c r="F32" s="221">
        <v>107</v>
      </c>
      <c r="G32" s="221">
        <v>108</v>
      </c>
      <c r="H32" s="221">
        <v>65</v>
      </c>
      <c r="I32" s="221">
        <v>26</v>
      </c>
      <c r="J32" s="221">
        <v>18</v>
      </c>
      <c r="K32" s="222">
        <v>324</v>
      </c>
      <c r="L32" s="223">
        <v>400</v>
      </c>
      <c r="M32" s="224">
        <v>0</v>
      </c>
      <c r="N32" s="221">
        <v>0</v>
      </c>
      <c r="O32" s="222">
        <v>0</v>
      </c>
      <c r="P32" s="213">
        <v>0</v>
      </c>
      <c r="Q32" s="221">
        <v>3</v>
      </c>
      <c r="R32" s="221">
        <v>1</v>
      </c>
      <c r="S32" s="221">
        <v>1</v>
      </c>
      <c r="T32" s="221">
        <v>1</v>
      </c>
      <c r="U32" s="221">
        <v>2</v>
      </c>
      <c r="V32" s="222">
        <v>8</v>
      </c>
      <c r="W32" s="223">
        <v>8</v>
      </c>
      <c r="X32" s="220">
        <v>26</v>
      </c>
      <c r="Y32" s="221">
        <v>50</v>
      </c>
      <c r="Z32" s="222">
        <v>76</v>
      </c>
      <c r="AA32" s="213">
        <v>0</v>
      </c>
      <c r="AB32" s="221">
        <v>110</v>
      </c>
      <c r="AC32" s="221">
        <v>109</v>
      </c>
      <c r="AD32" s="221">
        <v>66</v>
      </c>
      <c r="AE32" s="221">
        <v>27</v>
      </c>
      <c r="AF32" s="221">
        <v>20</v>
      </c>
      <c r="AG32" s="222">
        <v>332</v>
      </c>
      <c r="AH32" s="223">
        <v>408</v>
      </c>
    </row>
    <row r="33" spans="1:34" ht="19.5" customHeight="1" x14ac:dyDescent="0.2">
      <c r="A33" s="49" t="s">
        <v>32</v>
      </c>
      <c r="B33" s="220">
        <v>29</v>
      </c>
      <c r="C33" s="221">
        <v>50</v>
      </c>
      <c r="D33" s="222">
        <v>79</v>
      </c>
      <c r="E33" s="213">
        <v>0</v>
      </c>
      <c r="F33" s="221">
        <v>141</v>
      </c>
      <c r="G33" s="221">
        <v>119</v>
      </c>
      <c r="H33" s="221">
        <v>68</v>
      </c>
      <c r="I33" s="221">
        <v>44</v>
      </c>
      <c r="J33" s="221">
        <v>26</v>
      </c>
      <c r="K33" s="222">
        <v>398</v>
      </c>
      <c r="L33" s="223">
        <v>477</v>
      </c>
      <c r="M33" s="224">
        <v>0</v>
      </c>
      <c r="N33" s="221">
        <v>1</v>
      </c>
      <c r="O33" s="222">
        <v>1</v>
      </c>
      <c r="P33" s="213">
        <v>0</v>
      </c>
      <c r="Q33" s="221">
        <v>9</v>
      </c>
      <c r="R33" s="221">
        <v>5</v>
      </c>
      <c r="S33" s="221">
        <v>0</v>
      </c>
      <c r="T33" s="221">
        <v>4</v>
      </c>
      <c r="U33" s="221">
        <v>2</v>
      </c>
      <c r="V33" s="222">
        <v>20</v>
      </c>
      <c r="W33" s="223">
        <v>21</v>
      </c>
      <c r="X33" s="220">
        <v>29</v>
      </c>
      <c r="Y33" s="221">
        <v>51</v>
      </c>
      <c r="Z33" s="222">
        <v>80</v>
      </c>
      <c r="AA33" s="213">
        <v>0</v>
      </c>
      <c r="AB33" s="221">
        <v>150</v>
      </c>
      <c r="AC33" s="221">
        <v>124</v>
      </c>
      <c r="AD33" s="221">
        <v>68</v>
      </c>
      <c r="AE33" s="221">
        <v>48</v>
      </c>
      <c r="AF33" s="221">
        <v>28</v>
      </c>
      <c r="AG33" s="222">
        <v>418</v>
      </c>
      <c r="AH33" s="223">
        <v>498</v>
      </c>
    </row>
    <row r="34" spans="1:34" ht="19.5" customHeight="1" x14ac:dyDescent="0.2">
      <c r="A34" s="49" t="s">
        <v>33</v>
      </c>
      <c r="B34" s="220">
        <v>49</v>
      </c>
      <c r="C34" s="221">
        <v>63</v>
      </c>
      <c r="D34" s="222">
        <v>112</v>
      </c>
      <c r="E34" s="213">
        <v>0</v>
      </c>
      <c r="F34" s="221">
        <v>122</v>
      </c>
      <c r="G34" s="221">
        <v>89</v>
      </c>
      <c r="H34" s="221">
        <v>40</v>
      </c>
      <c r="I34" s="221">
        <v>34</v>
      </c>
      <c r="J34" s="221">
        <v>21</v>
      </c>
      <c r="K34" s="222">
        <v>306</v>
      </c>
      <c r="L34" s="223">
        <v>418</v>
      </c>
      <c r="M34" s="224">
        <v>0</v>
      </c>
      <c r="N34" s="221">
        <v>0</v>
      </c>
      <c r="O34" s="222">
        <v>0</v>
      </c>
      <c r="P34" s="213">
        <v>0</v>
      </c>
      <c r="Q34" s="221">
        <v>2</v>
      </c>
      <c r="R34" s="221">
        <v>1</v>
      </c>
      <c r="S34" s="221">
        <v>0</v>
      </c>
      <c r="T34" s="221">
        <v>1</v>
      </c>
      <c r="U34" s="221">
        <v>1</v>
      </c>
      <c r="V34" s="222">
        <v>5</v>
      </c>
      <c r="W34" s="223">
        <v>5</v>
      </c>
      <c r="X34" s="220">
        <v>49</v>
      </c>
      <c r="Y34" s="221">
        <v>63</v>
      </c>
      <c r="Z34" s="222">
        <v>112</v>
      </c>
      <c r="AA34" s="213">
        <v>0</v>
      </c>
      <c r="AB34" s="221">
        <v>124</v>
      </c>
      <c r="AC34" s="221">
        <v>90</v>
      </c>
      <c r="AD34" s="221">
        <v>40</v>
      </c>
      <c r="AE34" s="221">
        <v>35</v>
      </c>
      <c r="AF34" s="221">
        <v>22</v>
      </c>
      <c r="AG34" s="222">
        <v>311</v>
      </c>
      <c r="AH34" s="223">
        <v>423</v>
      </c>
    </row>
    <row r="35" spans="1:34" ht="19.5" customHeight="1" x14ac:dyDescent="0.2">
      <c r="A35" s="49" t="s">
        <v>34</v>
      </c>
      <c r="B35" s="220">
        <v>19</v>
      </c>
      <c r="C35" s="221">
        <v>25</v>
      </c>
      <c r="D35" s="222">
        <v>44</v>
      </c>
      <c r="E35" s="213">
        <v>0</v>
      </c>
      <c r="F35" s="221">
        <v>92</v>
      </c>
      <c r="G35" s="221">
        <v>71</v>
      </c>
      <c r="H35" s="221">
        <v>41</v>
      </c>
      <c r="I35" s="221">
        <v>36</v>
      </c>
      <c r="J35" s="221">
        <v>14</v>
      </c>
      <c r="K35" s="222">
        <v>254</v>
      </c>
      <c r="L35" s="223">
        <v>298</v>
      </c>
      <c r="M35" s="224">
        <v>0</v>
      </c>
      <c r="N35" s="221">
        <v>0</v>
      </c>
      <c r="O35" s="222">
        <v>0</v>
      </c>
      <c r="P35" s="213">
        <v>0</v>
      </c>
      <c r="Q35" s="221">
        <v>4</v>
      </c>
      <c r="R35" s="221">
        <v>1</v>
      </c>
      <c r="S35" s="221">
        <v>2</v>
      </c>
      <c r="T35" s="221">
        <v>1</v>
      </c>
      <c r="U35" s="221">
        <v>1</v>
      </c>
      <c r="V35" s="222">
        <v>9</v>
      </c>
      <c r="W35" s="223">
        <v>9</v>
      </c>
      <c r="X35" s="220">
        <v>19</v>
      </c>
      <c r="Y35" s="221">
        <v>25</v>
      </c>
      <c r="Z35" s="222">
        <v>44</v>
      </c>
      <c r="AA35" s="213">
        <v>0</v>
      </c>
      <c r="AB35" s="221">
        <v>96</v>
      </c>
      <c r="AC35" s="221">
        <v>72</v>
      </c>
      <c r="AD35" s="221">
        <v>43</v>
      </c>
      <c r="AE35" s="221">
        <v>37</v>
      </c>
      <c r="AF35" s="221">
        <v>15</v>
      </c>
      <c r="AG35" s="222">
        <v>263</v>
      </c>
      <c r="AH35" s="223">
        <v>307</v>
      </c>
    </row>
    <row r="36" spans="1:34" ht="19.5" customHeight="1" x14ac:dyDescent="0.2">
      <c r="A36" s="49" t="s">
        <v>35</v>
      </c>
      <c r="B36" s="220">
        <v>65</v>
      </c>
      <c r="C36" s="221">
        <v>106</v>
      </c>
      <c r="D36" s="222">
        <v>171</v>
      </c>
      <c r="E36" s="213">
        <v>0</v>
      </c>
      <c r="F36" s="221">
        <v>346</v>
      </c>
      <c r="G36" s="221">
        <v>237</v>
      </c>
      <c r="H36" s="221">
        <v>142</v>
      </c>
      <c r="I36" s="221">
        <v>114</v>
      </c>
      <c r="J36" s="221">
        <v>46</v>
      </c>
      <c r="K36" s="222">
        <v>885</v>
      </c>
      <c r="L36" s="223">
        <v>1056</v>
      </c>
      <c r="M36" s="224">
        <v>0</v>
      </c>
      <c r="N36" s="221">
        <v>2</v>
      </c>
      <c r="O36" s="222">
        <v>2</v>
      </c>
      <c r="P36" s="213">
        <v>0</v>
      </c>
      <c r="Q36" s="221">
        <v>3</v>
      </c>
      <c r="R36" s="221">
        <v>7</v>
      </c>
      <c r="S36" s="221">
        <v>2</v>
      </c>
      <c r="T36" s="221">
        <v>0</v>
      </c>
      <c r="U36" s="221">
        <v>1</v>
      </c>
      <c r="V36" s="222">
        <v>13</v>
      </c>
      <c r="W36" s="223">
        <v>15</v>
      </c>
      <c r="X36" s="220">
        <v>65</v>
      </c>
      <c r="Y36" s="221">
        <v>108</v>
      </c>
      <c r="Z36" s="222">
        <v>173</v>
      </c>
      <c r="AA36" s="213">
        <v>0</v>
      </c>
      <c r="AB36" s="221">
        <v>349</v>
      </c>
      <c r="AC36" s="221">
        <v>244</v>
      </c>
      <c r="AD36" s="221">
        <v>144</v>
      </c>
      <c r="AE36" s="221">
        <v>114</v>
      </c>
      <c r="AF36" s="221">
        <v>47</v>
      </c>
      <c r="AG36" s="222">
        <v>898</v>
      </c>
      <c r="AH36" s="223">
        <v>1071</v>
      </c>
    </row>
    <row r="37" spans="1:34" ht="19.5" customHeight="1" x14ac:dyDescent="0.2">
      <c r="A37" s="49" t="s">
        <v>36</v>
      </c>
      <c r="B37" s="220">
        <v>53</v>
      </c>
      <c r="C37" s="221">
        <v>117</v>
      </c>
      <c r="D37" s="222">
        <v>170</v>
      </c>
      <c r="E37" s="213">
        <v>0</v>
      </c>
      <c r="F37" s="221">
        <v>287</v>
      </c>
      <c r="G37" s="221">
        <v>252</v>
      </c>
      <c r="H37" s="221">
        <v>166</v>
      </c>
      <c r="I37" s="221">
        <v>107</v>
      </c>
      <c r="J37" s="221">
        <v>61</v>
      </c>
      <c r="K37" s="222">
        <v>873</v>
      </c>
      <c r="L37" s="223">
        <v>1043</v>
      </c>
      <c r="M37" s="224">
        <v>1</v>
      </c>
      <c r="N37" s="221">
        <v>3</v>
      </c>
      <c r="O37" s="222">
        <v>4</v>
      </c>
      <c r="P37" s="213">
        <v>0</v>
      </c>
      <c r="Q37" s="221">
        <v>4</v>
      </c>
      <c r="R37" s="221">
        <v>8</v>
      </c>
      <c r="S37" s="221">
        <v>6</v>
      </c>
      <c r="T37" s="221">
        <v>1</v>
      </c>
      <c r="U37" s="221">
        <v>1</v>
      </c>
      <c r="V37" s="222">
        <v>20</v>
      </c>
      <c r="W37" s="223">
        <v>24</v>
      </c>
      <c r="X37" s="220">
        <v>54</v>
      </c>
      <c r="Y37" s="221">
        <v>120</v>
      </c>
      <c r="Z37" s="222">
        <v>174</v>
      </c>
      <c r="AA37" s="213">
        <v>0</v>
      </c>
      <c r="AB37" s="221">
        <v>291</v>
      </c>
      <c r="AC37" s="221">
        <v>260</v>
      </c>
      <c r="AD37" s="221">
        <v>172</v>
      </c>
      <c r="AE37" s="221">
        <v>108</v>
      </c>
      <c r="AF37" s="221">
        <v>62</v>
      </c>
      <c r="AG37" s="222">
        <v>893</v>
      </c>
      <c r="AH37" s="223">
        <v>1067</v>
      </c>
    </row>
    <row r="38" spans="1:34" ht="19.5" customHeight="1" thickBot="1" x14ac:dyDescent="0.25">
      <c r="A38" s="50" t="s">
        <v>37</v>
      </c>
      <c r="B38" s="225">
        <v>10</v>
      </c>
      <c r="C38" s="226">
        <v>6</v>
      </c>
      <c r="D38" s="227">
        <v>16</v>
      </c>
      <c r="E38" s="214">
        <v>0</v>
      </c>
      <c r="F38" s="226">
        <v>39</v>
      </c>
      <c r="G38" s="226">
        <v>18</v>
      </c>
      <c r="H38" s="226">
        <v>21</v>
      </c>
      <c r="I38" s="226">
        <v>8</v>
      </c>
      <c r="J38" s="226">
        <v>4</v>
      </c>
      <c r="K38" s="227">
        <v>90</v>
      </c>
      <c r="L38" s="228">
        <v>106</v>
      </c>
      <c r="M38" s="229">
        <v>0</v>
      </c>
      <c r="N38" s="226">
        <v>0</v>
      </c>
      <c r="O38" s="227">
        <v>0</v>
      </c>
      <c r="P38" s="214">
        <v>0</v>
      </c>
      <c r="Q38" s="226">
        <v>0</v>
      </c>
      <c r="R38" s="226">
        <v>1</v>
      </c>
      <c r="S38" s="226">
        <v>2</v>
      </c>
      <c r="T38" s="226">
        <v>2</v>
      </c>
      <c r="U38" s="226">
        <v>0</v>
      </c>
      <c r="V38" s="227">
        <v>5</v>
      </c>
      <c r="W38" s="228">
        <v>5</v>
      </c>
      <c r="X38" s="225">
        <v>10</v>
      </c>
      <c r="Y38" s="226">
        <v>6</v>
      </c>
      <c r="Z38" s="227">
        <v>16</v>
      </c>
      <c r="AA38" s="214">
        <v>0</v>
      </c>
      <c r="AB38" s="226">
        <v>39</v>
      </c>
      <c r="AC38" s="226">
        <v>19</v>
      </c>
      <c r="AD38" s="226">
        <v>23</v>
      </c>
      <c r="AE38" s="226">
        <v>10</v>
      </c>
      <c r="AF38" s="226">
        <v>4</v>
      </c>
      <c r="AG38" s="227">
        <v>95</v>
      </c>
      <c r="AH38" s="228">
        <v>111</v>
      </c>
    </row>
    <row r="39" spans="1:34" x14ac:dyDescent="0.2">
      <c r="Z39" s="21"/>
      <c r="AA39" s="21"/>
      <c r="AB39" s="21"/>
      <c r="AC39" s="21"/>
      <c r="AD39" s="21"/>
      <c r="AE39" s="21"/>
      <c r="AF39" s="21"/>
      <c r="AG39" s="21"/>
      <c r="AH39" s="21"/>
    </row>
  </sheetData>
  <mergeCells count="5">
    <mergeCell ref="B3:L3"/>
    <mergeCell ref="M3:W3"/>
    <mergeCell ref="X3:AH3"/>
    <mergeCell ref="F1:G1"/>
    <mergeCell ref="I1:J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10.21875" style="256" customWidth="1"/>
    <col min="7" max="7" width="10.44140625" style="256" customWidth="1"/>
    <col min="8" max="15" width="9" style="256"/>
    <col min="16" max="16" width="7.21875" style="256" customWidth="1"/>
    <col min="17" max="26" width="9" style="256"/>
    <col min="27" max="27" width="7.6640625" style="256" customWidth="1"/>
    <col min="28" max="37" width="9" style="256"/>
    <col min="38" max="38" width="7.6640625" style="256" customWidth="1"/>
    <col min="39" max="48" width="9" style="256"/>
    <col min="49" max="49" width="7.21875" style="256" customWidth="1"/>
    <col min="50" max="59" width="9" style="256"/>
    <col min="60" max="60" width="7.21875" style="256" customWidth="1"/>
    <col min="61" max="70" width="9" style="256"/>
    <col min="71" max="71" width="7.33203125" style="256" customWidth="1"/>
    <col min="72" max="81" width="9" style="256"/>
    <col min="82" max="82" width="7.44140625" style="256" customWidth="1"/>
    <col min="83" max="92" width="9" style="256"/>
    <col min="93" max="93" width="7.6640625" style="256" customWidth="1"/>
    <col min="94" max="103" width="9" style="256"/>
    <col min="104" max="104" width="7.44140625" style="256" customWidth="1"/>
    <col min="105" max="114" width="9" style="256"/>
    <col min="115" max="115" width="7.44140625" style="256" customWidth="1"/>
    <col min="116" max="125" width="9" style="256"/>
    <col min="126" max="126" width="7.44140625" style="256" customWidth="1"/>
    <col min="127" max="136" width="9" style="256"/>
    <col min="137" max="137" width="7.33203125" style="256" customWidth="1"/>
    <col min="138" max="147" width="9" style="256"/>
    <col min="148" max="148" width="7.77734375" style="256" customWidth="1"/>
    <col min="149" max="16384" width="9" style="256"/>
  </cols>
  <sheetData>
    <row r="1" spans="1:155" ht="24" customHeight="1" x14ac:dyDescent="0.2">
      <c r="A1" s="291" t="s">
        <v>122</v>
      </c>
      <c r="H1" s="528">
        <f>第１表!F2</f>
        <v>4</v>
      </c>
      <c r="I1" s="528"/>
      <c r="J1" s="248">
        <f>第１表!G2</f>
        <v>5</v>
      </c>
      <c r="K1" s="529">
        <f>IF(J1&lt;3,J1+12-2,J1-2)</f>
        <v>3</v>
      </c>
      <c r="L1" s="529"/>
    </row>
    <row r="2" spans="1:155" ht="21" customHeight="1" thickBot="1" x14ac:dyDescent="0.25">
      <c r="A2" s="291" t="s">
        <v>138</v>
      </c>
      <c r="F2" s="247"/>
      <c r="G2" s="248"/>
      <c r="I2" s="255"/>
      <c r="J2" s="255"/>
    </row>
    <row r="3" spans="1:155" ht="23.25" customHeight="1" thickBot="1" x14ac:dyDescent="0.25">
      <c r="A3" s="537"/>
      <c r="B3" s="540" t="s">
        <v>70</v>
      </c>
      <c r="C3" s="541"/>
      <c r="D3" s="541"/>
      <c r="E3" s="541"/>
      <c r="F3" s="541"/>
      <c r="G3" s="541"/>
      <c r="H3" s="541"/>
      <c r="I3" s="541"/>
      <c r="J3" s="541"/>
      <c r="K3" s="541"/>
      <c r="L3" s="542"/>
      <c r="M3" s="540" t="s">
        <v>71</v>
      </c>
      <c r="N3" s="541"/>
      <c r="O3" s="541"/>
      <c r="P3" s="541"/>
      <c r="Q3" s="541"/>
      <c r="R3" s="541"/>
      <c r="S3" s="541"/>
      <c r="T3" s="541"/>
      <c r="U3" s="541"/>
      <c r="V3" s="541"/>
      <c r="W3" s="542"/>
      <c r="X3" s="540" t="s">
        <v>72</v>
      </c>
      <c r="Y3" s="541"/>
      <c r="Z3" s="541"/>
      <c r="AA3" s="541"/>
      <c r="AB3" s="541"/>
      <c r="AC3" s="541"/>
      <c r="AD3" s="541"/>
      <c r="AE3" s="541"/>
      <c r="AF3" s="541"/>
      <c r="AG3" s="541"/>
      <c r="AH3" s="542"/>
      <c r="AI3" s="540" t="s">
        <v>73</v>
      </c>
      <c r="AJ3" s="541"/>
      <c r="AK3" s="541"/>
      <c r="AL3" s="541"/>
      <c r="AM3" s="541"/>
      <c r="AN3" s="541"/>
      <c r="AO3" s="541"/>
      <c r="AP3" s="541"/>
      <c r="AQ3" s="541"/>
      <c r="AR3" s="541"/>
      <c r="AS3" s="542"/>
      <c r="AT3" s="540" t="s">
        <v>74</v>
      </c>
      <c r="AU3" s="541"/>
      <c r="AV3" s="541"/>
      <c r="AW3" s="541"/>
      <c r="AX3" s="541"/>
      <c r="AY3" s="541"/>
      <c r="AZ3" s="541"/>
      <c r="BA3" s="541"/>
      <c r="BB3" s="541"/>
      <c r="BC3" s="541"/>
      <c r="BD3" s="542"/>
      <c r="BE3" s="540" t="s">
        <v>75</v>
      </c>
      <c r="BF3" s="541"/>
      <c r="BG3" s="541"/>
      <c r="BH3" s="541"/>
      <c r="BI3" s="541"/>
      <c r="BJ3" s="541"/>
      <c r="BK3" s="541"/>
      <c r="BL3" s="541"/>
      <c r="BM3" s="541"/>
      <c r="BN3" s="541"/>
      <c r="BO3" s="542"/>
      <c r="BP3" s="540" t="s">
        <v>76</v>
      </c>
      <c r="BQ3" s="541"/>
      <c r="BR3" s="541"/>
      <c r="BS3" s="541"/>
      <c r="BT3" s="541"/>
      <c r="BU3" s="541"/>
      <c r="BV3" s="541"/>
      <c r="BW3" s="541"/>
      <c r="BX3" s="541"/>
      <c r="BY3" s="541"/>
      <c r="BZ3" s="542"/>
      <c r="CA3" s="540" t="s">
        <v>77</v>
      </c>
      <c r="CB3" s="541"/>
      <c r="CC3" s="541"/>
      <c r="CD3" s="541"/>
      <c r="CE3" s="541"/>
      <c r="CF3" s="541"/>
      <c r="CG3" s="541"/>
      <c r="CH3" s="541"/>
      <c r="CI3" s="541"/>
      <c r="CJ3" s="541"/>
      <c r="CK3" s="542"/>
      <c r="CL3" s="540" t="s">
        <v>78</v>
      </c>
      <c r="CM3" s="541"/>
      <c r="CN3" s="541"/>
      <c r="CO3" s="541"/>
      <c r="CP3" s="541"/>
      <c r="CQ3" s="541"/>
      <c r="CR3" s="541"/>
      <c r="CS3" s="541"/>
      <c r="CT3" s="541"/>
      <c r="CU3" s="541"/>
      <c r="CV3" s="542"/>
      <c r="CW3" s="540" t="s">
        <v>79</v>
      </c>
      <c r="CX3" s="541"/>
      <c r="CY3" s="541"/>
      <c r="CZ3" s="541"/>
      <c r="DA3" s="541"/>
      <c r="DB3" s="541"/>
      <c r="DC3" s="541"/>
      <c r="DD3" s="541"/>
      <c r="DE3" s="541"/>
      <c r="DF3" s="541"/>
      <c r="DG3" s="542"/>
      <c r="DH3" s="540" t="s">
        <v>152</v>
      </c>
      <c r="DI3" s="541"/>
      <c r="DJ3" s="541"/>
      <c r="DK3" s="541"/>
      <c r="DL3" s="541"/>
      <c r="DM3" s="541"/>
      <c r="DN3" s="541"/>
      <c r="DO3" s="541"/>
      <c r="DP3" s="541"/>
      <c r="DQ3" s="541"/>
      <c r="DR3" s="542"/>
      <c r="DS3" s="540" t="s">
        <v>80</v>
      </c>
      <c r="DT3" s="541"/>
      <c r="DU3" s="541"/>
      <c r="DV3" s="541"/>
      <c r="DW3" s="541"/>
      <c r="DX3" s="541"/>
      <c r="DY3" s="541"/>
      <c r="DZ3" s="541"/>
      <c r="EA3" s="541"/>
      <c r="EB3" s="541"/>
      <c r="EC3" s="542"/>
      <c r="ED3" s="540" t="s">
        <v>68</v>
      </c>
      <c r="EE3" s="541"/>
      <c r="EF3" s="541"/>
      <c r="EG3" s="541"/>
      <c r="EH3" s="541"/>
      <c r="EI3" s="541"/>
      <c r="EJ3" s="541"/>
      <c r="EK3" s="541"/>
      <c r="EL3" s="541"/>
      <c r="EM3" s="541"/>
      <c r="EN3" s="542"/>
      <c r="EO3" s="543" t="s">
        <v>69</v>
      </c>
      <c r="EP3" s="544"/>
      <c r="EQ3" s="544"/>
      <c r="ER3" s="544"/>
      <c r="ES3" s="544"/>
      <c r="ET3" s="544"/>
      <c r="EU3" s="544"/>
      <c r="EV3" s="544"/>
      <c r="EW3" s="544"/>
      <c r="EX3" s="544"/>
      <c r="EY3" s="545"/>
    </row>
    <row r="4" spans="1:155"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4"/>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c r="DH4" s="532" t="s">
        <v>61</v>
      </c>
      <c r="DI4" s="533"/>
      <c r="DJ4" s="534"/>
      <c r="DK4" s="535" t="s">
        <v>62</v>
      </c>
      <c r="DL4" s="533"/>
      <c r="DM4" s="533"/>
      <c r="DN4" s="533"/>
      <c r="DO4" s="533"/>
      <c r="DP4" s="533"/>
      <c r="DQ4" s="534"/>
      <c r="DR4" s="530" t="s">
        <v>52</v>
      </c>
      <c r="DS4" s="532" t="s">
        <v>61</v>
      </c>
      <c r="DT4" s="533"/>
      <c r="DU4" s="534"/>
      <c r="DV4" s="535" t="s">
        <v>62</v>
      </c>
      <c r="DW4" s="533"/>
      <c r="DX4" s="533"/>
      <c r="DY4" s="533"/>
      <c r="DZ4" s="533"/>
      <c r="EA4" s="533"/>
      <c r="EB4" s="534"/>
      <c r="EC4" s="530" t="s">
        <v>52</v>
      </c>
      <c r="ED4" s="532" t="s">
        <v>61</v>
      </c>
      <c r="EE4" s="533"/>
      <c r="EF4" s="534"/>
      <c r="EG4" s="535" t="s">
        <v>62</v>
      </c>
      <c r="EH4" s="533"/>
      <c r="EI4" s="533"/>
      <c r="EJ4" s="533"/>
      <c r="EK4" s="533"/>
      <c r="EL4" s="533"/>
      <c r="EM4" s="534"/>
      <c r="EN4" s="530" t="s">
        <v>52</v>
      </c>
      <c r="EO4" s="532" t="s">
        <v>61</v>
      </c>
      <c r="EP4" s="533"/>
      <c r="EQ4" s="534"/>
      <c r="ER4" s="535" t="s">
        <v>62</v>
      </c>
      <c r="ES4" s="533"/>
      <c r="ET4" s="533"/>
      <c r="EU4" s="533"/>
      <c r="EV4" s="533"/>
      <c r="EW4" s="533"/>
      <c r="EX4" s="534"/>
      <c r="EY4" s="530" t="s">
        <v>52</v>
      </c>
    </row>
    <row r="5" spans="1:155" ht="34.5" customHeight="1" thickBot="1" x14ac:dyDescent="0.25">
      <c r="A5" s="539"/>
      <c r="B5" s="264" t="s">
        <v>43</v>
      </c>
      <c r="C5" s="260" t="s">
        <v>44</v>
      </c>
      <c r="D5" s="383" t="s">
        <v>45</v>
      </c>
      <c r="E5" s="268" t="s">
        <v>83</v>
      </c>
      <c r="F5" s="260" t="s">
        <v>47</v>
      </c>
      <c r="G5" s="260" t="s">
        <v>48</v>
      </c>
      <c r="H5" s="260" t="s">
        <v>49</v>
      </c>
      <c r="I5" s="260" t="s">
        <v>50</v>
      </c>
      <c r="J5" s="260" t="s">
        <v>51</v>
      </c>
      <c r="K5" s="269" t="s">
        <v>45</v>
      </c>
      <c r="L5" s="531"/>
      <c r="M5" s="264" t="s">
        <v>43</v>
      </c>
      <c r="N5" s="260" t="s">
        <v>44</v>
      </c>
      <c r="O5" s="266" t="s">
        <v>45</v>
      </c>
      <c r="P5" s="268" t="s">
        <v>83</v>
      </c>
      <c r="Q5" s="260" t="s">
        <v>47</v>
      </c>
      <c r="R5" s="260" t="s">
        <v>48</v>
      </c>
      <c r="S5" s="260" t="s">
        <v>49</v>
      </c>
      <c r="T5" s="260" t="s">
        <v>50</v>
      </c>
      <c r="U5" s="260" t="s">
        <v>51</v>
      </c>
      <c r="V5" s="266" t="s">
        <v>45</v>
      </c>
      <c r="W5" s="531"/>
      <c r="X5" s="264" t="s">
        <v>43</v>
      </c>
      <c r="Y5" s="260" t="s">
        <v>44</v>
      </c>
      <c r="Z5" s="266" t="s">
        <v>45</v>
      </c>
      <c r="AA5" s="268" t="s">
        <v>83</v>
      </c>
      <c r="AB5" s="260" t="s">
        <v>47</v>
      </c>
      <c r="AC5" s="260" t="s">
        <v>48</v>
      </c>
      <c r="AD5" s="260" t="s">
        <v>49</v>
      </c>
      <c r="AE5" s="260" t="s">
        <v>50</v>
      </c>
      <c r="AF5" s="260" t="s">
        <v>51</v>
      </c>
      <c r="AG5" s="266" t="s">
        <v>45</v>
      </c>
      <c r="AH5" s="531"/>
      <c r="AI5" s="264" t="s">
        <v>43</v>
      </c>
      <c r="AJ5" s="260" t="s">
        <v>44</v>
      </c>
      <c r="AK5" s="266" t="s">
        <v>45</v>
      </c>
      <c r="AL5" s="268" t="s">
        <v>83</v>
      </c>
      <c r="AM5" s="260" t="s">
        <v>47</v>
      </c>
      <c r="AN5" s="260" t="s">
        <v>48</v>
      </c>
      <c r="AO5" s="260" t="s">
        <v>49</v>
      </c>
      <c r="AP5" s="260" t="s">
        <v>50</v>
      </c>
      <c r="AQ5" s="260" t="s">
        <v>51</v>
      </c>
      <c r="AR5" s="266" t="s">
        <v>45</v>
      </c>
      <c r="AS5" s="531"/>
      <c r="AT5" s="264" t="s">
        <v>43</v>
      </c>
      <c r="AU5" s="260" t="s">
        <v>44</v>
      </c>
      <c r="AV5" s="266" t="s">
        <v>45</v>
      </c>
      <c r="AW5" s="268" t="s">
        <v>83</v>
      </c>
      <c r="AX5" s="260" t="s">
        <v>47</v>
      </c>
      <c r="AY5" s="260" t="s">
        <v>48</v>
      </c>
      <c r="AZ5" s="260" t="s">
        <v>49</v>
      </c>
      <c r="BA5" s="260" t="s">
        <v>50</v>
      </c>
      <c r="BB5" s="260" t="s">
        <v>51</v>
      </c>
      <c r="BC5" s="269" t="s">
        <v>45</v>
      </c>
      <c r="BD5" s="531"/>
      <c r="BE5" s="264" t="s">
        <v>43</v>
      </c>
      <c r="BF5" s="260" t="s">
        <v>44</v>
      </c>
      <c r="BG5" s="266" t="s">
        <v>45</v>
      </c>
      <c r="BH5" s="268" t="s">
        <v>83</v>
      </c>
      <c r="BI5" s="260" t="s">
        <v>47</v>
      </c>
      <c r="BJ5" s="260" t="s">
        <v>48</v>
      </c>
      <c r="BK5" s="260" t="s">
        <v>49</v>
      </c>
      <c r="BL5" s="260" t="s">
        <v>50</v>
      </c>
      <c r="BM5" s="260" t="s">
        <v>51</v>
      </c>
      <c r="BN5" s="266" t="s">
        <v>45</v>
      </c>
      <c r="BO5" s="531"/>
      <c r="BP5" s="264" t="s">
        <v>43</v>
      </c>
      <c r="BQ5" s="260" t="s">
        <v>44</v>
      </c>
      <c r="BR5" s="266" t="s">
        <v>45</v>
      </c>
      <c r="BS5" s="268" t="s">
        <v>83</v>
      </c>
      <c r="BT5" s="260" t="s">
        <v>47</v>
      </c>
      <c r="BU5" s="260" t="s">
        <v>48</v>
      </c>
      <c r="BV5" s="260" t="s">
        <v>49</v>
      </c>
      <c r="BW5" s="260" t="s">
        <v>50</v>
      </c>
      <c r="BX5" s="260" t="s">
        <v>51</v>
      </c>
      <c r="BY5" s="266" t="s">
        <v>45</v>
      </c>
      <c r="BZ5" s="531"/>
      <c r="CA5" s="264" t="s">
        <v>43</v>
      </c>
      <c r="CB5" s="260" t="s">
        <v>44</v>
      </c>
      <c r="CC5" s="266" t="s">
        <v>45</v>
      </c>
      <c r="CD5" s="268" t="s">
        <v>83</v>
      </c>
      <c r="CE5" s="260" t="s">
        <v>47</v>
      </c>
      <c r="CF5" s="260" t="s">
        <v>48</v>
      </c>
      <c r="CG5" s="260" t="s">
        <v>49</v>
      </c>
      <c r="CH5" s="260" t="s">
        <v>50</v>
      </c>
      <c r="CI5" s="260" t="s">
        <v>51</v>
      </c>
      <c r="CJ5" s="266" t="s">
        <v>45</v>
      </c>
      <c r="CK5" s="531"/>
      <c r="CL5" s="264" t="s">
        <v>43</v>
      </c>
      <c r="CM5" s="260" t="s">
        <v>44</v>
      </c>
      <c r="CN5" s="266" t="s">
        <v>45</v>
      </c>
      <c r="CO5" s="268" t="s">
        <v>83</v>
      </c>
      <c r="CP5" s="260" t="s">
        <v>47</v>
      </c>
      <c r="CQ5" s="260" t="s">
        <v>48</v>
      </c>
      <c r="CR5" s="260" t="s">
        <v>49</v>
      </c>
      <c r="CS5" s="260" t="s">
        <v>50</v>
      </c>
      <c r="CT5" s="260" t="s">
        <v>51</v>
      </c>
      <c r="CU5" s="266" t="s">
        <v>45</v>
      </c>
      <c r="CV5" s="531"/>
      <c r="CW5" s="264" t="s">
        <v>43</v>
      </c>
      <c r="CX5" s="260" t="s">
        <v>44</v>
      </c>
      <c r="CY5" s="266" t="s">
        <v>45</v>
      </c>
      <c r="CZ5" s="268" t="s">
        <v>83</v>
      </c>
      <c r="DA5" s="260" t="s">
        <v>47</v>
      </c>
      <c r="DB5" s="260" t="s">
        <v>48</v>
      </c>
      <c r="DC5" s="260" t="s">
        <v>49</v>
      </c>
      <c r="DD5" s="260" t="s">
        <v>50</v>
      </c>
      <c r="DE5" s="260" t="s">
        <v>51</v>
      </c>
      <c r="DF5" s="266" t="s">
        <v>45</v>
      </c>
      <c r="DG5" s="531"/>
      <c r="DH5" s="345" t="s">
        <v>43</v>
      </c>
      <c r="DI5" s="260" t="s">
        <v>44</v>
      </c>
      <c r="DJ5" s="266" t="s">
        <v>45</v>
      </c>
      <c r="DK5" s="268" t="s">
        <v>83</v>
      </c>
      <c r="DL5" s="260" t="s">
        <v>47</v>
      </c>
      <c r="DM5" s="260" t="s">
        <v>48</v>
      </c>
      <c r="DN5" s="260" t="s">
        <v>49</v>
      </c>
      <c r="DO5" s="260" t="s">
        <v>50</v>
      </c>
      <c r="DP5" s="260" t="s">
        <v>51</v>
      </c>
      <c r="DQ5" s="266" t="s">
        <v>45</v>
      </c>
      <c r="DR5" s="531"/>
      <c r="DS5" s="264" t="s">
        <v>43</v>
      </c>
      <c r="DT5" s="260" t="s">
        <v>44</v>
      </c>
      <c r="DU5" s="266" t="s">
        <v>45</v>
      </c>
      <c r="DV5" s="268" t="s">
        <v>83</v>
      </c>
      <c r="DW5" s="260" t="s">
        <v>47</v>
      </c>
      <c r="DX5" s="260" t="s">
        <v>48</v>
      </c>
      <c r="DY5" s="260" t="s">
        <v>49</v>
      </c>
      <c r="DZ5" s="260" t="s">
        <v>50</v>
      </c>
      <c r="EA5" s="260" t="s">
        <v>51</v>
      </c>
      <c r="EB5" s="266" t="s">
        <v>45</v>
      </c>
      <c r="EC5" s="531"/>
      <c r="ED5" s="264" t="s">
        <v>43</v>
      </c>
      <c r="EE5" s="260" t="s">
        <v>44</v>
      </c>
      <c r="EF5" s="266" t="s">
        <v>45</v>
      </c>
      <c r="EG5" s="268" t="s">
        <v>83</v>
      </c>
      <c r="EH5" s="260" t="s">
        <v>47</v>
      </c>
      <c r="EI5" s="260" t="s">
        <v>48</v>
      </c>
      <c r="EJ5" s="260" t="s">
        <v>49</v>
      </c>
      <c r="EK5" s="260" t="s">
        <v>50</v>
      </c>
      <c r="EL5" s="260" t="s">
        <v>51</v>
      </c>
      <c r="EM5" s="266" t="s">
        <v>45</v>
      </c>
      <c r="EN5" s="531"/>
      <c r="EO5" s="264" t="s">
        <v>43</v>
      </c>
      <c r="EP5" s="260" t="s">
        <v>44</v>
      </c>
      <c r="EQ5" s="266" t="s">
        <v>45</v>
      </c>
      <c r="ER5" s="268" t="s">
        <v>83</v>
      </c>
      <c r="ES5" s="260" t="s">
        <v>47</v>
      </c>
      <c r="ET5" s="260" t="s">
        <v>48</v>
      </c>
      <c r="EU5" s="260" t="s">
        <v>49</v>
      </c>
      <c r="EV5" s="260" t="s">
        <v>50</v>
      </c>
      <c r="EW5" s="260" t="s">
        <v>51</v>
      </c>
      <c r="EX5" s="266" t="s">
        <v>45</v>
      </c>
      <c r="EY5" s="531"/>
    </row>
    <row r="6" spans="1:155" ht="19.5" customHeight="1" x14ac:dyDescent="0.2">
      <c r="A6" s="261" t="s">
        <v>4</v>
      </c>
      <c r="B6" s="270">
        <v>0</v>
      </c>
      <c r="C6" s="274">
        <v>0</v>
      </c>
      <c r="D6" s="384">
        <v>0</v>
      </c>
      <c r="E6" s="273">
        <v>0</v>
      </c>
      <c r="F6" s="274">
        <v>19066</v>
      </c>
      <c r="G6" s="274">
        <v>22020</v>
      </c>
      <c r="H6" s="274">
        <v>12053</v>
      </c>
      <c r="I6" s="274">
        <v>9713</v>
      </c>
      <c r="J6" s="274">
        <v>7219</v>
      </c>
      <c r="K6" s="275">
        <v>70071</v>
      </c>
      <c r="L6" s="276">
        <v>70071</v>
      </c>
      <c r="M6" s="270">
        <v>2</v>
      </c>
      <c r="N6" s="274">
        <v>29</v>
      </c>
      <c r="O6" s="271">
        <v>31</v>
      </c>
      <c r="P6" s="273">
        <v>0</v>
      </c>
      <c r="Q6" s="274">
        <v>118</v>
      </c>
      <c r="R6" s="274">
        <v>508</v>
      </c>
      <c r="S6" s="274">
        <v>804</v>
      </c>
      <c r="T6" s="274">
        <v>1909</v>
      </c>
      <c r="U6" s="274">
        <v>3438</v>
      </c>
      <c r="V6" s="271">
        <v>6777</v>
      </c>
      <c r="W6" s="276">
        <v>6808</v>
      </c>
      <c r="X6" s="270">
        <v>2166</v>
      </c>
      <c r="Y6" s="274">
        <v>5155</v>
      </c>
      <c r="Z6" s="271">
        <v>7321</v>
      </c>
      <c r="AA6" s="273">
        <v>0</v>
      </c>
      <c r="AB6" s="274">
        <v>10765</v>
      </c>
      <c r="AC6" s="274">
        <v>14965</v>
      </c>
      <c r="AD6" s="274">
        <v>9040</v>
      </c>
      <c r="AE6" s="274">
        <v>8139</v>
      </c>
      <c r="AF6" s="274">
        <v>6362</v>
      </c>
      <c r="AG6" s="271">
        <v>49271</v>
      </c>
      <c r="AH6" s="276">
        <v>56592</v>
      </c>
      <c r="AI6" s="270">
        <v>241</v>
      </c>
      <c r="AJ6" s="274">
        <v>721</v>
      </c>
      <c r="AK6" s="271">
        <v>962</v>
      </c>
      <c r="AL6" s="273">
        <v>0</v>
      </c>
      <c r="AM6" s="274">
        <v>978</v>
      </c>
      <c r="AN6" s="274">
        <v>1576</v>
      </c>
      <c r="AO6" s="274">
        <v>1007</v>
      </c>
      <c r="AP6" s="274">
        <v>912</v>
      </c>
      <c r="AQ6" s="274">
        <v>595</v>
      </c>
      <c r="AR6" s="271">
        <v>5068</v>
      </c>
      <c r="AS6" s="276">
        <v>6030</v>
      </c>
      <c r="AT6" s="270">
        <v>2766</v>
      </c>
      <c r="AU6" s="274">
        <v>3629</v>
      </c>
      <c r="AV6" s="271">
        <v>6395</v>
      </c>
      <c r="AW6" s="273">
        <v>0</v>
      </c>
      <c r="AX6" s="274">
        <v>17334</v>
      </c>
      <c r="AY6" s="274">
        <v>21011</v>
      </c>
      <c r="AZ6" s="274">
        <v>18148</v>
      </c>
      <c r="BA6" s="274">
        <v>17688</v>
      </c>
      <c r="BB6" s="274">
        <v>13569</v>
      </c>
      <c r="BC6" s="275">
        <v>87750</v>
      </c>
      <c r="BD6" s="276">
        <v>94145</v>
      </c>
      <c r="BE6" s="270">
        <v>0</v>
      </c>
      <c r="BF6" s="274">
        <v>0</v>
      </c>
      <c r="BG6" s="271">
        <v>0</v>
      </c>
      <c r="BH6" s="273">
        <v>0</v>
      </c>
      <c r="BI6" s="274">
        <v>20534</v>
      </c>
      <c r="BJ6" s="274">
        <v>19145</v>
      </c>
      <c r="BK6" s="274">
        <v>10365</v>
      </c>
      <c r="BL6" s="274">
        <v>6209</v>
      </c>
      <c r="BM6" s="274">
        <v>2957</v>
      </c>
      <c r="BN6" s="271">
        <v>59210</v>
      </c>
      <c r="BO6" s="276">
        <v>59210</v>
      </c>
      <c r="BP6" s="270">
        <v>1426</v>
      </c>
      <c r="BQ6" s="274">
        <v>2390</v>
      </c>
      <c r="BR6" s="271">
        <v>3816</v>
      </c>
      <c r="BS6" s="273">
        <v>0</v>
      </c>
      <c r="BT6" s="274">
        <v>4071</v>
      </c>
      <c r="BU6" s="274">
        <v>5993</v>
      </c>
      <c r="BV6" s="274">
        <v>3445</v>
      </c>
      <c r="BW6" s="274">
        <v>2286</v>
      </c>
      <c r="BX6" s="274">
        <v>820</v>
      </c>
      <c r="BY6" s="271">
        <v>16615</v>
      </c>
      <c r="BZ6" s="276">
        <v>20431</v>
      </c>
      <c r="CA6" s="270">
        <v>59</v>
      </c>
      <c r="CB6" s="274">
        <v>181</v>
      </c>
      <c r="CC6" s="271">
        <v>240</v>
      </c>
      <c r="CD6" s="273">
        <v>0</v>
      </c>
      <c r="CE6" s="274">
        <v>1874</v>
      </c>
      <c r="CF6" s="274">
        <v>3118</v>
      </c>
      <c r="CG6" s="274">
        <v>3948</v>
      </c>
      <c r="CH6" s="274">
        <v>3057</v>
      </c>
      <c r="CI6" s="274">
        <v>1616</v>
      </c>
      <c r="CJ6" s="271">
        <v>13613</v>
      </c>
      <c r="CK6" s="276">
        <v>13853</v>
      </c>
      <c r="CL6" s="270">
        <v>5</v>
      </c>
      <c r="CM6" s="274">
        <v>21</v>
      </c>
      <c r="CN6" s="271">
        <v>26</v>
      </c>
      <c r="CO6" s="273">
        <v>0</v>
      </c>
      <c r="CP6" s="274">
        <v>169</v>
      </c>
      <c r="CQ6" s="274">
        <v>385</v>
      </c>
      <c r="CR6" s="274">
        <v>475</v>
      </c>
      <c r="CS6" s="274">
        <v>417</v>
      </c>
      <c r="CT6" s="274">
        <v>279</v>
      </c>
      <c r="CU6" s="271">
        <v>1725</v>
      </c>
      <c r="CV6" s="276">
        <v>1751</v>
      </c>
      <c r="CW6" s="270">
        <v>0</v>
      </c>
      <c r="CX6" s="274">
        <v>0</v>
      </c>
      <c r="CY6" s="271">
        <v>0</v>
      </c>
      <c r="CZ6" s="273">
        <v>0</v>
      </c>
      <c r="DA6" s="274">
        <v>0</v>
      </c>
      <c r="DB6" s="274">
        <v>0</v>
      </c>
      <c r="DC6" s="274">
        <v>0</v>
      </c>
      <c r="DD6" s="274">
        <v>0</v>
      </c>
      <c r="DE6" s="274">
        <v>0</v>
      </c>
      <c r="DF6" s="271">
        <v>0</v>
      </c>
      <c r="DG6" s="276">
        <v>0</v>
      </c>
      <c r="DH6" s="270">
        <v>0</v>
      </c>
      <c r="DI6" s="274">
        <v>0</v>
      </c>
      <c r="DJ6" s="271">
        <v>0</v>
      </c>
      <c r="DK6" s="273">
        <v>0</v>
      </c>
      <c r="DL6" s="274">
        <v>0</v>
      </c>
      <c r="DM6" s="274">
        <v>0</v>
      </c>
      <c r="DN6" s="274">
        <v>0</v>
      </c>
      <c r="DO6" s="274">
        <v>0</v>
      </c>
      <c r="DP6" s="274">
        <v>0</v>
      </c>
      <c r="DQ6" s="271">
        <v>0</v>
      </c>
      <c r="DR6" s="276">
        <v>0</v>
      </c>
      <c r="DS6" s="270">
        <v>10197</v>
      </c>
      <c r="DT6" s="274">
        <v>21797</v>
      </c>
      <c r="DU6" s="271">
        <v>31994</v>
      </c>
      <c r="DV6" s="273">
        <v>0</v>
      </c>
      <c r="DW6" s="274">
        <v>25823</v>
      </c>
      <c r="DX6" s="274">
        <v>43289</v>
      </c>
      <c r="DY6" s="274">
        <v>25483</v>
      </c>
      <c r="DZ6" s="274">
        <v>19958</v>
      </c>
      <c r="EA6" s="274">
        <v>12572</v>
      </c>
      <c r="EB6" s="271">
        <v>127125</v>
      </c>
      <c r="EC6" s="276">
        <v>159119</v>
      </c>
      <c r="ED6" s="270">
        <v>1708</v>
      </c>
      <c r="EE6" s="274">
        <v>1324</v>
      </c>
      <c r="EF6" s="271">
        <v>3032</v>
      </c>
      <c r="EG6" s="273">
        <v>0</v>
      </c>
      <c r="EH6" s="274">
        <v>5922</v>
      </c>
      <c r="EI6" s="274">
        <v>5359</v>
      </c>
      <c r="EJ6" s="274">
        <v>4500</v>
      </c>
      <c r="EK6" s="274">
        <v>5112</v>
      </c>
      <c r="EL6" s="274">
        <v>2981</v>
      </c>
      <c r="EM6" s="271">
        <v>23874</v>
      </c>
      <c r="EN6" s="276">
        <v>26906</v>
      </c>
      <c r="EO6" s="270">
        <v>13129</v>
      </c>
      <c r="EP6" s="274">
        <v>25937</v>
      </c>
      <c r="EQ6" s="271">
        <v>39066</v>
      </c>
      <c r="ER6" s="273">
        <v>0</v>
      </c>
      <c r="ES6" s="274">
        <v>54988</v>
      </c>
      <c r="ET6" s="274">
        <v>57831</v>
      </c>
      <c r="EU6" s="274">
        <v>30467</v>
      </c>
      <c r="EV6" s="274">
        <v>21437</v>
      </c>
      <c r="EW6" s="274">
        <v>13031</v>
      </c>
      <c r="EX6" s="271">
        <v>177754</v>
      </c>
      <c r="EY6" s="276">
        <v>216820</v>
      </c>
    </row>
    <row r="7" spans="1:155" ht="19.5" customHeight="1" x14ac:dyDescent="0.2">
      <c r="A7" s="262" t="s">
        <v>5</v>
      </c>
      <c r="B7" s="277">
        <v>0</v>
      </c>
      <c r="C7" s="281">
        <v>0</v>
      </c>
      <c r="D7" s="385">
        <v>0</v>
      </c>
      <c r="E7" s="280">
        <v>0</v>
      </c>
      <c r="F7" s="281">
        <v>6704</v>
      </c>
      <c r="G7" s="281">
        <v>11028</v>
      </c>
      <c r="H7" s="281">
        <v>5353</v>
      </c>
      <c r="I7" s="281">
        <v>4007</v>
      </c>
      <c r="J7" s="281">
        <v>3008</v>
      </c>
      <c r="K7" s="282">
        <v>30100</v>
      </c>
      <c r="L7" s="283">
        <v>30100</v>
      </c>
      <c r="M7" s="277">
        <v>1</v>
      </c>
      <c r="N7" s="281">
        <v>14</v>
      </c>
      <c r="O7" s="278">
        <v>15</v>
      </c>
      <c r="P7" s="280">
        <v>0</v>
      </c>
      <c r="Q7" s="281">
        <v>31</v>
      </c>
      <c r="R7" s="281">
        <v>195</v>
      </c>
      <c r="S7" s="281">
        <v>319</v>
      </c>
      <c r="T7" s="281">
        <v>747</v>
      </c>
      <c r="U7" s="281">
        <v>1471</v>
      </c>
      <c r="V7" s="278">
        <v>2763</v>
      </c>
      <c r="W7" s="283">
        <v>2778</v>
      </c>
      <c r="X7" s="277">
        <v>925</v>
      </c>
      <c r="Y7" s="281">
        <v>2685</v>
      </c>
      <c r="Z7" s="278">
        <v>3610</v>
      </c>
      <c r="AA7" s="280">
        <v>0</v>
      </c>
      <c r="AB7" s="281">
        <v>3926</v>
      </c>
      <c r="AC7" s="281">
        <v>7677</v>
      </c>
      <c r="AD7" s="281">
        <v>4259</v>
      </c>
      <c r="AE7" s="281">
        <v>3627</v>
      </c>
      <c r="AF7" s="281">
        <v>2765</v>
      </c>
      <c r="AG7" s="278">
        <v>22254</v>
      </c>
      <c r="AH7" s="283">
        <v>25864</v>
      </c>
      <c r="AI7" s="277">
        <v>104</v>
      </c>
      <c r="AJ7" s="281">
        <v>363</v>
      </c>
      <c r="AK7" s="278">
        <v>467</v>
      </c>
      <c r="AL7" s="280">
        <v>0</v>
      </c>
      <c r="AM7" s="281">
        <v>251</v>
      </c>
      <c r="AN7" s="281">
        <v>698</v>
      </c>
      <c r="AO7" s="281">
        <v>411</v>
      </c>
      <c r="AP7" s="281">
        <v>363</v>
      </c>
      <c r="AQ7" s="281">
        <v>231</v>
      </c>
      <c r="AR7" s="278">
        <v>1954</v>
      </c>
      <c r="AS7" s="283">
        <v>2421</v>
      </c>
      <c r="AT7" s="277">
        <v>1109</v>
      </c>
      <c r="AU7" s="281">
        <v>1666</v>
      </c>
      <c r="AV7" s="278">
        <v>2775</v>
      </c>
      <c r="AW7" s="280">
        <v>0</v>
      </c>
      <c r="AX7" s="281">
        <v>6298</v>
      </c>
      <c r="AY7" s="281">
        <v>9320</v>
      </c>
      <c r="AZ7" s="281">
        <v>7460</v>
      </c>
      <c r="BA7" s="281">
        <v>7071</v>
      </c>
      <c r="BB7" s="281">
        <v>5534</v>
      </c>
      <c r="BC7" s="282">
        <v>35683</v>
      </c>
      <c r="BD7" s="283">
        <v>38458</v>
      </c>
      <c r="BE7" s="277">
        <v>0</v>
      </c>
      <c r="BF7" s="281">
        <v>0</v>
      </c>
      <c r="BG7" s="278">
        <v>0</v>
      </c>
      <c r="BH7" s="280">
        <v>0</v>
      </c>
      <c r="BI7" s="281">
        <v>6497</v>
      </c>
      <c r="BJ7" s="281">
        <v>8095</v>
      </c>
      <c r="BK7" s="281">
        <v>3914</v>
      </c>
      <c r="BL7" s="281">
        <v>2224</v>
      </c>
      <c r="BM7" s="281">
        <v>1098</v>
      </c>
      <c r="BN7" s="278">
        <v>21828</v>
      </c>
      <c r="BO7" s="283">
        <v>21828</v>
      </c>
      <c r="BP7" s="277">
        <v>623</v>
      </c>
      <c r="BQ7" s="281">
        <v>1100</v>
      </c>
      <c r="BR7" s="278">
        <v>1723</v>
      </c>
      <c r="BS7" s="280">
        <v>0</v>
      </c>
      <c r="BT7" s="281">
        <v>1260</v>
      </c>
      <c r="BU7" s="281">
        <v>2834</v>
      </c>
      <c r="BV7" s="281">
        <v>1569</v>
      </c>
      <c r="BW7" s="281">
        <v>990</v>
      </c>
      <c r="BX7" s="281">
        <v>369</v>
      </c>
      <c r="BY7" s="278">
        <v>7022</v>
      </c>
      <c r="BZ7" s="283">
        <v>8745</v>
      </c>
      <c r="CA7" s="277">
        <v>16</v>
      </c>
      <c r="CB7" s="281">
        <v>75</v>
      </c>
      <c r="CC7" s="278">
        <v>91</v>
      </c>
      <c r="CD7" s="280">
        <v>0</v>
      </c>
      <c r="CE7" s="281">
        <v>499</v>
      </c>
      <c r="CF7" s="281">
        <v>1147</v>
      </c>
      <c r="CG7" s="281">
        <v>1408</v>
      </c>
      <c r="CH7" s="281">
        <v>1080</v>
      </c>
      <c r="CI7" s="281">
        <v>594</v>
      </c>
      <c r="CJ7" s="278">
        <v>4728</v>
      </c>
      <c r="CK7" s="283">
        <v>4819</v>
      </c>
      <c r="CL7" s="277">
        <v>1</v>
      </c>
      <c r="CM7" s="281">
        <v>19</v>
      </c>
      <c r="CN7" s="278">
        <v>20</v>
      </c>
      <c r="CO7" s="280">
        <v>0</v>
      </c>
      <c r="CP7" s="281">
        <v>80</v>
      </c>
      <c r="CQ7" s="281">
        <v>243</v>
      </c>
      <c r="CR7" s="281">
        <v>263</v>
      </c>
      <c r="CS7" s="281">
        <v>233</v>
      </c>
      <c r="CT7" s="281">
        <v>169</v>
      </c>
      <c r="CU7" s="278">
        <v>988</v>
      </c>
      <c r="CV7" s="283">
        <v>1008</v>
      </c>
      <c r="CW7" s="277">
        <v>0</v>
      </c>
      <c r="CX7" s="281">
        <v>0</v>
      </c>
      <c r="CY7" s="278">
        <v>0</v>
      </c>
      <c r="CZ7" s="280">
        <v>0</v>
      </c>
      <c r="DA7" s="281">
        <v>0</v>
      </c>
      <c r="DB7" s="281">
        <v>0</v>
      </c>
      <c r="DC7" s="281">
        <v>0</v>
      </c>
      <c r="DD7" s="281">
        <v>0</v>
      </c>
      <c r="DE7" s="281">
        <v>0</v>
      </c>
      <c r="DF7" s="278">
        <v>0</v>
      </c>
      <c r="DG7" s="283">
        <v>0</v>
      </c>
      <c r="DH7" s="277">
        <v>0</v>
      </c>
      <c r="DI7" s="281">
        <v>0</v>
      </c>
      <c r="DJ7" s="278">
        <v>0</v>
      </c>
      <c r="DK7" s="280">
        <v>0</v>
      </c>
      <c r="DL7" s="281">
        <v>0</v>
      </c>
      <c r="DM7" s="281">
        <v>0</v>
      </c>
      <c r="DN7" s="281">
        <v>0</v>
      </c>
      <c r="DO7" s="281">
        <v>0</v>
      </c>
      <c r="DP7" s="281">
        <v>0</v>
      </c>
      <c r="DQ7" s="278">
        <v>0</v>
      </c>
      <c r="DR7" s="283">
        <v>0</v>
      </c>
      <c r="DS7" s="277">
        <v>3409</v>
      </c>
      <c r="DT7" s="281">
        <v>9300</v>
      </c>
      <c r="DU7" s="278">
        <v>12709</v>
      </c>
      <c r="DV7" s="280">
        <v>0</v>
      </c>
      <c r="DW7" s="281">
        <v>7230</v>
      </c>
      <c r="DX7" s="281">
        <v>19296</v>
      </c>
      <c r="DY7" s="281">
        <v>10466</v>
      </c>
      <c r="DZ7" s="281">
        <v>7860</v>
      </c>
      <c r="EA7" s="281">
        <v>5120</v>
      </c>
      <c r="EB7" s="278">
        <v>49972</v>
      </c>
      <c r="EC7" s="283">
        <v>62681</v>
      </c>
      <c r="ED7" s="277">
        <v>708</v>
      </c>
      <c r="EE7" s="281">
        <v>517</v>
      </c>
      <c r="EF7" s="278">
        <v>1225</v>
      </c>
      <c r="EG7" s="280">
        <v>0</v>
      </c>
      <c r="EH7" s="281">
        <v>2386</v>
      </c>
      <c r="EI7" s="281">
        <v>2558</v>
      </c>
      <c r="EJ7" s="281">
        <v>1985</v>
      </c>
      <c r="EK7" s="281">
        <v>2200</v>
      </c>
      <c r="EL7" s="281">
        <v>1244</v>
      </c>
      <c r="EM7" s="278">
        <v>10373</v>
      </c>
      <c r="EN7" s="283">
        <v>11598</v>
      </c>
      <c r="EO7" s="277">
        <v>4693</v>
      </c>
      <c r="EP7" s="281">
        <v>11395</v>
      </c>
      <c r="EQ7" s="278">
        <v>16088</v>
      </c>
      <c r="ER7" s="280">
        <v>0</v>
      </c>
      <c r="ES7" s="281">
        <v>17787</v>
      </c>
      <c r="ET7" s="281">
        <v>26358</v>
      </c>
      <c r="EU7" s="281">
        <v>12641</v>
      </c>
      <c r="EV7" s="281">
        <v>8596</v>
      </c>
      <c r="EW7" s="281">
        <v>5365</v>
      </c>
      <c r="EX7" s="278">
        <v>70747</v>
      </c>
      <c r="EY7" s="283">
        <v>86835</v>
      </c>
    </row>
    <row r="8" spans="1:155" ht="19.5" customHeight="1" x14ac:dyDescent="0.2">
      <c r="A8" s="262" t="s">
        <v>6</v>
      </c>
      <c r="B8" s="277">
        <v>0</v>
      </c>
      <c r="C8" s="281">
        <v>0</v>
      </c>
      <c r="D8" s="385">
        <v>0</v>
      </c>
      <c r="E8" s="280">
        <v>0</v>
      </c>
      <c r="F8" s="281">
        <v>3384</v>
      </c>
      <c r="G8" s="281">
        <v>2899</v>
      </c>
      <c r="H8" s="281">
        <v>1795</v>
      </c>
      <c r="I8" s="281">
        <v>1574</v>
      </c>
      <c r="J8" s="281">
        <v>1165</v>
      </c>
      <c r="K8" s="282">
        <v>10817</v>
      </c>
      <c r="L8" s="283">
        <v>10817</v>
      </c>
      <c r="M8" s="277">
        <v>0</v>
      </c>
      <c r="N8" s="281">
        <v>5</v>
      </c>
      <c r="O8" s="278">
        <v>5</v>
      </c>
      <c r="P8" s="280">
        <v>0</v>
      </c>
      <c r="Q8" s="281">
        <v>18</v>
      </c>
      <c r="R8" s="281">
        <v>64</v>
      </c>
      <c r="S8" s="281">
        <v>102</v>
      </c>
      <c r="T8" s="281">
        <v>288</v>
      </c>
      <c r="U8" s="281">
        <v>526</v>
      </c>
      <c r="V8" s="278">
        <v>998</v>
      </c>
      <c r="W8" s="283">
        <v>1003</v>
      </c>
      <c r="X8" s="277">
        <v>333</v>
      </c>
      <c r="Y8" s="281">
        <v>676</v>
      </c>
      <c r="Z8" s="278">
        <v>1009</v>
      </c>
      <c r="AA8" s="280">
        <v>0</v>
      </c>
      <c r="AB8" s="281">
        <v>1953</v>
      </c>
      <c r="AC8" s="281">
        <v>1917</v>
      </c>
      <c r="AD8" s="281">
        <v>1215</v>
      </c>
      <c r="AE8" s="281">
        <v>1232</v>
      </c>
      <c r="AF8" s="281">
        <v>960</v>
      </c>
      <c r="AG8" s="278">
        <v>7277</v>
      </c>
      <c r="AH8" s="283">
        <v>8286</v>
      </c>
      <c r="AI8" s="277">
        <v>24</v>
      </c>
      <c r="AJ8" s="281">
        <v>61</v>
      </c>
      <c r="AK8" s="278">
        <v>85</v>
      </c>
      <c r="AL8" s="280">
        <v>0</v>
      </c>
      <c r="AM8" s="281">
        <v>152</v>
      </c>
      <c r="AN8" s="281">
        <v>202</v>
      </c>
      <c r="AO8" s="281">
        <v>131</v>
      </c>
      <c r="AP8" s="281">
        <v>117</v>
      </c>
      <c r="AQ8" s="281">
        <v>71</v>
      </c>
      <c r="AR8" s="278">
        <v>673</v>
      </c>
      <c r="AS8" s="283">
        <v>758</v>
      </c>
      <c r="AT8" s="277">
        <v>477</v>
      </c>
      <c r="AU8" s="281">
        <v>548</v>
      </c>
      <c r="AV8" s="278">
        <v>1025</v>
      </c>
      <c r="AW8" s="280">
        <v>0</v>
      </c>
      <c r="AX8" s="281">
        <v>3184</v>
      </c>
      <c r="AY8" s="281">
        <v>3370</v>
      </c>
      <c r="AZ8" s="281">
        <v>3031</v>
      </c>
      <c r="BA8" s="281">
        <v>3141</v>
      </c>
      <c r="BB8" s="281">
        <v>2428</v>
      </c>
      <c r="BC8" s="282">
        <v>15154</v>
      </c>
      <c r="BD8" s="283">
        <v>16179</v>
      </c>
      <c r="BE8" s="277">
        <v>0</v>
      </c>
      <c r="BF8" s="281">
        <v>0</v>
      </c>
      <c r="BG8" s="278">
        <v>0</v>
      </c>
      <c r="BH8" s="280">
        <v>0</v>
      </c>
      <c r="BI8" s="281">
        <v>3524</v>
      </c>
      <c r="BJ8" s="281">
        <v>2501</v>
      </c>
      <c r="BK8" s="281">
        <v>1461</v>
      </c>
      <c r="BL8" s="281">
        <v>992</v>
      </c>
      <c r="BM8" s="281">
        <v>474</v>
      </c>
      <c r="BN8" s="278">
        <v>8952</v>
      </c>
      <c r="BO8" s="283">
        <v>8952</v>
      </c>
      <c r="BP8" s="277">
        <v>97</v>
      </c>
      <c r="BQ8" s="281">
        <v>187</v>
      </c>
      <c r="BR8" s="278">
        <v>284</v>
      </c>
      <c r="BS8" s="280">
        <v>0</v>
      </c>
      <c r="BT8" s="281">
        <v>558</v>
      </c>
      <c r="BU8" s="281">
        <v>673</v>
      </c>
      <c r="BV8" s="281">
        <v>456</v>
      </c>
      <c r="BW8" s="281">
        <v>336</v>
      </c>
      <c r="BX8" s="281">
        <v>113</v>
      </c>
      <c r="BY8" s="278">
        <v>2136</v>
      </c>
      <c r="BZ8" s="283">
        <v>2420</v>
      </c>
      <c r="CA8" s="277">
        <v>5</v>
      </c>
      <c r="CB8" s="281">
        <v>18</v>
      </c>
      <c r="CC8" s="278">
        <v>23</v>
      </c>
      <c r="CD8" s="280">
        <v>0</v>
      </c>
      <c r="CE8" s="281">
        <v>266</v>
      </c>
      <c r="CF8" s="281">
        <v>344</v>
      </c>
      <c r="CG8" s="281">
        <v>453</v>
      </c>
      <c r="CH8" s="281">
        <v>411</v>
      </c>
      <c r="CI8" s="281">
        <v>213</v>
      </c>
      <c r="CJ8" s="278">
        <v>1687</v>
      </c>
      <c r="CK8" s="283">
        <v>1710</v>
      </c>
      <c r="CL8" s="277">
        <v>2</v>
      </c>
      <c r="CM8" s="281">
        <v>0</v>
      </c>
      <c r="CN8" s="278">
        <v>2</v>
      </c>
      <c r="CO8" s="280">
        <v>0</v>
      </c>
      <c r="CP8" s="281">
        <v>20</v>
      </c>
      <c r="CQ8" s="281">
        <v>41</v>
      </c>
      <c r="CR8" s="281">
        <v>61</v>
      </c>
      <c r="CS8" s="281">
        <v>65</v>
      </c>
      <c r="CT8" s="281">
        <v>32</v>
      </c>
      <c r="CU8" s="278">
        <v>219</v>
      </c>
      <c r="CV8" s="283">
        <v>221</v>
      </c>
      <c r="CW8" s="277">
        <v>0</v>
      </c>
      <c r="CX8" s="281">
        <v>0</v>
      </c>
      <c r="CY8" s="278">
        <v>0</v>
      </c>
      <c r="CZ8" s="280">
        <v>0</v>
      </c>
      <c r="DA8" s="281">
        <v>0</v>
      </c>
      <c r="DB8" s="281">
        <v>0</v>
      </c>
      <c r="DC8" s="281">
        <v>0</v>
      </c>
      <c r="DD8" s="281">
        <v>0</v>
      </c>
      <c r="DE8" s="281">
        <v>0</v>
      </c>
      <c r="DF8" s="278">
        <v>0</v>
      </c>
      <c r="DG8" s="283">
        <v>0</v>
      </c>
      <c r="DH8" s="277">
        <v>0</v>
      </c>
      <c r="DI8" s="281">
        <v>0</v>
      </c>
      <c r="DJ8" s="278">
        <v>0</v>
      </c>
      <c r="DK8" s="280">
        <v>0</v>
      </c>
      <c r="DL8" s="281">
        <v>0</v>
      </c>
      <c r="DM8" s="281">
        <v>0</v>
      </c>
      <c r="DN8" s="281">
        <v>0</v>
      </c>
      <c r="DO8" s="281">
        <v>0</v>
      </c>
      <c r="DP8" s="281">
        <v>0</v>
      </c>
      <c r="DQ8" s="278">
        <v>0</v>
      </c>
      <c r="DR8" s="283">
        <v>0</v>
      </c>
      <c r="DS8" s="277">
        <v>1524</v>
      </c>
      <c r="DT8" s="281">
        <v>2725</v>
      </c>
      <c r="DU8" s="278">
        <v>4249</v>
      </c>
      <c r="DV8" s="280">
        <v>0</v>
      </c>
      <c r="DW8" s="281">
        <v>4841</v>
      </c>
      <c r="DX8" s="281">
        <v>5522</v>
      </c>
      <c r="DY8" s="281">
        <v>3697</v>
      </c>
      <c r="DZ8" s="281">
        <v>3211</v>
      </c>
      <c r="EA8" s="281">
        <v>2031</v>
      </c>
      <c r="EB8" s="278">
        <v>19302</v>
      </c>
      <c r="EC8" s="283">
        <v>23551</v>
      </c>
      <c r="ED8" s="277">
        <v>248</v>
      </c>
      <c r="EE8" s="281">
        <v>177</v>
      </c>
      <c r="EF8" s="278">
        <v>425</v>
      </c>
      <c r="EG8" s="280">
        <v>0</v>
      </c>
      <c r="EH8" s="281">
        <v>828</v>
      </c>
      <c r="EI8" s="281">
        <v>670</v>
      </c>
      <c r="EJ8" s="281">
        <v>640</v>
      </c>
      <c r="EK8" s="281">
        <v>781</v>
      </c>
      <c r="EL8" s="281">
        <v>492</v>
      </c>
      <c r="EM8" s="278">
        <v>3411</v>
      </c>
      <c r="EN8" s="283">
        <v>3836</v>
      </c>
      <c r="EO8" s="277">
        <v>1879</v>
      </c>
      <c r="EP8" s="281">
        <v>3214</v>
      </c>
      <c r="EQ8" s="278">
        <v>5093</v>
      </c>
      <c r="ER8" s="280">
        <v>0</v>
      </c>
      <c r="ES8" s="281">
        <v>9322</v>
      </c>
      <c r="ET8" s="281">
        <v>7239</v>
      </c>
      <c r="EU8" s="281">
        <v>4288</v>
      </c>
      <c r="EV8" s="281">
        <v>3366</v>
      </c>
      <c r="EW8" s="281">
        <v>2092</v>
      </c>
      <c r="EX8" s="278">
        <v>26307</v>
      </c>
      <c r="EY8" s="283">
        <v>31400</v>
      </c>
    </row>
    <row r="9" spans="1:155" ht="19.5" customHeight="1" x14ac:dyDescent="0.2">
      <c r="A9" s="262" t="s">
        <v>14</v>
      </c>
      <c r="B9" s="277">
        <v>0</v>
      </c>
      <c r="C9" s="281">
        <v>0</v>
      </c>
      <c r="D9" s="385">
        <v>0</v>
      </c>
      <c r="E9" s="280">
        <v>0</v>
      </c>
      <c r="F9" s="281">
        <v>1176</v>
      </c>
      <c r="G9" s="281">
        <v>1500</v>
      </c>
      <c r="H9" s="281">
        <v>880</v>
      </c>
      <c r="I9" s="281">
        <v>668</v>
      </c>
      <c r="J9" s="281">
        <v>456</v>
      </c>
      <c r="K9" s="282">
        <v>4680</v>
      </c>
      <c r="L9" s="283">
        <v>4680</v>
      </c>
      <c r="M9" s="277">
        <v>0</v>
      </c>
      <c r="N9" s="281">
        <v>3</v>
      </c>
      <c r="O9" s="278">
        <v>3</v>
      </c>
      <c r="P9" s="280">
        <v>0</v>
      </c>
      <c r="Q9" s="281">
        <v>7</v>
      </c>
      <c r="R9" s="281">
        <v>25</v>
      </c>
      <c r="S9" s="281">
        <v>64</v>
      </c>
      <c r="T9" s="281">
        <v>127</v>
      </c>
      <c r="U9" s="281">
        <v>217</v>
      </c>
      <c r="V9" s="278">
        <v>440</v>
      </c>
      <c r="W9" s="283">
        <v>443</v>
      </c>
      <c r="X9" s="277">
        <v>124</v>
      </c>
      <c r="Y9" s="281">
        <v>368</v>
      </c>
      <c r="Z9" s="278">
        <v>492</v>
      </c>
      <c r="AA9" s="280">
        <v>0</v>
      </c>
      <c r="AB9" s="281">
        <v>624</v>
      </c>
      <c r="AC9" s="281">
        <v>964</v>
      </c>
      <c r="AD9" s="281">
        <v>656</v>
      </c>
      <c r="AE9" s="281">
        <v>598</v>
      </c>
      <c r="AF9" s="281">
        <v>442</v>
      </c>
      <c r="AG9" s="278">
        <v>3284</v>
      </c>
      <c r="AH9" s="283">
        <v>3776</v>
      </c>
      <c r="AI9" s="277">
        <v>9</v>
      </c>
      <c r="AJ9" s="281">
        <v>39</v>
      </c>
      <c r="AK9" s="278">
        <v>48</v>
      </c>
      <c r="AL9" s="280">
        <v>0</v>
      </c>
      <c r="AM9" s="281">
        <v>22</v>
      </c>
      <c r="AN9" s="281">
        <v>65</v>
      </c>
      <c r="AO9" s="281">
        <v>58</v>
      </c>
      <c r="AP9" s="281">
        <v>42</v>
      </c>
      <c r="AQ9" s="281">
        <v>28</v>
      </c>
      <c r="AR9" s="278">
        <v>215</v>
      </c>
      <c r="AS9" s="283">
        <v>263</v>
      </c>
      <c r="AT9" s="277">
        <v>192</v>
      </c>
      <c r="AU9" s="281">
        <v>321</v>
      </c>
      <c r="AV9" s="278">
        <v>513</v>
      </c>
      <c r="AW9" s="280">
        <v>0</v>
      </c>
      <c r="AX9" s="281">
        <v>1279</v>
      </c>
      <c r="AY9" s="281">
        <v>1538</v>
      </c>
      <c r="AZ9" s="281">
        <v>1475</v>
      </c>
      <c r="BA9" s="281">
        <v>1277</v>
      </c>
      <c r="BB9" s="281">
        <v>957</v>
      </c>
      <c r="BC9" s="282">
        <v>6526</v>
      </c>
      <c r="BD9" s="283">
        <v>7039</v>
      </c>
      <c r="BE9" s="277">
        <v>0</v>
      </c>
      <c r="BF9" s="281">
        <v>0</v>
      </c>
      <c r="BG9" s="278">
        <v>0</v>
      </c>
      <c r="BH9" s="280">
        <v>0</v>
      </c>
      <c r="BI9" s="281">
        <v>1422</v>
      </c>
      <c r="BJ9" s="281">
        <v>1475</v>
      </c>
      <c r="BK9" s="281">
        <v>1009</v>
      </c>
      <c r="BL9" s="281">
        <v>617</v>
      </c>
      <c r="BM9" s="281">
        <v>277</v>
      </c>
      <c r="BN9" s="278">
        <v>4800</v>
      </c>
      <c r="BO9" s="283">
        <v>4800</v>
      </c>
      <c r="BP9" s="277">
        <v>78</v>
      </c>
      <c r="BQ9" s="281">
        <v>171</v>
      </c>
      <c r="BR9" s="278">
        <v>249</v>
      </c>
      <c r="BS9" s="280">
        <v>0</v>
      </c>
      <c r="BT9" s="281">
        <v>133</v>
      </c>
      <c r="BU9" s="281">
        <v>350</v>
      </c>
      <c r="BV9" s="281">
        <v>210</v>
      </c>
      <c r="BW9" s="281">
        <v>170</v>
      </c>
      <c r="BX9" s="281">
        <v>45</v>
      </c>
      <c r="BY9" s="278">
        <v>908</v>
      </c>
      <c r="BZ9" s="283">
        <v>1157</v>
      </c>
      <c r="CA9" s="277">
        <v>4</v>
      </c>
      <c r="CB9" s="281">
        <v>15</v>
      </c>
      <c r="CC9" s="278">
        <v>19</v>
      </c>
      <c r="CD9" s="280">
        <v>0</v>
      </c>
      <c r="CE9" s="281">
        <v>125</v>
      </c>
      <c r="CF9" s="281">
        <v>221</v>
      </c>
      <c r="CG9" s="281">
        <v>353</v>
      </c>
      <c r="CH9" s="281">
        <v>280</v>
      </c>
      <c r="CI9" s="281">
        <v>129</v>
      </c>
      <c r="CJ9" s="278">
        <v>1108</v>
      </c>
      <c r="CK9" s="283">
        <v>1127</v>
      </c>
      <c r="CL9" s="277">
        <v>0</v>
      </c>
      <c r="CM9" s="281">
        <v>0</v>
      </c>
      <c r="CN9" s="278">
        <v>0</v>
      </c>
      <c r="CO9" s="280">
        <v>0</v>
      </c>
      <c r="CP9" s="281">
        <v>3</v>
      </c>
      <c r="CQ9" s="281">
        <v>6</v>
      </c>
      <c r="CR9" s="281">
        <v>10</v>
      </c>
      <c r="CS9" s="281">
        <v>9</v>
      </c>
      <c r="CT9" s="281">
        <v>5</v>
      </c>
      <c r="CU9" s="278">
        <v>33</v>
      </c>
      <c r="CV9" s="283">
        <v>33</v>
      </c>
      <c r="CW9" s="277">
        <v>0</v>
      </c>
      <c r="CX9" s="281">
        <v>0</v>
      </c>
      <c r="CY9" s="278">
        <v>0</v>
      </c>
      <c r="CZ9" s="280">
        <v>0</v>
      </c>
      <c r="DA9" s="281">
        <v>0</v>
      </c>
      <c r="DB9" s="281">
        <v>0</v>
      </c>
      <c r="DC9" s="281">
        <v>0</v>
      </c>
      <c r="DD9" s="281">
        <v>0</v>
      </c>
      <c r="DE9" s="281">
        <v>0</v>
      </c>
      <c r="DF9" s="278">
        <v>0</v>
      </c>
      <c r="DG9" s="283">
        <v>0</v>
      </c>
      <c r="DH9" s="277">
        <v>0</v>
      </c>
      <c r="DI9" s="281">
        <v>0</v>
      </c>
      <c r="DJ9" s="278">
        <v>0</v>
      </c>
      <c r="DK9" s="280">
        <v>0</v>
      </c>
      <c r="DL9" s="281">
        <v>0</v>
      </c>
      <c r="DM9" s="281">
        <v>0</v>
      </c>
      <c r="DN9" s="281">
        <v>0</v>
      </c>
      <c r="DO9" s="281">
        <v>0</v>
      </c>
      <c r="DP9" s="281">
        <v>0</v>
      </c>
      <c r="DQ9" s="278">
        <v>0</v>
      </c>
      <c r="DR9" s="283">
        <v>0</v>
      </c>
      <c r="DS9" s="277">
        <v>797</v>
      </c>
      <c r="DT9" s="281">
        <v>2192</v>
      </c>
      <c r="DU9" s="278">
        <v>2989</v>
      </c>
      <c r="DV9" s="280">
        <v>0</v>
      </c>
      <c r="DW9" s="281">
        <v>1652</v>
      </c>
      <c r="DX9" s="281">
        <v>3384</v>
      </c>
      <c r="DY9" s="281">
        <v>2114</v>
      </c>
      <c r="DZ9" s="281">
        <v>1641</v>
      </c>
      <c r="EA9" s="281">
        <v>905</v>
      </c>
      <c r="EB9" s="278">
        <v>9696</v>
      </c>
      <c r="EC9" s="283">
        <v>12685</v>
      </c>
      <c r="ED9" s="277">
        <v>128</v>
      </c>
      <c r="EE9" s="281">
        <v>123</v>
      </c>
      <c r="EF9" s="278">
        <v>251</v>
      </c>
      <c r="EG9" s="280">
        <v>0</v>
      </c>
      <c r="EH9" s="281">
        <v>352</v>
      </c>
      <c r="EI9" s="281">
        <v>276</v>
      </c>
      <c r="EJ9" s="281">
        <v>268</v>
      </c>
      <c r="EK9" s="281">
        <v>282</v>
      </c>
      <c r="EL9" s="281">
        <v>155</v>
      </c>
      <c r="EM9" s="278">
        <v>1333</v>
      </c>
      <c r="EN9" s="283">
        <v>1584</v>
      </c>
      <c r="EO9" s="277">
        <v>958</v>
      </c>
      <c r="EP9" s="281">
        <v>2446</v>
      </c>
      <c r="EQ9" s="278">
        <v>3404</v>
      </c>
      <c r="ER9" s="280">
        <v>0</v>
      </c>
      <c r="ES9" s="281">
        <v>3682</v>
      </c>
      <c r="ET9" s="281">
        <v>4405</v>
      </c>
      <c r="EU9" s="281">
        <v>2555</v>
      </c>
      <c r="EV9" s="281">
        <v>1771</v>
      </c>
      <c r="EW9" s="281">
        <v>950</v>
      </c>
      <c r="EX9" s="278">
        <v>13363</v>
      </c>
      <c r="EY9" s="283">
        <v>16767</v>
      </c>
    </row>
    <row r="10" spans="1:155" ht="19.5" customHeight="1" x14ac:dyDescent="0.2">
      <c r="A10" s="262" t="s">
        <v>7</v>
      </c>
      <c r="B10" s="277">
        <v>0</v>
      </c>
      <c r="C10" s="281">
        <v>0</v>
      </c>
      <c r="D10" s="385">
        <v>0</v>
      </c>
      <c r="E10" s="280">
        <v>0</v>
      </c>
      <c r="F10" s="281">
        <v>1538</v>
      </c>
      <c r="G10" s="281">
        <v>1150</v>
      </c>
      <c r="H10" s="281">
        <v>635</v>
      </c>
      <c r="I10" s="281">
        <v>555</v>
      </c>
      <c r="J10" s="281">
        <v>364</v>
      </c>
      <c r="K10" s="282">
        <v>4242</v>
      </c>
      <c r="L10" s="283">
        <v>4242</v>
      </c>
      <c r="M10" s="277">
        <v>0</v>
      </c>
      <c r="N10" s="281">
        <v>0</v>
      </c>
      <c r="O10" s="278">
        <v>0</v>
      </c>
      <c r="P10" s="280">
        <v>0</v>
      </c>
      <c r="Q10" s="281">
        <v>12</v>
      </c>
      <c r="R10" s="281">
        <v>42</v>
      </c>
      <c r="S10" s="281">
        <v>51</v>
      </c>
      <c r="T10" s="281">
        <v>123</v>
      </c>
      <c r="U10" s="281">
        <v>188</v>
      </c>
      <c r="V10" s="278">
        <v>416</v>
      </c>
      <c r="W10" s="283">
        <v>416</v>
      </c>
      <c r="X10" s="277">
        <v>14</v>
      </c>
      <c r="Y10" s="281">
        <v>24</v>
      </c>
      <c r="Z10" s="278">
        <v>38</v>
      </c>
      <c r="AA10" s="280">
        <v>0</v>
      </c>
      <c r="AB10" s="281">
        <v>452</v>
      </c>
      <c r="AC10" s="281">
        <v>483</v>
      </c>
      <c r="AD10" s="281">
        <v>338</v>
      </c>
      <c r="AE10" s="281">
        <v>320</v>
      </c>
      <c r="AF10" s="281">
        <v>264</v>
      </c>
      <c r="AG10" s="278">
        <v>1857</v>
      </c>
      <c r="AH10" s="283">
        <v>1895</v>
      </c>
      <c r="AI10" s="277">
        <v>5</v>
      </c>
      <c r="AJ10" s="281">
        <v>5</v>
      </c>
      <c r="AK10" s="278">
        <v>10</v>
      </c>
      <c r="AL10" s="280">
        <v>0</v>
      </c>
      <c r="AM10" s="281">
        <v>43</v>
      </c>
      <c r="AN10" s="281">
        <v>47</v>
      </c>
      <c r="AO10" s="281">
        <v>26</v>
      </c>
      <c r="AP10" s="281">
        <v>43</v>
      </c>
      <c r="AQ10" s="281">
        <v>25</v>
      </c>
      <c r="AR10" s="278">
        <v>184</v>
      </c>
      <c r="AS10" s="283">
        <v>194</v>
      </c>
      <c r="AT10" s="277">
        <v>122</v>
      </c>
      <c r="AU10" s="281">
        <v>100</v>
      </c>
      <c r="AV10" s="278">
        <v>222</v>
      </c>
      <c r="AW10" s="280">
        <v>0</v>
      </c>
      <c r="AX10" s="281">
        <v>1086</v>
      </c>
      <c r="AY10" s="281">
        <v>1005</v>
      </c>
      <c r="AZ10" s="281">
        <v>886</v>
      </c>
      <c r="BA10" s="281">
        <v>914</v>
      </c>
      <c r="BB10" s="281">
        <v>576</v>
      </c>
      <c r="BC10" s="282">
        <v>4467</v>
      </c>
      <c r="BD10" s="283">
        <v>4689</v>
      </c>
      <c r="BE10" s="277">
        <v>0</v>
      </c>
      <c r="BF10" s="281">
        <v>0</v>
      </c>
      <c r="BG10" s="278">
        <v>0</v>
      </c>
      <c r="BH10" s="280">
        <v>0</v>
      </c>
      <c r="BI10" s="281">
        <v>1652</v>
      </c>
      <c r="BJ10" s="281">
        <v>1069</v>
      </c>
      <c r="BK10" s="281">
        <v>519</v>
      </c>
      <c r="BL10" s="281">
        <v>335</v>
      </c>
      <c r="BM10" s="281">
        <v>138</v>
      </c>
      <c r="BN10" s="278">
        <v>3713</v>
      </c>
      <c r="BO10" s="283">
        <v>3713</v>
      </c>
      <c r="BP10" s="277">
        <v>37</v>
      </c>
      <c r="BQ10" s="281">
        <v>47</v>
      </c>
      <c r="BR10" s="278">
        <v>84</v>
      </c>
      <c r="BS10" s="280">
        <v>0</v>
      </c>
      <c r="BT10" s="281">
        <v>247</v>
      </c>
      <c r="BU10" s="281">
        <v>233</v>
      </c>
      <c r="BV10" s="281">
        <v>126</v>
      </c>
      <c r="BW10" s="281">
        <v>65</v>
      </c>
      <c r="BX10" s="281">
        <v>14</v>
      </c>
      <c r="BY10" s="278">
        <v>685</v>
      </c>
      <c r="BZ10" s="283">
        <v>769</v>
      </c>
      <c r="CA10" s="277">
        <v>1</v>
      </c>
      <c r="CB10" s="281">
        <v>2</v>
      </c>
      <c r="CC10" s="278">
        <v>3</v>
      </c>
      <c r="CD10" s="280">
        <v>0</v>
      </c>
      <c r="CE10" s="281">
        <v>210</v>
      </c>
      <c r="CF10" s="281">
        <v>252</v>
      </c>
      <c r="CG10" s="281">
        <v>241</v>
      </c>
      <c r="CH10" s="281">
        <v>181</v>
      </c>
      <c r="CI10" s="281">
        <v>89</v>
      </c>
      <c r="CJ10" s="278">
        <v>973</v>
      </c>
      <c r="CK10" s="283">
        <v>976</v>
      </c>
      <c r="CL10" s="277">
        <v>1</v>
      </c>
      <c r="CM10" s="281">
        <v>0</v>
      </c>
      <c r="CN10" s="278">
        <v>1</v>
      </c>
      <c r="CO10" s="280">
        <v>0</v>
      </c>
      <c r="CP10" s="281">
        <v>4</v>
      </c>
      <c r="CQ10" s="281">
        <v>7</v>
      </c>
      <c r="CR10" s="281">
        <v>14</v>
      </c>
      <c r="CS10" s="281">
        <v>6</v>
      </c>
      <c r="CT10" s="281">
        <v>7</v>
      </c>
      <c r="CU10" s="278">
        <v>38</v>
      </c>
      <c r="CV10" s="283">
        <v>39</v>
      </c>
      <c r="CW10" s="277">
        <v>0</v>
      </c>
      <c r="CX10" s="281">
        <v>0</v>
      </c>
      <c r="CY10" s="278">
        <v>0</v>
      </c>
      <c r="CZ10" s="280">
        <v>0</v>
      </c>
      <c r="DA10" s="281">
        <v>0</v>
      </c>
      <c r="DB10" s="281">
        <v>0</v>
      </c>
      <c r="DC10" s="281">
        <v>0</v>
      </c>
      <c r="DD10" s="281">
        <v>0</v>
      </c>
      <c r="DE10" s="281">
        <v>0</v>
      </c>
      <c r="DF10" s="278">
        <v>0</v>
      </c>
      <c r="DG10" s="283">
        <v>0</v>
      </c>
      <c r="DH10" s="277">
        <v>0</v>
      </c>
      <c r="DI10" s="281">
        <v>0</v>
      </c>
      <c r="DJ10" s="278">
        <v>0</v>
      </c>
      <c r="DK10" s="280">
        <v>0</v>
      </c>
      <c r="DL10" s="281">
        <v>0</v>
      </c>
      <c r="DM10" s="281">
        <v>0</v>
      </c>
      <c r="DN10" s="281">
        <v>0</v>
      </c>
      <c r="DO10" s="281">
        <v>0</v>
      </c>
      <c r="DP10" s="281">
        <v>0</v>
      </c>
      <c r="DQ10" s="278">
        <v>0</v>
      </c>
      <c r="DR10" s="283">
        <v>0</v>
      </c>
      <c r="DS10" s="277">
        <v>303</v>
      </c>
      <c r="DT10" s="281">
        <v>643</v>
      </c>
      <c r="DU10" s="278">
        <v>946</v>
      </c>
      <c r="DV10" s="280">
        <v>0</v>
      </c>
      <c r="DW10" s="281">
        <v>1933</v>
      </c>
      <c r="DX10" s="281">
        <v>2238</v>
      </c>
      <c r="DY10" s="281">
        <v>1240</v>
      </c>
      <c r="DZ10" s="281">
        <v>978</v>
      </c>
      <c r="EA10" s="281">
        <v>579</v>
      </c>
      <c r="EB10" s="278">
        <v>6968</v>
      </c>
      <c r="EC10" s="283">
        <v>7914</v>
      </c>
      <c r="ED10" s="277">
        <v>98</v>
      </c>
      <c r="EE10" s="281">
        <v>53</v>
      </c>
      <c r="EF10" s="278">
        <v>151</v>
      </c>
      <c r="EG10" s="280">
        <v>0</v>
      </c>
      <c r="EH10" s="281">
        <v>497</v>
      </c>
      <c r="EI10" s="281">
        <v>281</v>
      </c>
      <c r="EJ10" s="281">
        <v>246</v>
      </c>
      <c r="EK10" s="281">
        <v>276</v>
      </c>
      <c r="EL10" s="281">
        <v>130</v>
      </c>
      <c r="EM10" s="278">
        <v>1430</v>
      </c>
      <c r="EN10" s="283">
        <v>1581</v>
      </c>
      <c r="EO10" s="277">
        <v>354</v>
      </c>
      <c r="EP10" s="281">
        <v>687</v>
      </c>
      <c r="EQ10" s="278">
        <v>1041</v>
      </c>
      <c r="ER10" s="280">
        <v>0</v>
      </c>
      <c r="ES10" s="281">
        <v>4252</v>
      </c>
      <c r="ET10" s="281">
        <v>3023</v>
      </c>
      <c r="EU10" s="281">
        <v>1530</v>
      </c>
      <c r="EV10" s="281">
        <v>1078</v>
      </c>
      <c r="EW10" s="281">
        <v>611</v>
      </c>
      <c r="EX10" s="278">
        <v>10494</v>
      </c>
      <c r="EY10" s="283">
        <v>11535</v>
      </c>
    </row>
    <row r="11" spans="1:155" ht="19.5" customHeight="1" x14ac:dyDescent="0.2">
      <c r="A11" s="262" t="s">
        <v>8</v>
      </c>
      <c r="B11" s="277">
        <v>0</v>
      </c>
      <c r="C11" s="281">
        <v>0</v>
      </c>
      <c r="D11" s="385">
        <v>0</v>
      </c>
      <c r="E11" s="280">
        <v>0</v>
      </c>
      <c r="F11" s="281">
        <v>500</v>
      </c>
      <c r="G11" s="281">
        <v>603</v>
      </c>
      <c r="H11" s="281">
        <v>353</v>
      </c>
      <c r="I11" s="281">
        <v>283</v>
      </c>
      <c r="J11" s="281">
        <v>237</v>
      </c>
      <c r="K11" s="282">
        <v>1976</v>
      </c>
      <c r="L11" s="283">
        <v>1976</v>
      </c>
      <c r="M11" s="277">
        <v>0</v>
      </c>
      <c r="N11" s="281">
        <v>0</v>
      </c>
      <c r="O11" s="278">
        <v>0</v>
      </c>
      <c r="P11" s="280">
        <v>0</v>
      </c>
      <c r="Q11" s="281">
        <v>5</v>
      </c>
      <c r="R11" s="281">
        <v>16</v>
      </c>
      <c r="S11" s="281">
        <v>31</v>
      </c>
      <c r="T11" s="281">
        <v>51</v>
      </c>
      <c r="U11" s="281">
        <v>95</v>
      </c>
      <c r="V11" s="278">
        <v>198</v>
      </c>
      <c r="W11" s="283">
        <v>198</v>
      </c>
      <c r="X11" s="277">
        <v>51</v>
      </c>
      <c r="Y11" s="281">
        <v>73</v>
      </c>
      <c r="Z11" s="278">
        <v>124</v>
      </c>
      <c r="AA11" s="280">
        <v>0</v>
      </c>
      <c r="AB11" s="281">
        <v>274</v>
      </c>
      <c r="AC11" s="281">
        <v>365</v>
      </c>
      <c r="AD11" s="281">
        <v>243</v>
      </c>
      <c r="AE11" s="281">
        <v>203</v>
      </c>
      <c r="AF11" s="281">
        <v>194</v>
      </c>
      <c r="AG11" s="278">
        <v>1279</v>
      </c>
      <c r="AH11" s="283">
        <v>1403</v>
      </c>
      <c r="AI11" s="277">
        <v>5</v>
      </c>
      <c r="AJ11" s="281">
        <v>15</v>
      </c>
      <c r="AK11" s="278">
        <v>20</v>
      </c>
      <c r="AL11" s="280">
        <v>0</v>
      </c>
      <c r="AM11" s="281">
        <v>46</v>
      </c>
      <c r="AN11" s="281">
        <v>74</v>
      </c>
      <c r="AO11" s="281">
        <v>56</v>
      </c>
      <c r="AP11" s="281">
        <v>31</v>
      </c>
      <c r="AQ11" s="281">
        <v>29</v>
      </c>
      <c r="AR11" s="278">
        <v>236</v>
      </c>
      <c r="AS11" s="283">
        <v>256</v>
      </c>
      <c r="AT11" s="277">
        <v>77</v>
      </c>
      <c r="AU11" s="281">
        <v>50</v>
      </c>
      <c r="AV11" s="278">
        <v>127</v>
      </c>
      <c r="AW11" s="280">
        <v>0</v>
      </c>
      <c r="AX11" s="281">
        <v>467</v>
      </c>
      <c r="AY11" s="281">
        <v>530</v>
      </c>
      <c r="AZ11" s="281">
        <v>511</v>
      </c>
      <c r="BA11" s="281">
        <v>494</v>
      </c>
      <c r="BB11" s="281">
        <v>376</v>
      </c>
      <c r="BC11" s="282">
        <v>2378</v>
      </c>
      <c r="BD11" s="283">
        <v>2505</v>
      </c>
      <c r="BE11" s="277">
        <v>0</v>
      </c>
      <c r="BF11" s="281">
        <v>0</v>
      </c>
      <c r="BG11" s="278">
        <v>0</v>
      </c>
      <c r="BH11" s="280">
        <v>0</v>
      </c>
      <c r="BI11" s="281">
        <v>563</v>
      </c>
      <c r="BJ11" s="281">
        <v>596</v>
      </c>
      <c r="BK11" s="281">
        <v>358</v>
      </c>
      <c r="BL11" s="281">
        <v>174</v>
      </c>
      <c r="BM11" s="281">
        <v>113</v>
      </c>
      <c r="BN11" s="278">
        <v>1804</v>
      </c>
      <c r="BO11" s="283">
        <v>1804</v>
      </c>
      <c r="BP11" s="277">
        <v>53</v>
      </c>
      <c r="BQ11" s="281">
        <v>70</v>
      </c>
      <c r="BR11" s="278">
        <v>123</v>
      </c>
      <c r="BS11" s="280">
        <v>0</v>
      </c>
      <c r="BT11" s="281">
        <v>112</v>
      </c>
      <c r="BU11" s="281">
        <v>150</v>
      </c>
      <c r="BV11" s="281">
        <v>83</v>
      </c>
      <c r="BW11" s="281">
        <v>52</v>
      </c>
      <c r="BX11" s="281">
        <v>13</v>
      </c>
      <c r="BY11" s="278">
        <v>410</v>
      </c>
      <c r="BZ11" s="283">
        <v>533</v>
      </c>
      <c r="CA11" s="277">
        <v>2</v>
      </c>
      <c r="CB11" s="281">
        <v>6</v>
      </c>
      <c r="CC11" s="278">
        <v>8</v>
      </c>
      <c r="CD11" s="280">
        <v>0</v>
      </c>
      <c r="CE11" s="281">
        <v>61</v>
      </c>
      <c r="CF11" s="281">
        <v>154</v>
      </c>
      <c r="CG11" s="281">
        <v>185</v>
      </c>
      <c r="CH11" s="281">
        <v>108</v>
      </c>
      <c r="CI11" s="281">
        <v>62</v>
      </c>
      <c r="CJ11" s="278">
        <v>570</v>
      </c>
      <c r="CK11" s="283">
        <v>578</v>
      </c>
      <c r="CL11" s="277">
        <v>0</v>
      </c>
      <c r="CM11" s="281">
        <v>0</v>
      </c>
      <c r="CN11" s="278">
        <v>0</v>
      </c>
      <c r="CO11" s="280">
        <v>0</v>
      </c>
      <c r="CP11" s="281">
        <v>2</v>
      </c>
      <c r="CQ11" s="281">
        <v>6</v>
      </c>
      <c r="CR11" s="281">
        <v>9</v>
      </c>
      <c r="CS11" s="281">
        <v>1</v>
      </c>
      <c r="CT11" s="281">
        <v>0</v>
      </c>
      <c r="CU11" s="278">
        <v>18</v>
      </c>
      <c r="CV11" s="283">
        <v>18</v>
      </c>
      <c r="CW11" s="277">
        <v>0</v>
      </c>
      <c r="CX11" s="281">
        <v>0</v>
      </c>
      <c r="CY11" s="278">
        <v>0</v>
      </c>
      <c r="CZ11" s="280">
        <v>0</v>
      </c>
      <c r="DA11" s="281">
        <v>0</v>
      </c>
      <c r="DB11" s="281">
        <v>0</v>
      </c>
      <c r="DC11" s="281">
        <v>0</v>
      </c>
      <c r="DD11" s="281">
        <v>0</v>
      </c>
      <c r="DE11" s="281">
        <v>0</v>
      </c>
      <c r="DF11" s="278">
        <v>0</v>
      </c>
      <c r="DG11" s="283">
        <v>0</v>
      </c>
      <c r="DH11" s="277">
        <v>0</v>
      </c>
      <c r="DI11" s="281">
        <v>0</v>
      </c>
      <c r="DJ11" s="278">
        <v>0</v>
      </c>
      <c r="DK11" s="280">
        <v>0</v>
      </c>
      <c r="DL11" s="281">
        <v>0</v>
      </c>
      <c r="DM11" s="281">
        <v>0</v>
      </c>
      <c r="DN11" s="281">
        <v>0</v>
      </c>
      <c r="DO11" s="281">
        <v>0</v>
      </c>
      <c r="DP11" s="281">
        <v>0</v>
      </c>
      <c r="DQ11" s="278">
        <v>0</v>
      </c>
      <c r="DR11" s="283">
        <v>0</v>
      </c>
      <c r="DS11" s="277">
        <v>349</v>
      </c>
      <c r="DT11" s="281">
        <v>551</v>
      </c>
      <c r="DU11" s="278">
        <v>900</v>
      </c>
      <c r="DV11" s="280">
        <v>0</v>
      </c>
      <c r="DW11" s="281">
        <v>896</v>
      </c>
      <c r="DX11" s="281">
        <v>1422</v>
      </c>
      <c r="DY11" s="281">
        <v>844</v>
      </c>
      <c r="DZ11" s="281">
        <v>570</v>
      </c>
      <c r="EA11" s="281">
        <v>394</v>
      </c>
      <c r="EB11" s="278">
        <v>4126</v>
      </c>
      <c r="EC11" s="283">
        <v>5026</v>
      </c>
      <c r="ED11" s="277">
        <v>62</v>
      </c>
      <c r="EE11" s="281">
        <v>17</v>
      </c>
      <c r="EF11" s="278">
        <v>79</v>
      </c>
      <c r="EG11" s="280">
        <v>0</v>
      </c>
      <c r="EH11" s="281">
        <v>151</v>
      </c>
      <c r="EI11" s="281">
        <v>116</v>
      </c>
      <c r="EJ11" s="281">
        <v>100</v>
      </c>
      <c r="EK11" s="281">
        <v>127</v>
      </c>
      <c r="EL11" s="281">
        <v>68</v>
      </c>
      <c r="EM11" s="278">
        <v>562</v>
      </c>
      <c r="EN11" s="283">
        <v>641</v>
      </c>
      <c r="EO11" s="277">
        <v>438</v>
      </c>
      <c r="EP11" s="281">
        <v>626</v>
      </c>
      <c r="EQ11" s="278">
        <v>1064</v>
      </c>
      <c r="ER11" s="280">
        <v>0</v>
      </c>
      <c r="ES11" s="281">
        <v>1746</v>
      </c>
      <c r="ET11" s="281">
        <v>1837</v>
      </c>
      <c r="EU11" s="281">
        <v>1011</v>
      </c>
      <c r="EV11" s="281">
        <v>613</v>
      </c>
      <c r="EW11" s="281">
        <v>411</v>
      </c>
      <c r="EX11" s="278">
        <v>5618</v>
      </c>
      <c r="EY11" s="283">
        <v>6682</v>
      </c>
    </row>
    <row r="12" spans="1:155" ht="19.5" customHeight="1" x14ac:dyDescent="0.2">
      <c r="A12" s="262" t="s">
        <v>9</v>
      </c>
      <c r="B12" s="277">
        <v>0</v>
      </c>
      <c r="C12" s="281">
        <v>0</v>
      </c>
      <c r="D12" s="385">
        <v>0</v>
      </c>
      <c r="E12" s="280">
        <v>0</v>
      </c>
      <c r="F12" s="281">
        <v>612</v>
      </c>
      <c r="G12" s="281">
        <v>504</v>
      </c>
      <c r="H12" s="281">
        <v>348</v>
      </c>
      <c r="I12" s="281">
        <v>348</v>
      </c>
      <c r="J12" s="281">
        <v>246</v>
      </c>
      <c r="K12" s="282">
        <v>2058</v>
      </c>
      <c r="L12" s="283">
        <v>2058</v>
      </c>
      <c r="M12" s="277">
        <v>0</v>
      </c>
      <c r="N12" s="281">
        <v>0</v>
      </c>
      <c r="O12" s="278">
        <v>0</v>
      </c>
      <c r="P12" s="280">
        <v>0</v>
      </c>
      <c r="Q12" s="281">
        <v>4</v>
      </c>
      <c r="R12" s="281">
        <v>9</v>
      </c>
      <c r="S12" s="281">
        <v>17</v>
      </c>
      <c r="T12" s="281">
        <v>56</v>
      </c>
      <c r="U12" s="281">
        <v>106</v>
      </c>
      <c r="V12" s="278">
        <v>192</v>
      </c>
      <c r="W12" s="283">
        <v>192</v>
      </c>
      <c r="X12" s="277">
        <v>29</v>
      </c>
      <c r="Y12" s="281">
        <v>63</v>
      </c>
      <c r="Z12" s="278">
        <v>92</v>
      </c>
      <c r="AA12" s="280">
        <v>0</v>
      </c>
      <c r="AB12" s="281">
        <v>309</v>
      </c>
      <c r="AC12" s="281">
        <v>280</v>
      </c>
      <c r="AD12" s="281">
        <v>219</v>
      </c>
      <c r="AE12" s="281">
        <v>236</v>
      </c>
      <c r="AF12" s="281">
        <v>169</v>
      </c>
      <c r="AG12" s="278">
        <v>1213</v>
      </c>
      <c r="AH12" s="283">
        <v>1305</v>
      </c>
      <c r="AI12" s="277">
        <v>7</v>
      </c>
      <c r="AJ12" s="281">
        <v>15</v>
      </c>
      <c r="AK12" s="278">
        <v>22</v>
      </c>
      <c r="AL12" s="280">
        <v>0</v>
      </c>
      <c r="AM12" s="281">
        <v>51</v>
      </c>
      <c r="AN12" s="281">
        <v>56</v>
      </c>
      <c r="AO12" s="281">
        <v>45</v>
      </c>
      <c r="AP12" s="281">
        <v>51</v>
      </c>
      <c r="AQ12" s="281">
        <v>40</v>
      </c>
      <c r="AR12" s="278">
        <v>243</v>
      </c>
      <c r="AS12" s="283">
        <v>265</v>
      </c>
      <c r="AT12" s="277">
        <v>76</v>
      </c>
      <c r="AU12" s="281">
        <v>68</v>
      </c>
      <c r="AV12" s="278">
        <v>144</v>
      </c>
      <c r="AW12" s="280">
        <v>0</v>
      </c>
      <c r="AX12" s="281">
        <v>481</v>
      </c>
      <c r="AY12" s="281">
        <v>535</v>
      </c>
      <c r="AZ12" s="281">
        <v>554</v>
      </c>
      <c r="BA12" s="281">
        <v>547</v>
      </c>
      <c r="BB12" s="281">
        <v>391</v>
      </c>
      <c r="BC12" s="282">
        <v>2508</v>
      </c>
      <c r="BD12" s="283">
        <v>2652</v>
      </c>
      <c r="BE12" s="277">
        <v>0</v>
      </c>
      <c r="BF12" s="281">
        <v>0</v>
      </c>
      <c r="BG12" s="278">
        <v>0</v>
      </c>
      <c r="BH12" s="280">
        <v>0</v>
      </c>
      <c r="BI12" s="281">
        <v>542</v>
      </c>
      <c r="BJ12" s="281">
        <v>374</v>
      </c>
      <c r="BK12" s="281">
        <v>232</v>
      </c>
      <c r="BL12" s="281">
        <v>150</v>
      </c>
      <c r="BM12" s="281">
        <v>58</v>
      </c>
      <c r="BN12" s="278">
        <v>1356</v>
      </c>
      <c r="BO12" s="283">
        <v>1356</v>
      </c>
      <c r="BP12" s="277">
        <v>40</v>
      </c>
      <c r="BQ12" s="281">
        <v>54</v>
      </c>
      <c r="BR12" s="278">
        <v>94</v>
      </c>
      <c r="BS12" s="280">
        <v>0</v>
      </c>
      <c r="BT12" s="281">
        <v>120</v>
      </c>
      <c r="BU12" s="281">
        <v>111</v>
      </c>
      <c r="BV12" s="281">
        <v>61</v>
      </c>
      <c r="BW12" s="281">
        <v>80</v>
      </c>
      <c r="BX12" s="281">
        <v>18</v>
      </c>
      <c r="BY12" s="278">
        <v>390</v>
      </c>
      <c r="BZ12" s="283">
        <v>484</v>
      </c>
      <c r="CA12" s="277">
        <v>7</v>
      </c>
      <c r="CB12" s="281">
        <v>2</v>
      </c>
      <c r="CC12" s="278">
        <v>9</v>
      </c>
      <c r="CD12" s="280">
        <v>0</v>
      </c>
      <c r="CE12" s="281">
        <v>42</v>
      </c>
      <c r="CF12" s="281">
        <v>68</v>
      </c>
      <c r="CG12" s="281">
        <v>111</v>
      </c>
      <c r="CH12" s="281">
        <v>109</v>
      </c>
      <c r="CI12" s="281">
        <v>58</v>
      </c>
      <c r="CJ12" s="278">
        <v>388</v>
      </c>
      <c r="CK12" s="283">
        <v>397</v>
      </c>
      <c r="CL12" s="277">
        <v>1</v>
      </c>
      <c r="CM12" s="281">
        <v>0</v>
      </c>
      <c r="CN12" s="278">
        <v>1</v>
      </c>
      <c r="CO12" s="280">
        <v>0</v>
      </c>
      <c r="CP12" s="281">
        <v>4</v>
      </c>
      <c r="CQ12" s="281">
        <v>11</v>
      </c>
      <c r="CR12" s="281">
        <v>17</v>
      </c>
      <c r="CS12" s="281">
        <v>17</v>
      </c>
      <c r="CT12" s="281">
        <v>9</v>
      </c>
      <c r="CU12" s="278">
        <v>58</v>
      </c>
      <c r="CV12" s="283">
        <v>59</v>
      </c>
      <c r="CW12" s="277">
        <v>0</v>
      </c>
      <c r="CX12" s="281">
        <v>0</v>
      </c>
      <c r="CY12" s="278">
        <v>0</v>
      </c>
      <c r="CZ12" s="280">
        <v>0</v>
      </c>
      <c r="DA12" s="281">
        <v>0</v>
      </c>
      <c r="DB12" s="281">
        <v>0</v>
      </c>
      <c r="DC12" s="281">
        <v>0</v>
      </c>
      <c r="DD12" s="281">
        <v>0</v>
      </c>
      <c r="DE12" s="281">
        <v>0</v>
      </c>
      <c r="DF12" s="278">
        <v>0</v>
      </c>
      <c r="DG12" s="283">
        <v>0</v>
      </c>
      <c r="DH12" s="277">
        <v>0</v>
      </c>
      <c r="DI12" s="281">
        <v>0</v>
      </c>
      <c r="DJ12" s="278">
        <v>0</v>
      </c>
      <c r="DK12" s="280">
        <v>0</v>
      </c>
      <c r="DL12" s="281">
        <v>0</v>
      </c>
      <c r="DM12" s="281">
        <v>0</v>
      </c>
      <c r="DN12" s="281">
        <v>0</v>
      </c>
      <c r="DO12" s="281">
        <v>0</v>
      </c>
      <c r="DP12" s="281">
        <v>0</v>
      </c>
      <c r="DQ12" s="278">
        <v>0</v>
      </c>
      <c r="DR12" s="283">
        <v>0</v>
      </c>
      <c r="DS12" s="277">
        <v>346</v>
      </c>
      <c r="DT12" s="281">
        <v>459</v>
      </c>
      <c r="DU12" s="278">
        <v>805</v>
      </c>
      <c r="DV12" s="280">
        <v>0</v>
      </c>
      <c r="DW12" s="281">
        <v>908</v>
      </c>
      <c r="DX12" s="281">
        <v>954</v>
      </c>
      <c r="DY12" s="281">
        <v>624</v>
      </c>
      <c r="DZ12" s="281">
        <v>571</v>
      </c>
      <c r="EA12" s="281">
        <v>346</v>
      </c>
      <c r="EB12" s="278">
        <v>3403</v>
      </c>
      <c r="EC12" s="283">
        <v>4208</v>
      </c>
      <c r="ED12" s="277">
        <v>47</v>
      </c>
      <c r="EE12" s="281">
        <v>36</v>
      </c>
      <c r="EF12" s="278">
        <v>83</v>
      </c>
      <c r="EG12" s="280">
        <v>0</v>
      </c>
      <c r="EH12" s="281">
        <v>179</v>
      </c>
      <c r="EI12" s="281">
        <v>165</v>
      </c>
      <c r="EJ12" s="281">
        <v>141</v>
      </c>
      <c r="EK12" s="281">
        <v>154</v>
      </c>
      <c r="EL12" s="281">
        <v>108</v>
      </c>
      <c r="EM12" s="278">
        <v>747</v>
      </c>
      <c r="EN12" s="283">
        <v>830</v>
      </c>
      <c r="EO12" s="277">
        <v>405</v>
      </c>
      <c r="EP12" s="281">
        <v>519</v>
      </c>
      <c r="EQ12" s="278">
        <v>924</v>
      </c>
      <c r="ER12" s="280">
        <v>0</v>
      </c>
      <c r="ES12" s="281">
        <v>1611</v>
      </c>
      <c r="ET12" s="281">
        <v>1244</v>
      </c>
      <c r="EU12" s="281">
        <v>739</v>
      </c>
      <c r="EV12" s="281">
        <v>618</v>
      </c>
      <c r="EW12" s="281">
        <v>360</v>
      </c>
      <c r="EX12" s="278">
        <v>4572</v>
      </c>
      <c r="EY12" s="283">
        <v>5496</v>
      </c>
    </row>
    <row r="13" spans="1:155" ht="19.5" customHeight="1" x14ac:dyDescent="0.2">
      <c r="A13" s="262" t="s">
        <v>10</v>
      </c>
      <c r="B13" s="277">
        <v>0</v>
      </c>
      <c r="C13" s="281">
        <v>0</v>
      </c>
      <c r="D13" s="385">
        <v>0</v>
      </c>
      <c r="E13" s="280">
        <v>0</v>
      </c>
      <c r="F13" s="281">
        <v>1331</v>
      </c>
      <c r="G13" s="281">
        <v>704</v>
      </c>
      <c r="H13" s="281">
        <v>430</v>
      </c>
      <c r="I13" s="281">
        <v>406</v>
      </c>
      <c r="J13" s="281">
        <v>335</v>
      </c>
      <c r="K13" s="282">
        <v>3206</v>
      </c>
      <c r="L13" s="283">
        <v>3206</v>
      </c>
      <c r="M13" s="277">
        <v>0</v>
      </c>
      <c r="N13" s="281">
        <v>0</v>
      </c>
      <c r="O13" s="278">
        <v>0</v>
      </c>
      <c r="P13" s="280">
        <v>0</v>
      </c>
      <c r="Q13" s="281">
        <v>12</v>
      </c>
      <c r="R13" s="281">
        <v>23</v>
      </c>
      <c r="S13" s="281">
        <v>27</v>
      </c>
      <c r="T13" s="281">
        <v>100</v>
      </c>
      <c r="U13" s="281">
        <v>152</v>
      </c>
      <c r="V13" s="278">
        <v>314</v>
      </c>
      <c r="W13" s="283">
        <v>314</v>
      </c>
      <c r="X13" s="277">
        <v>155</v>
      </c>
      <c r="Y13" s="281">
        <v>306</v>
      </c>
      <c r="Z13" s="278">
        <v>461</v>
      </c>
      <c r="AA13" s="280">
        <v>0</v>
      </c>
      <c r="AB13" s="281">
        <v>737</v>
      </c>
      <c r="AC13" s="281">
        <v>508</v>
      </c>
      <c r="AD13" s="281">
        <v>314</v>
      </c>
      <c r="AE13" s="281">
        <v>282</v>
      </c>
      <c r="AF13" s="281">
        <v>267</v>
      </c>
      <c r="AG13" s="278">
        <v>2108</v>
      </c>
      <c r="AH13" s="283">
        <v>2569</v>
      </c>
      <c r="AI13" s="277">
        <v>22</v>
      </c>
      <c r="AJ13" s="281">
        <v>51</v>
      </c>
      <c r="AK13" s="278">
        <v>73</v>
      </c>
      <c r="AL13" s="280">
        <v>0</v>
      </c>
      <c r="AM13" s="281">
        <v>107</v>
      </c>
      <c r="AN13" s="281">
        <v>93</v>
      </c>
      <c r="AO13" s="281">
        <v>60</v>
      </c>
      <c r="AP13" s="281">
        <v>64</v>
      </c>
      <c r="AQ13" s="281">
        <v>47</v>
      </c>
      <c r="AR13" s="278">
        <v>371</v>
      </c>
      <c r="AS13" s="283">
        <v>444</v>
      </c>
      <c r="AT13" s="277">
        <v>174</v>
      </c>
      <c r="AU13" s="281">
        <v>272</v>
      </c>
      <c r="AV13" s="278">
        <v>446</v>
      </c>
      <c r="AW13" s="280">
        <v>0</v>
      </c>
      <c r="AX13" s="281">
        <v>1210</v>
      </c>
      <c r="AY13" s="281">
        <v>1029</v>
      </c>
      <c r="AZ13" s="281">
        <v>812</v>
      </c>
      <c r="BA13" s="281">
        <v>823</v>
      </c>
      <c r="BB13" s="281">
        <v>738</v>
      </c>
      <c r="BC13" s="282">
        <v>4612</v>
      </c>
      <c r="BD13" s="283">
        <v>5058</v>
      </c>
      <c r="BE13" s="277">
        <v>0</v>
      </c>
      <c r="BF13" s="281">
        <v>0</v>
      </c>
      <c r="BG13" s="278">
        <v>0</v>
      </c>
      <c r="BH13" s="280">
        <v>0</v>
      </c>
      <c r="BI13" s="281">
        <v>1484</v>
      </c>
      <c r="BJ13" s="281">
        <v>789</v>
      </c>
      <c r="BK13" s="281">
        <v>458</v>
      </c>
      <c r="BL13" s="281">
        <v>234</v>
      </c>
      <c r="BM13" s="281">
        <v>114</v>
      </c>
      <c r="BN13" s="278">
        <v>3079</v>
      </c>
      <c r="BO13" s="283">
        <v>3079</v>
      </c>
      <c r="BP13" s="277">
        <v>65</v>
      </c>
      <c r="BQ13" s="281">
        <v>85</v>
      </c>
      <c r="BR13" s="278">
        <v>150</v>
      </c>
      <c r="BS13" s="280">
        <v>0</v>
      </c>
      <c r="BT13" s="281">
        <v>237</v>
      </c>
      <c r="BU13" s="281">
        <v>161</v>
      </c>
      <c r="BV13" s="281">
        <v>93</v>
      </c>
      <c r="BW13" s="281">
        <v>54</v>
      </c>
      <c r="BX13" s="281">
        <v>23</v>
      </c>
      <c r="BY13" s="278">
        <v>568</v>
      </c>
      <c r="BZ13" s="283">
        <v>718</v>
      </c>
      <c r="CA13" s="277">
        <v>5</v>
      </c>
      <c r="CB13" s="281">
        <v>21</v>
      </c>
      <c r="CC13" s="278">
        <v>26</v>
      </c>
      <c r="CD13" s="280">
        <v>0</v>
      </c>
      <c r="CE13" s="281">
        <v>146</v>
      </c>
      <c r="CF13" s="281">
        <v>142</v>
      </c>
      <c r="CG13" s="281">
        <v>190</v>
      </c>
      <c r="CH13" s="281">
        <v>122</v>
      </c>
      <c r="CI13" s="281">
        <v>74</v>
      </c>
      <c r="CJ13" s="278">
        <v>674</v>
      </c>
      <c r="CK13" s="283">
        <v>700</v>
      </c>
      <c r="CL13" s="277">
        <v>0</v>
      </c>
      <c r="CM13" s="281">
        <v>1</v>
      </c>
      <c r="CN13" s="278">
        <v>1</v>
      </c>
      <c r="CO13" s="280">
        <v>0</v>
      </c>
      <c r="CP13" s="281">
        <v>10</v>
      </c>
      <c r="CQ13" s="281">
        <v>12</v>
      </c>
      <c r="CR13" s="281">
        <v>14</v>
      </c>
      <c r="CS13" s="281">
        <v>9</v>
      </c>
      <c r="CT13" s="281">
        <v>6</v>
      </c>
      <c r="CU13" s="278">
        <v>51</v>
      </c>
      <c r="CV13" s="283">
        <v>52</v>
      </c>
      <c r="CW13" s="277">
        <v>0</v>
      </c>
      <c r="CX13" s="281">
        <v>0</v>
      </c>
      <c r="CY13" s="278">
        <v>0</v>
      </c>
      <c r="CZ13" s="280">
        <v>0</v>
      </c>
      <c r="DA13" s="281">
        <v>0</v>
      </c>
      <c r="DB13" s="281">
        <v>0</v>
      </c>
      <c r="DC13" s="281">
        <v>0</v>
      </c>
      <c r="DD13" s="281">
        <v>0</v>
      </c>
      <c r="DE13" s="281">
        <v>0</v>
      </c>
      <c r="DF13" s="278">
        <v>0</v>
      </c>
      <c r="DG13" s="283">
        <v>0</v>
      </c>
      <c r="DH13" s="277">
        <v>0</v>
      </c>
      <c r="DI13" s="281">
        <v>0</v>
      </c>
      <c r="DJ13" s="278">
        <v>0</v>
      </c>
      <c r="DK13" s="280">
        <v>0</v>
      </c>
      <c r="DL13" s="281">
        <v>0</v>
      </c>
      <c r="DM13" s="281">
        <v>0</v>
      </c>
      <c r="DN13" s="281">
        <v>0</v>
      </c>
      <c r="DO13" s="281">
        <v>0</v>
      </c>
      <c r="DP13" s="281">
        <v>0</v>
      </c>
      <c r="DQ13" s="278">
        <v>0</v>
      </c>
      <c r="DR13" s="283">
        <v>0</v>
      </c>
      <c r="DS13" s="277">
        <v>919</v>
      </c>
      <c r="DT13" s="281">
        <v>1202</v>
      </c>
      <c r="DU13" s="278">
        <v>2121</v>
      </c>
      <c r="DV13" s="280">
        <v>0</v>
      </c>
      <c r="DW13" s="281">
        <v>1909</v>
      </c>
      <c r="DX13" s="281">
        <v>1579</v>
      </c>
      <c r="DY13" s="281">
        <v>1014</v>
      </c>
      <c r="DZ13" s="281">
        <v>797</v>
      </c>
      <c r="EA13" s="281">
        <v>564</v>
      </c>
      <c r="EB13" s="278">
        <v>5863</v>
      </c>
      <c r="EC13" s="283">
        <v>7984</v>
      </c>
      <c r="ED13" s="277">
        <v>73</v>
      </c>
      <c r="EE13" s="281">
        <v>88</v>
      </c>
      <c r="EF13" s="278">
        <v>161</v>
      </c>
      <c r="EG13" s="280">
        <v>0</v>
      </c>
      <c r="EH13" s="281">
        <v>271</v>
      </c>
      <c r="EI13" s="281">
        <v>212</v>
      </c>
      <c r="EJ13" s="281">
        <v>190</v>
      </c>
      <c r="EK13" s="281">
        <v>203</v>
      </c>
      <c r="EL13" s="281">
        <v>146</v>
      </c>
      <c r="EM13" s="278">
        <v>1022</v>
      </c>
      <c r="EN13" s="283">
        <v>1183</v>
      </c>
      <c r="EO13" s="277">
        <v>1087</v>
      </c>
      <c r="EP13" s="281">
        <v>1407</v>
      </c>
      <c r="EQ13" s="278">
        <v>2494</v>
      </c>
      <c r="ER13" s="280">
        <v>0</v>
      </c>
      <c r="ES13" s="281">
        <v>3333</v>
      </c>
      <c r="ET13" s="281">
        <v>1870</v>
      </c>
      <c r="EU13" s="281">
        <v>1081</v>
      </c>
      <c r="EV13" s="281">
        <v>781</v>
      </c>
      <c r="EW13" s="281">
        <v>535</v>
      </c>
      <c r="EX13" s="278">
        <v>7600</v>
      </c>
      <c r="EY13" s="283">
        <v>10094</v>
      </c>
    </row>
    <row r="14" spans="1:155" ht="19.5" customHeight="1" x14ac:dyDescent="0.2">
      <c r="A14" s="262" t="s">
        <v>11</v>
      </c>
      <c r="B14" s="277">
        <v>0</v>
      </c>
      <c r="C14" s="281">
        <v>0</v>
      </c>
      <c r="D14" s="385">
        <v>0</v>
      </c>
      <c r="E14" s="280">
        <v>0</v>
      </c>
      <c r="F14" s="281">
        <v>541</v>
      </c>
      <c r="G14" s="281">
        <v>342</v>
      </c>
      <c r="H14" s="281">
        <v>244</v>
      </c>
      <c r="I14" s="281">
        <v>200</v>
      </c>
      <c r="J14" s="281">
        <v>157</v>
      </c>
      <c r="K14" s="282">
        <v>1484</v>
      </c>
      <c r="L14" s="283">
        <v>1484</v>
      </c>
      <c r="M14" s="277">
        <v>0</v>
      </c>
      <c r="N14" s="281">
        <v>1</v>
      </c>
      <c r="O14" s="278">
        <v>1</v>
      </c>
      <c r="P14" s="280">
        <v>0</v>
      </c>
      <c r="Q14" s="281">
        <v>4</v>
      </c>
      <c r="R14" s="281">
        <v>13</v>
      </c>
      <c r="S14" s="281">
        <v>23</v>
      </c>
      <c r="T14" s="281">
        <v>46</v>
      </c>
      <c r="U14" s="281">
        <v>65</v>
      </c>
      <c r="V14" s="278">
        <v>151</v>
      </c>
      <c r="W14" s="283">
        <v>152</v>
      </c>
      <c r="X14" s="277">
        <v>45</v>
      </c>
      <c r="Y14" s="281">
        <v>60</v>
      </c>
      <c r="Z14" s="278">
        <v>105</v>
      </c>
      <c r="AA14" s="280">
        <v>0</v>
      </c>
      <c r="AB14" s="281">
        <v>309</v>
      </c>
      <c r="AC14" s="281">
        <v>208</v>
      </c>
      <c r="AD14" s="281">
        <v>198</v>
      </c>
      <c r="AE14" s="281">
        <v>172</v>
      </c>
      <c r="AF14" s="281">
        <v>153</v>
      </c>
      <c r="AG14" s="278">
        <v>1040</v>
      </c>
      <c r="AH14" s="283">
        <v>1145</v>
      </c>
      <c r="AI14" s="277">
        <v>3</v>
      </c>
      <c r="AJ14" s="281">
        <v>8</v>
      </c>
      <c r="AK14" s="278">
        <v>11</v>
      </c>
      <c r="AL14" s="280">
        <v>0</v>
      </c>
      <c r="AM14" s="281">
        <v>33</v>
      </c>
      <c r="AN14" s="281">
        <v>25</v>
      </c>
      <c r="AO14" s="281">
        <v>16</v>
      </c>
      <c r="AP14" s="281">
        <v>23</v>
      </c>
      <c r="AQ14" s="281">
        <v>6</v>
      </c>
      <c r="AR14" s="278">
        <v>103</v>
      </c>
      <c r="AS14" s="283">
        <v>114</v>
      </c>
      <c r="AT14" s="277">
        <v>54</v>
      </c>
      <c r="AU14" s="281">
        <v>52</v>
      </c>
      <c r="AV14" s="278">
        <v>106</v>
      </c>
      <c r="AW14" s="280">
        <v>0</v>
      </c>
      <c r="AX14" s="281">
        <v>455</v>
      </c>
      <c r="AY14" s="281">
        <v>422</v>
      </c>
      <c r="AZ14" s="281">
        <v>396</v>
      </c>
      <c r="BA14" s="281">
        <v>402</v>
      </c>
      <c r="BB14" s="281">
        <v>296</v>
      </c>
      <c r="BC14" s="282">
        <v>1971</v>
      </c>
      <c r="BD14" s="283">
        <v>2077</v>
      </c>
      <c r="BE14" s="277">
        <v>0</v>
      </c>
      <c r="BF14" s="281">
        <v>0</v>
      </c>
      <c r="BG14" s="278">
        <v>0</v>
      </c>
      <c r="BH14" s="280">
        <v>0</v>
      </c>
      <c r="BI14" s="281">
        <v>689</v>
      </c>
      <c r="BJ14" s="281">
        <v>378</v>
      </c>
      <c r="BK14" s="281">
        <v>224</v>
      </c>
      <c r="BL14" s="281">
        <v>154</v>
      </c>
      <c r="BM14" s="281">
        <v>89</v>
      </c>
      <c r="BN14" s="278">
        <v>1534</v>
      </c>
      <c r="BO14" s="283">
        <v>1534</v>
      </c>
      <c r="BP14" s="277">
        <v>61</v>
      </c>
      <c r="BQ14" s="281">
        <v>55</v>
      </c>
      <c r="BR14" s="278">
        <v>116</v>
      </c>
      <c r="BS14" s="280">
        <v>0</v>
      </c>
      <c r="BT14" s="281">
        <v>195</v>
      </c>
      <c r="BU14" s="281">
        <v>112</v>
      </c>
      <c r="BV14" s="281">
        <v>68</v>
      </c>
      <c r="BW14" s="281">
        <v>52</v>
      </c>
      <c r="BX14" s="281">
        <v>17</v>
      </c>
      <c r="BY14" s="278">
        <v>444</v>
      </c>
      <c r="BZ14" s="283">
        <v>560</v>
      </c>
      <c r="CA14" s="277">
        <v>5</v>
      </c>
      <c r="CB14" s="281">
        <v>9</v>
      </c>
      <c r="CC14" s="278">
        <v>14</v>
      </c>
      <c r="CD14" s="280">
        <v>0</v>
      </c>
      <c r="CE14" s="281">
        <v>86</v>
      </c>
      <c r="CF14" s="281">
        <v>85</v>
      </c>
      <c r="CG14" s="281">
        <v>92</v>
      </c>
      <c r="CH14" s="281">
        <v>80</v>
      </c>
      <c r="CI14" s="281">
        <v>31</v>
      </c>
      <c r="CJ14" s="278">
        <v>374</v>
      </c>
      <c r="CK14" s="283">
        <v>388</v>
      </c>
      <c r="CL14" s="277">
        <v>0</v>
      </c>
      <c r="CM14" s="281">
        <v>0</v>
      </c>
      <c r="CN14" s="278">
        <v>0</v>
      </c>
      <c r="CO14" s="280">
        <v>0</v>
      </c>
      <c r="CP14" s="281">
        <v>8</v>
      </c>
      <c r="CQ14" s="281">
        <v>3</v>
      </c>
      <c r="CR14" s="281">
        <v>8</v>
      </c>
      <c r="CS14" s="281">
        <v>10</v>
      </c>
      <c r="CT14" s="281">
        <v>8</v>
      </c>
      <c r="CU14" s="278">
        <v>37</v>
      </c>
      <c r="CV14" s="283">
        <v>37</v>
      </c>
      <c r="CW14" s="277">
        <v>0</v>
      </c>
      <c r="CX14" s="281">
        <v>0</v>
      </c>
      <c r="CY14" s="278">
        <v>0</v>
      </c>
      <c r="CZ14" s="280">
        <v>0</v>
      </c>
      <c r="DA14" s="281">
        <v>0</v>
      </c>
      <c r="DB14" s="281">
        <v>0</v>
      </c>
      <c r="DC14" s="281">
        <v>0</v>
      </c>
      <c r="DD14" s="281">
        <v>0</v>
      </c>
      <c r="DE14" s="281">
        <v>0</v>
      </c>
      <c r="DF14" s="278">
        <v>0</v>
      </c>
      <c r="DG14" s="283">
        <v>0</v>
      </c>
      <c r="DH14" s="277">
        <v>0</v>
      </c>
      <c r="DI14" s="281">
        <v>0</v>
      </c>
      <c r="DJ14" s="278">
        <v>0</v>
      </c>
      <c r="DK14" s="280">
        <v>0</v>
      </c>
      <c r="DL14" s="281">
        <v>0</v>
      </c>
      <c r="DM14" s="281">
        <v>0</v>
      </c>
      <c r="DN14" s="281">
        <v>0</v>
      </c>
      <c r="DO14" s="281">
        <v>0</v>
      </c>
      <c r="DP14" s="281">
        <v>0</v>
      </c>
      <c r="DQ14" s="278">
        <v>0</v>
      </c>
      <c r="DR14" s="283">
        <v>0</v>
      </c>
      <c r="DS14" s="277">
        <v>358</v>
      </c>
      <c r="DT14" s="281">
        <v>406</v>
      </c>
      <c r="DU14" s="278">
        <v>764</v>
      </c>
      <c r="DV14" s="280">
        <v>0</v>
      </c>
      <c r="DW14" s="281">
        <v>992</v>
      </c>
      <c r="DX14" s="281">
        <v>807</v>
      </c>
      <c r="DY14" s="281">
        <v>581</v>
      </c>
      <c r="DZ14" s="281">
        <v>463</v>
      </c>
      <c r="EA14" s="281">
        <v>282</v>
      </c>
      <c r="EB14" s="278">
        <v>3125</v>
      </c>
      <c r="EC14" s="283">
        <v>3889</v>
      </c>
      <c r="ED14" s="277">
        <v>41</v>
      </c>
      <c r="EE14" s="281">
        <v>35</v>
      </c>
      <c r="EF14" s="278">
        <v>76</v>
      </c>
      <c r="EG14" s="280">
        <v>0</v>
      </c>
      <c r="EH14" s="281">
        <v>196</v>
      </c>
      <c r="EI14" s="281">
        <v>139</v>
      </c>
      <c r="EJ14" s="281">
        <v>121</v>
      </c>
      <c r="EK14" s="281">
        <v>159</v>
      </c>
      <c r="EL14" s="281">
        <v>80</v>
      </c>
      <c r="EM14" s="278">
        <v>695</v>
      </c>
      <c r="EN14" s="283">
        <v>771</v>
      </c>
      <c r="EO14" s="277">
        <v>439</v>
      </c>
      <c r="EP14" s="281">
        <v>475</v>
      </c>
      <c r="EQ14" s="278">
        <v>914</v>
      </c>
      <c r="ER14" s="280">
        <v>0</v>
      </c>
      <c r="ES14" s="281">
        <v>1887</v>
      </c>
      <c r="ET14" s="281">
        <v>1053</v>
      </c>
      <c r="EU14" s="281">
        <v>678</v>
      </c>
      <c r="EV14" s="281">
        <v>480</v>
      </c>
      <c r="EW14" s="281">
        <v>291</v>
      </c>
      <c r="EX14" s="278">
        <v>4389</v>
      </c>
      <c r="EY14" s="283">
        <v>5303</v>
      </c>
    </row>
    <row r="15" spans="1:155" ht="19.5" customHeight="1" x14ac:dyDescent="0.2">
      <c r="A15" s="262" t="s">
        <v>12</v>
      </c>
      <c r="B15" s="277">
        <v>0</v>
      </c>
      <c r="C15" s="281">
        <v>0</v>
      </c>
      <c r="D15" s="385">
        <v>0</v>
      </c>
      <c r="E15" s="280">
        <v>0</v>
      </c>
      <c r="F15" s="281">
        <v>483</v>
      </c>
      <c r="G15" s="281">
        <v>416</v>
      </c>
      <c r="H15" s="281">
        <v>299</v>
      </c>
      <c r="I15" s="281">
        <v>298</v>
      </c>
      <c r="J15" s="281">
        <v>192</v>
      </c>
      <c r="K15" s="282">
        <v>1688</v>
      </c>
      <c r="L15" s="283">
        <v>1688</v>
      </c>
      <c r="M15" s="277">
        <v>0</v>
      </c>
      <c r="N15" s="281">
        <v>4</v>
      </c>
      <c r="O15" s="278">
        <v>4</v>
      </c>
      <c r="P15" s="280">
        <v>0</v>
      </c>
      <c r="Q15" s="281">
        <v>2</v>
      </c>
      <c r="R15" s="281">
        <v>18</v>
      </c>
      <c r="S15" s="281">
        <v>24</v>
      </c>
      <c r="T15" s="281">
        <v>53</v>
      </c>
      <c r="U15" s="281">
        <v>85</v>
      </c>
      <c r="V15" s="278">
        <v>182</v>
      </c>
      <c r="W15" s="283">
        <v>186</v>
      </c>
      <c r="X15" s="277">
        <v>119</v>
      </c>
      <c r="Y15" s="281">
        <v>193</v>
      </c>
      <c r="Z15" s="278">
        <v>312</v>
      </c>
      <c r="AA15" s="280">
        <v>0</v>
      </c>
      <c r="AB15" s="281">
        <v>284</v>
      </c>
      <c r="AC15" s="281">
        <v>311</v>
      </c>
      <c r="AD15" s="281">
        <v>201</v>
      </c>
      <c r="AE15" s="281">
        <v>218</v>
      </c>
      <c r="AF15" s="281">
        <v>163</v>
      </c>
      <c r="AG15" s="278">
        <v>1177</v>
      </c>
      <c r="AH15" s="283">
        <v>1489</v>
      </c>
      <c r="AI15" s="277">
        <v>4</v>
      </c>
      <c r="AJ15" s="281">
        <v>18</v>
      </c>
      <c r="AK15" s="278">
        <v>22</v>
      </c>
      <c r="AL15" s="280">
        <v>0</v>
      </c>
      <c r="AM15" s="281">
        <v>15</v>
      </c>
      <c r="AN15" s="281">
        <v>36</v>
      </c>
      <c r="AO15" s="281">
        <v>27</v>
      </c>
      <c r="AP15" s="281">
        <v>24</v>
      </c>
      <c r="AQ15" s="281">
        <v>17</v>
      </c>
      <c r="AR15" s="278">
        <v>119</v>
      </c>
      <c r="AS15" s="283">
        <v>141</v>
      </c>
      <c r="AT15" s="277">
        <v>81</v>
      </c>
      <c r="AU15" s="281">
        <v>108</v>
      </c>
      <c r="AV15" s="278">
        <v>189</v>
      </c>
      <c r="AW15" s="280">
        <v>0</v>
      </c>
      <c r="AX15" s="281">
        <v>326</v>
      </c>
      <c r="AY15" s="281">
        <v>331</v>
      </c>
      <c r="AZ15" s="281">
        <v>324</v>
      </c>
      <c r="BA15" s="281">
        <v>406</v>
      </c>
      <c r="BB15" s="281">
        <v>308</v>
      </c>
      <c r="BC15" s="282">
        <v>1695</v>
      </c>
      <c r="BD15" s="283">
        <v>1884</v>
      </c>
      <c r="BE15" s="277">
        <v>0</v>
      </c>
      <c r="BF15" s="281">
        <v>0</v>
      </c>
      <c r="BG15" s="278">
        <v>0</v>
      </c>
      <c r="BH15" s="280">
        <v>0</v>
      </c>
      <c r="BI15" s="281">
        <v>552</v>
      </c>
      <c r="BJ15" s="281">
        <v>378</v>
      </c>
      <c r="BK15" s="281">
        <v>261</v>
      </c>
      <c r="BL15" s="281">
        <v>180</v>
      </c>
      <c r="BM15" s="281">
        <v>75</v>
      </c>
      <c r="BN15" s="278">
        <v>1446</v>
      </c>
      <c r="BO15" s="283">
        <v>1446</v>
      </c>
      <c r="BP15" s="277">
        <v>128</v>
      </c>
      <c r="BQ15" s="281">
        <v>121</v>
      </c>
      <c r="BR15" s="278">
        <v>249</v>
      </c>
      <c r="BS15" s="280">
        <v>0</v>
      </c>
      <c r="BT15" s="281">
        <v>115</v>
      </c>
      <c r="BU15" s="281">
        <v>152</v>
      </c>
      <c r="BV15" s="281">
        <v>114</v>
      </c>
      <c r="BW15" s="281">
        <v>84</v>
      </c>
      <c r="BX15" s="281">
        <v>34</v>
      </c>
      <c r="BY15" s="278">
        <v>499</v>
      </c>
      <c r="BZ15" s="283">
        <v>748</v>
      </c>
      <c r="CA15" s="277">
        <v>6</v>
      </c>
      <c r="CB15" s="281">
        <v>7</v>
      </c>
      <c r="CC15" s="278">
        <v>13</v>
      </c>
      <c r="CD15" s="280">
        <v>0</v>
      </c>
      <c r="CE15" s="281">
        <v>74</v>
      </c>
      <c r="CF15" s="281">
        <v>80</v>
      </c>
      <c r="CG15" s="281">
        <v>123</v>
      </c>
      <c r="CH15" s="281">
        <v>93</v>
      </c>
      <c r="CI15" s="281">
        <v>46</v>
      </c>
      <c r="CJ15" s="278">
        <v>416</v>
      </c>
      <c r="CK15" s="283">
        <v>429</v>
      </c>
      <c r="CL15" s="277">
        <v>0</v>
      </c>
      <c r="CM15" s="281">
        <v>0</v>
      </c>
      <c r="CN15" s="278">
        <v>0</v>
      </c>
      <c r="CO15" s="280">
        <v>0</v>
      </c>
      <c r="CP15" s="281">
        <v>2</v>
      </c>
      <c r="CQ15" s="281">
        <v>4</v>
      </c>
      <c r="CR15" s="281">
        <v>4</v>
      </c>
      <c r="CS15" s="281">
        <v>5</v>
      </c>
      <c r="CT15" s="281">
        <v>2</v>
      </c>
      <c r="CU15" s="278">
        <v>17</v>
      </c>
      <c r="CV15" s="283">
        <v>17</v>
      </c>
      <c r="CW15" s="277">
        <v>0</v>
      </c>
      <c r="CX15" s="281">
        <v>0</v>
      </c>
      <c r="CY15" s="278">
        <v>0</v>
      </c>
      <c r="CZ15" s="280">
        <v>0</v>
      </c>
      <c r="DA15" s="281">
        <v>0</v>
      </c>
      <c r="DB15" s="281">
        <v>0</v>
      </c>
      <c r="DC15" s="281">
        <v>0</v>
      </c>
      <c r="DD15" s="281">
        <v>0</v>
      </c>
      <c r="DE15" s="281">
        <v>0</v>
      </c>
      <c r="DF15" s="278">
        <v>0</v>
      </c>
      <c r="DG15" s="283">
        <v>0</v>
      </c>
      <c r="DH15" s="277">
        <v>0</v>
      </c>
      <c r="DI15" s="281">
        <v>0</v>
      </c>
      <c r="DJ15" s="278">
        <v>0</v>
      </c>
      <c r="DK15" s="280">
        <v>0</v>
      </c>
      <c r="DL15" s="281">
        <v>0</v>
      </c>
      <c r="DM15" s="281">
        <v>0</v>
      </c>
      <c r="DN15" s="281">
        <v>0</v>
      </c>
      <c r="DO15" s="281">
        <v>0</v>
      </c>
      <c r="DP15" s="281">
        <v>0</v>
      </c>
      <c r="DQ15" s="278">
        <v>0</v>
      </c>
      <c r="DR15" s="283">
        <v>0</v>
      </c>
      <c r="DS15" s="277">
        <v>496</v>
      </c>
      <c r="DT15" s="281">
        <v>792</v>
      </c>
      <c r="DU15" s="278">
        <v>1288</v>
      </c>
      <c r="DV15" s="280">
        <v>0</v>
      </c>
      <c r="DW15" s="281">
        <v>525</v>
      </c>
      <c r="DX15" s="281">
        <v>885</v>
      </c>
      <c r="DY15" s="281">
        <v>683</v>
      </c>
      <c r="DZ15" s="281">
        <v>583</v>
      </c>
      <c r="EA15" s="281">
        <v>343</v>
      </c>
      <c r="EB15" s="278">
        <v>3019</v>
      </c>
      <c r="EC15" s="283">
        <v>4307</v>
      </c>
      <c r="ED15" s="277">
        <v>40</v>
      </c>
      <c r="EE15" s="281">
        <v>45</v>
      </c>
      <c r="EF15" s="278">
        <v>85</v>
      </c>
      <c r="EG15" s="280">
        <v>0</v>
      </c>
      <c r="EH15" s="281">
        <v>110</v>
      </c>
      <c r="EI15" s="281">
        <v>98</v>
      </c>
      <c r="EJ15" s="281">
        <v>82</v>
      </c>
      <c r="EK15" s="281">
        <v>118</v>
      </c>
      <c r="EL15" s="281">
        <v>69</v>
      </c>
      <c r="EM15" s="278">
        <v>477</v>
      </c>
      <c r="EN15" s="283">
        <v>562</v>
      </c>
      <c r="EO15" s="277">
        <v>679</v>
      </c>
      <c r="EP15" s="281">
        <v>939</v>
      </c>
      <c r="EQ15" s="278">
        <v>1618</v>
      </c>
      <c r="ER15" s="280">
        <v>0</v>
      </c>
      <c r="ES15" s="281">
        <v>1418</v>
      </c>
      <c r="ET15" s="281">
        <v>1137</v>
      </c>
      <c r="EU15" s="281">
        <v>770</v>
      </c>
      <c r="EV15" s="281">
        <v>575</v>
      </c>
      <c r="EW15" s="281">
        <v>333</v>
      </c>
      <c r="EX15" s="278">
        <v>4233</v>
      </c>
      <c r="EY15" s="283">
        <v>5851</v>
      </c>
    </row>
    <row r="16" spans="1:155" ht="19.5" customHeight="1" x14ac:dyDescent="0.2">
      <c r="A16" s="262" t="s">
        <v>13</v>
      </c>
      <c r="B16" s="277">
        <v>0</v>
      </c>
      <c r="C16" s="281">
        <v>0</v>
      </c>
      <c r="D16" s="385">
        <v>0</v>
      </c>
      <c r="E16" s="280">
        <v>0</v>
      </c>
      <c r="F16" s="281">
        <v>219</v>
      </c>
      <c r="G16" s="281">
        <v>230</v>
      </c>
      <c r="H16" s="281">
        <v>135</v>
      </c>
      <c r="I16" s="281">
        <v>110</v>
      </c>
      <c r="J16" s="281">
        <v>105</v>
      </c>
      <c r="K16" s="282">
        <v>799</v>
      </c>
      <c r="L16" s="283">
        <v>799</v>
      </c>
      <c r="M16" s="277">
        <v>1</v>
      </c>
      <c r="N16" s="281">
        <v>0</v>
      </c>
      <c r="O16" s="278">
        <v>1</v>
      </c>
      <c r="P16" s="280">
        <v>0</v>
      </c>
      <c r="Q16" s="281">
        <v>0</v>
      </c>
      <c r="R16" s="281">
        <v>3</v>
      </c>
      <c r="S16" s="281">
        <v>5</v>
      </c>
      <c r="T16" s="281">
        <v>16</v>
      </c>
      <c r="U16" s="281">
        <v>32</v>
      </c>
      <c r="V16" s="278">
        <v>56</v>
      </c>
      <c r="W16" s="283">
        <v>57</v>
      </c>
      <c r="X16" s="277">
        <v>8</v>
      </c>
      <c r="Y16" s="281">
        <v>23</v>
      </c>
      <c r="Z16" s="278">
        <v>31</v>
      </c>
      <c r="AA16" s="280">
        <v>0</v>
      </c>
      <c r="AB16" s="281">
        <v>90</v>
      </c>
      <c r="AC16" s="281">
        <v>135</v>
      </c>
      <c r="AD16" s="281">
        <v>88</v>
      </c>
      <c r="AE16" s="281">
        <v>78</v>
      </c>
      <c r="AF16" s="281">
        <v>78</v>
      </c>
      <c r="AG16" s="278">
        <v>469</v>
      </c>
      <c r="AH16" s="283">
        <v>500</v>
      </c>
      <c r="AI16" s="277">
        <v>3</v>
      </c>
      <c r="AJ16" s="281">
        <v>4</v>
      </c>
      <c r="AK16" s="278">
        <v>7</v>
      </c>
      <c r="AL16" s="280">
        <v>0</v>
      </c>
      <c r="AM16" s="281">
        <v>18</v>
      </c>
      <c r="AN16" s="281">
        <v>21</v>
      </c>
      <c r="AO16" s="281">
        <v>12</v>
      </c>
      <c r="AP16" s="281">
        <v>12</v>
      </c>
      <c r="AQ16" s="281">
        <v>5</v>
      </c>
      <c r="AR16" s="278">
        <v>68</v>
      </c>
      <c r="AS16" s="283">
        <v>75</v>
      </c>
      <c r="AT16" s="277">
        <v>34</v>
      </c>
      <c r="AU16" s="281">
        <v>34</v>
      </c>
      <c r="AV16" s="278">
        <v>68</v>
      </c>
      <c r="AW16" s="280">
        <v>0</v>
      </c>
      <c r="AX16" s="281">
        <v>173</v>
      </c>
      <c r="AY16" s="281">
        <v>169</v>
      </c>
      <c r="AZ16" s="281">
        <v>173</v>
      </c>
      <c r="BA16" s="281">
        <v>166</v>
      </c>
      <c r="BB16" s="281">
        <v>143</v>
      </c>
      <c r="BC16" s="282">
        <v>824</v>
      </c>
      <c r="BD16" s="283">
        <v>892</v>
      </c>
      <c r="BE16" s="277">
        <v>0</v>
      </c>
      <c r="BF16" s="281">
        <v>0</v>
      </c>
      <c r="BG16" s="278">
        <v>0</v>
      </c>
      <c r="BH16" s="280">
        <v>0</v>
      </c>
      <c r="BI16" s="281">
        <v>173</v>
      </c>
      <c r="BJ16" s="281">
        <v>182</v>
      </c>
      <c r="BK16" s="281">
        <v>95</v>
      </c>
      <c r="BL16" s="281">
        <v>63</v>
      </c>
      <c r="BM16" s="281">
        <v>27</v>
      </c>
      <c r="BN16" s="278">
        <v>540</v>
      </c>
      <c r="BO16" s="283">
        <v>540</v>
      </c>
      <c r="BP16" s="277">
        <v>10</v>
      </c>
      <c r="BQ16" s="281">
        <v>25</v>
      </c>
      <c r="BR16" s="278">
        <v>35</v>
      </c>
      <c r="BS16" s="280">
        <v>0</v>
      </c>
      <c r="BT16" s="281">
        <v>32</v>
      </c>
      <c r="BU16" s="281">
        <v>37</v>
      </c>
      <c r="BV16" s="281">
        <v>26</v>
      </c>
      <c r="BW16" s="281">
        <v>23</v>
      </c>
      <c r="BX16" s="281">
        <v>11</v>
      </c>
      <c r="BY16" s="278">
        <v>129</v>
      </c>
      <c r="BZ16" s="283">
        <v>164</v>
      </c>
      <c r="CA16" s="277">
        <v>0</v>
      </c>
      <c r="CB16" s="281">
        <v>0</v>
      </c>
      <c r="CC16" s="278">
        <v>0</v>
      </c>
      <c r="CD16" s="280">
        <v>0</v>
      </c>
      <c r="CE16" s="281">
        <v>15</v>
      </c>
      <c r="CF16" s="281">
        <v>26</v>
      </c>
      <c r="CG16" s="281">
        <v>38</v>
      </c>
      <c r="CH16" s="281">
        <v>37</v>
      </c>
      <c r="CI16" s="281">
        <v>28</v>
      </c>
      <c r="CJ16" s="278">
        <v>144</v>
      </c>
      <c r="CK16" s="283">
        <v>144</v>
      </c>
      <c r="CL16" s="277">
        <v>0</v>
      </c>
      <c r="CM16" s="281">
        <v>0</v>
      </c>
      <c r="CN16" s="278">
        <v>0</v>
      </c>
      <c r="CO16" s="280">
        <v>0</v>
      </c>
      <c r="CP16" s="281">
        <v>1</v>
      </c>
      <c r="CQ16" s="281">
        <v>1</v>
      </c>
      <c r="CR16" s="281">
        <v>0</v>
      </c>
      <c r="CS16" s="281">
        <v>2</v>
      </c>
      <c r="CT16" s="281">
        <v>0</v>
      </c>
      <c r="CU16" s="278">
        <v>4</v>
      </c>
      <c r="CV16" s="283">
        <v>4</v>
      </c>
      <c r="CW16" s="277">
        <v>0</v>
      </c>
      <c r="CX16" s="281">
        <v>0</v>
      </c>
      <c r="CY16" s="278">
        <v>0</v>
      </c>
      <c r="CZ16" s="280">
        <v>0</v>
      </c>
      <c r="DA16" s="281">
        <v>0</v>
      </c>
      <c r="DB16" s="281">
        <v>0</v>
      </c>
      <c r="DC16" s="281">
        <v>0</v>
      </c>
      <c r="DD16" s="281">
        <v>0</v>
      </c>
      <c r="DE16" s="281">
        <v>0</v>
      </c>
      <c r="DF16" s="278">
        <v>0</v>
      </c>
      <c r="DG16" s="283">
        <v>0</v>
      </c>
      <c r="DH16" s="277">
        <v>0</v>
      </c>
      <c r="DI16" s="281">
        <v>0</v>
      </c>
      <c r="DJ16" s="278">
        <v>0</v>
      </c>
      <c r="DK16" s="280">
        <v>0</v>
      </c>
      <c r="DL16" s="281">
        <v>0</v>
      </c>
      <c r="DM16" s="281">
        <v>0</v>
      </c>
      <c r="DN16" s="281">
        <v>0</v>
      </c>
      <c r="DO16" s="281">
        <v>0</v>
      </c>
      <c r="DP16" s="281">
        <v>0</v>
      </c>
      <c r="DQ16" s="278">
        <v>0</v>
      </c>
      <c r="DR16" s="283">
        <v>0</v>
      </c>
      <c r="DS16" s="277">
        <v>64</v>
      </c>
      <c r="DT16" s="281">
        <v>166</v>
      </c>
      <c r="DU16" s="278">
        <v>230</v>
      </c>
      <c r="DV16" s="280">
        <v>0</v>
      </c>
      <c r="DW16" s="281">
        <v>237</v>
      </c>
      <c r="DX16" s="281">
        <v>396</v>
      </c>
      <c r="DY16" s="281">
        <v>213</v>
      </c>
      <c r="DZ16" s="281">
        <v>200</v>
      </c>
      <c r="EA16" s="281">
        <v>132</v>
      </c>
      <c r="EB16" s="278">
        <v>1178</v>
      </c>
      <c r="EC16" s="283">
        <v>1408</v>
      </c>
      <c r="ED16" s="277">
        <v>28</v>
      </c>
      <c r="EE16" s="281">
        <v>21</v>
      </c>
      <c r="EF16" s="278">
        <v>49</v>
      </c>
      <c r="EG16" s="280">
        <v>0</v>
      </c>
      <c r="EH16" s="281">
        <v>89</v>
      </c>
      <c r="EI16" s="281">
        <v>60</v>
      </c>
      <c r="EJ16" s="281">
        <v>68</v>
      </c>
      <c r="EK16" s="281">
        <v>70</v>
      </c>
      <c r="EL16" s="281">
        <v>42</v>
      </c>
      <c r="EM16" s="278">
        <v>329</v>
      </c>
      <c r="EN16" s="283">
        <v>378</v>
      </c>
      <c r="EO16" s="277">
        <v>84</v>
      </c>
      <c r="EP16" s="281">
        <v>196</v>
      </c>
      <c r="EQ16" s="278">
        <v>280</v>
      </c>
      <c r="ER16" s="280">
        <v>0</v>
      </c>
      <c r="ES16" s="281">
        <v>541</v>
      </c>
      <c r="ET16" s="281">
        <v>536</v>
      </c>
      <c r="EU16" s="281">
        <v>290</v>
      </c>
      <c r="EV16" s="281">
        <v>226</v>
      </c>
      <c r="EW16" s="281">
        <v>156</v>
      </c>
      <c r="EX16" s="278">
        <v>1749</v>
      </c>
      <c r="EY16" s="283">
        <v>2029</v>
      </c>
    </row>
    <row r="17" spans="1:155" ht="19.5" customHeight="1" x14ac:dyDescent="0.2">
      <c r="A17" s="262" t="s">
        <v>15</v>
      </c>
      <c r="B17" s="277">
        <v>0</v>
      </c>
      <c r="C17" s="281">
        <v>0</v>
      </c>
      <c r="D17" s="385">
        <v>0</v>
      </c>
      <c r="E17" s="280">
        <v>0</v>
      </c>
      <c r="F17" s="281">
        <v>117</v>
      </c>
      <c r="G17" s="281">
        <v>152</v>
      </c>
      <c r="H17" s="281">
        <v>64</v>
      </c>
      <c r="I17" s="281">
        <v>49</v>
      </c>
      <c r="J17" s="281">
        <v>43</v>
      </c>
      <c r="K17" s="282">
        <v>425</v>
      </c>
      <c r="L17" s="283">
        <v>425</v>
      </c>
      <c r="M17" s="277">
        <v>0</v>
      </c>
      <c r="N17" s="281">
        <v>0</v>
      </c>
      <c r="O17" s="278">
        <v>0</v>
      </c>
      <c r="P17" s="280">
        <v>0</v>
      </c>
      <c r="Q17" s="281">
        <v>1</v>
      </c>
      <c r="R17" s="281">
        <v>6</v>
      </c>
      <c r="S17" s="281">
        <v>6</v>
      </c>
      <c r="T17" s="281">
        <v>16</v>
      </c>
      <c r="U17" s="281">
        <v>34</v>
      </c>
      <c r="V17" s="278">
        <v>63</v>
      </c>
      <c r="W17" s="283">
        <v>63</v>
      </c>
      <c r="X17" s="277">
        <v>3</v>
      </c>
      <c r="Y17" s="281">
        <v>8</v>
      </c>
      <c r="Z17" s="278">
        <v>11</v>
      </c>
      <c r="AA17" s="280">
        <v>0</v>
      </c>
      <c r="AB17" s="281">
        <v>35</v>
      </c>
      <c r="AC17" s="281">
        <v>75</v>
      </c>
      <c r="AD17" s="281">
        <v>39</v>
      </c>
      <c r="AE17" s="281">
        <v>33</v>
      </c>
      <c r="AF17" s="281">
        <v>46</v>
      </c>
      <c r="AG17" s="278">
        <v>228</v>
      </c>
      <c r="AH17" s="283">
        <v>239</v>
      </c>
      <c r="AI17" s="277">
        <v>0</v>
      </c>
      <c r="AJ17" s="281">
        <v>1</v>
      </c>
      <c r="AK17" s="278">
        <v>1</v>
      </c>
      <c r="AL17" s="280">
        <v>0</v>
      </c>
      <c r="AM17" s="281">
        <v>5</v>
      </c>
      <c r="AN17" s="281">
        <v>9</v>
      </c>
      <c r="AO17" s="281">
        <v>4</v>
      </c>
      <c r="AP17" s="281">
        <v>2</v>
      </c>
      <c r="AQ17" s="281">
        <v>5</v>
      </c>
      <c r="AR17" s="278">
        <v>25</v>
      </c>
      <c r="AS17" s="283">
        <v>26</v>
      </c>
      <c r="AT17" s="277">
        <v>10</v>
      </c>
      <c r="AU17" s="281">
        <v>18</v>
      </c>
      <c r="AV17" s="278">
        <v>28</v>
      </c>
      <c r="AW17" s="280">
        <v>0</v>
      </c>
      <c r="AX17" s="281">
        <v>113</v>
      </c>
      <c r="AY17" s="281">
        <v>105</v>
      </c>
      <c r="AZ17" s="281">
        <v>100</v>
      </c>
      <c r="BA17" s="281">
        <v>89</v>
      </c>
      <c r="BB17" s="281">
        <v>63</v>
      </c>
      <c r="BC17" s="282">
        <v>470</v>
      </c>
      <c r="BD17" s="283">
        <v>498</v>
      </c>
      <c r="BE17" s="277">
        <v>0</v>
      </c>
      <c r="BF17" s="281">
        <v>0</v>
      </c>
      <c r="BG17" s="278">
        <v>0</v>
      </c>
      <c r="BH17" s="280">
        <v>0</v>
      </c>
      <c r="BI17" s="281">
        <v>110</v>
      </c>
      <c r="BJ17" s="281">
        <v>145</v>
      </c>
      <c r="BK17" s="281">
        <v>61</v>
      </c>
      <c r="BL17" s="281">
        <v>22</v>
      </c>
      <c r="BM17" s="281">
        <v>11</v>
      </c>
      <c r="BN17" s="278">
        <v>349</v>
      </c>
      <c r="BO17" s="283">
        <v>349</v>
      </c>
      <c r="BP17" s="277">
        <v>1</v>
      </c>
      <c r="BQ17" s="281">
        <v>5</v>
      </c>
      <c r="BR17" s="278">
        <v>6</v>
      </c>
      <c r="BS17" s="280">
        <v>0</v>
      </c>
      <c r="BT17" s="281">
        <v>35</v>
      </c>
      <c r="BU17" s="281">
        <v>40</v>
      </c>
      <c r="BV17" s="281">
        <v>19</v>
      </c>
      <c r="BW17" s="281">
        <v>10</v>
      </c>
      <c r="BX17" s="281">
        <v>4</v>
      </c>
      <c r="BY17" s="278">
        <v>108</v>
      </c>
      <c r="BZ17" s="283">
        <v>114</v>
      </c>
      <c r="CA17" s="277">
        <v>0</v>
      </c>
      <c r="CB17" s="281">
        <v>0</v>
      </c>
      <c r="CC17" s="278">
        <v>0</v>
      </c>
      <c r="CD17" s="280">
        <v>0</v>
      </c>
      <c r="CE17" s="281">
        <v>9</v>
      </c>
      <c r="CF17" s="281">
        <v>22</v>
      </c>
      <c r="CG17" s="281">
        <v>38</v>
      </c>
      <c r="CH17" s="281">
        <v>38</v>
      </c>
      <c r="CI17" s="281">
        <v>17</v>
      </c>
      <c r="CJ17" s="278">
        <v>124</v>
      </c>
      <c r="CK17" s="283">
        <v>124</v>
      </c>
      <c r="CL17" s="277">
        <v>0</v>
      </c>
      <c r="CM17" s="281">
        <v>0</v>
      </c>
      <c r="CN17" s="278">
        <v>0</v>
      </c>
      <c r="CO17" s="280">
        <v>0</v>
      </c>
      <c r="CP17" s="281">
        <v>1</v>
      </c>
      <c r="CQ17" s="281">
        <v>0</v>
      </c>
      <c r="CR17" s="281">
        <v>2</v>
      </c>
      <c r="CS17" s="281">
        <v>0</v>
      </c>
      <c r="CT17" s="281">
        <v>0</v>
      </c>
      <c r="CU17" s="278">
        <v>3</v>
      </c>
      <c r="CV17" s="283">
        <v>3</v>
      </c>
      <c r="CW17" s="277">
        <v>0</v>
      </c>
      <c r="CX17" s="281">
        <v>0</v>
      </c>
      <c r="CY17" s="278">
        <v>0</v>
      </c>
      <c r="CZ17" s="280">
        <v>0</v>
      </c>
      <c r="DA17" s="281">
        <v>0</v>
      </c>
      <c r="DB17" s="281">
        <v>0</v>
      </c>
      <c r="DC17" s="281">
        <v>0</v>
      </c>
      <c r="DD17" s="281">
        <v>0</v>
      </c>
      <c r="DE17" s="281">
        <v>0</v>
      </c>
      <c r="DF17" s="278">
        <v>0</v>
      </c>
      <c r="DG17" s="283">
        <v>0</v>
      </c>
      <c r="DH17" s="277">
        <v>0</v>
      </c>
      <c r="DI17" s="281">
        <v>0</v>
      </c>
      <c r="DJ17" s="278">
        <v>0</v>
      </c>
      <c r="DK17" s="280">
        <v>0</v>
      </c>
      <c r="DL17" s="281">
        <v>0</v>
      </c>
      <c r="DM17" s="281">
        <v>0</v>
      </c>
      <c r="DN17" s="281">
        <v>0</v>
      </c>
      <c r="DO17" s="281">
        <v>0</v>
      </c>
      <c r="DP17" s="281">
        <v>0</v>
      </c>
      <c r="DQ17" s="278">
        <v>0</v>
      </c>
      <c r="DR17" s="283">
        <v>0</v>
      </c>
      <c r="DS17" s="277">
        <v>58</v>
      </c>
      <c r="DT17" s="281">
        <v>158</v>
      </c>
      <c r="DU17" s="278">
        <v>216</v>
      </c>
      <c r="DV17" s="280">
        <v>0</v>
      </c>
      <c r="DW17" s="281">
        <v>196</v>
      </c>
      <c r="DX17" s="281">
        <v>356</v>
      </c>
      <c r="DY17" s="281">
        <v>162</v>
      </c>
      <c r="DZ17" s="281">
        <v>111</v>
      </c>
      <c r="EA17" s="281">
        <v>86</v>
      </c>
      <c r="EB17" s="278">
        <v>911</v>
      </c>
      <c r="EC17" s="283">
        <v>1127</v>
      </c>
      <c r="ED17" s="277">
        <v>17</v>
      </c>
      <c r="EE17" s="281">
        <v>18</v>
      </c>
      <c r="EF17" s="278">
        <v>35</v>
      </c>
      <c r="EG17" s="280">
        <v>0</v>
      </c>
      <c r="EH17" s="281">
        <v>52</v>
      </c>
      <c r="EI17" s="281">
        <v>38</v>
      </c>
      <c r="EJ17" s="281">
        <v>35</v>
      </c>
      <c r="EK17" s="281">
        <v>40</v>
      </c>
      <c r="EL17" s="281">
        <v>18</v>
      </c>
      <c r="EM17" s="278">
        <v>183</v>
      </c>
      <c r="EN17" s="283">
        <v>218</v>
      </c>
      <c r="EO17" s="277">
        <v>60</v>
      </c>
      <c r="EP17" s="281">
        <v>157</v>
      </c>
      <c r="EQ17" s="278">
        <v>217</v>
      </c>
      <c r="ER17" s="280">
        <v>0</v>
      </c>
      <c r="ES17" s="281">
        <v>382</v>
      </c>
      <c r="ET17" s="281">
        <v>481</v>
      </c>
      <c r="EU17" s="281">
        <v>208</v>
      </c>
      <c r="EV17" s="281">
        <v>134</v>
      </c>
      <c r="EW17" s="281">
        <v>91</v>
      </c>
      <c r="EX17" s="278">
        <v>1296</v>
      </c>
      <c r="EY17" s="283">
        <v>1513</v>
      </c>
    </row>
    <row r="18" spans="1:155" ht="19.5" customHeight="1" x14ac:dyDescent="0.2">
      <c r="A18" s="262" t="s">
        <v>16</v>
      </c>
      <c r="B18" s="277">
        <v>0</v>
      </c>
      <c r="C18" s="281">
        <v>0</v>
      </c>
      <c r="D18" s="385">
        <v>0</v>
      </c>
      <c r="E18" s="280">
        <v>0</v>
      </c>
      <c r="F18" s="281">
        <v>210</v>
      </c>
      <c r="G18" s="281">
        <v>291</v>
      </c>
      <c r="H18" s="281">
        <v>183</v>
      </c>
      <c r="I18" s="281">
        <v>127</v>
      </c>
      <c r="J18" s="281">
        <v>87</v>
      </c>
      <c r="K18" s="282">
        <v>898</v>
      </c>
      <c r="L18" s="283">
        <v>898</v>
      </c>
      <c r="M18" s="277">
        <v>0</v>
      </c>
      <c r="N18" s="281">
        <v>0</v>
      </c>
      <c r="O18" s="278">
        <v>0</v>
      </c>
      <c r="P18" s="280">
        <v>0</v>
      </c>
      <c r="Q18" s="281">
        <v>1</v>
      </c>
      <c r="R18" s="281">
        <v>10</v>
      </c>
      <c r="S18" s="281">
        <v>11</v>
      </c>
      <c r="T18" s="281">
        <v>28</v>
      </c>
      <c r="U18" s="281">
        <v>47</v>
      </c>
      <c r="V18" s="278">
        <v>97</v>
      </c>
      <c r="W18" s="283">
        <v>97</v>
      </c>
      <c r="X18" s="277">
        <v>21</v>
      </c>
      <c r="Y18" s="281">
        <v>57</v>
      </c>
      <c r="Z18" s="278">
        <v>78</v>
      </c>
      <c r="AA18" s="280">
        <v>0</v>
      </c>
      <c r="AB18" s="281">
        <v>140</v>
      </c>
      <c r="AC18" s="281">
        <v>267</v>
      </c>
      <c r="AD18" s="281">
        <v>169</v>
      </c>
      <c r="AE18" s="281">
        <v>138</v>
      </c>
      <c r="AF18" s="281">
        <v>100</v>
      </c>
      <c r="AG18" s="278">
        <v>814</v>
      </c>
      <c r="AH18" s="283">
        <v>892</v>
      </c>
      <c r="AI18" s="277">
        <v>0</v>
      </c>
      <c r="AJ18" s="281">
        <v>8</v>
      </c>
      <c r="AK18" s="278">
        <v>8</v>
      </c>
      <c r="AL18" s="280">
        <v>0</v>
      </c>
      <c r="AM18" s="281">
        <v>8</v>
      </c>
      <c r="AN18" s="281">
        <v>20</v>
      </c>
      <c r="AO18" s="281">
        <v>21</v>
      </c>
      <c r="AP18" s="281">
        <v>9</v>
      </c>
      <c r="AQ18" s="281">
        <v>10</v>
      </c>
      <c r="AR18" s="278">
        <v>68</v>
      </c>
      <c r="AS18" s="283">
        <v>76</v>
      </c>
      <c r="AT18" s="277">
        <v>38</v>
      </c>
      <c r="AU18" s="281">
        <v>23</v>
      </c>
      <c r="AV18" s="278">
        <v>61</v>
      </c>
      <c r="AW18" s="280">
        <v>0</v>
      </c>
      <c r="AX18" s="281">
        <v>206</v>
      </c>
      <c r="AY18" s="281">
        <v>252</v>
      </c>
      <c r="AZ18" s="281">
        <v>256</v>
      </c>
      <c r="BA18" s="281">
        <v>268</v>
      </c>
      <c r="BB18" s="281">
        <v>215</v>
      </c>
      <c r="BC18" s="282">
        <v>1197</v>
      </c>
      <c r="BD18" s="283">
        <v>1258</v>
      </c>
      <c r="BE18" s="277">
        <v>0</v>
      </c>
      <c r="BF18" s="281">
        <v>0</v>
      </c>
      <c r="BG18" s="278">
        <v>0</v>
      </c>
      <c r="BH18" s="280">
        <v>0</v>
      </c>
      <c r="BI18" s="281">
        <v>292</v>
      </c>
      <c r="BJ18" s="281">
        <v>382</v>
      </c>
      <c r="BK18" s="281">
        <v>244</v>
      </c>
      <c r="BL18" s="281">
        <v>138</v>
      </c>
      <c r="BM18" s="281">
        <v>74</v>
      </c>
      <c r="BN18" s="278">
        <v>1130</v>
      </c>
      <c r="BO18" s="283">
        <v>1130</v>
      </c>
      <c r="BP18" s="277">
        <v>51</v>
      </c>
      <c r="BQ18" s="281">
        <v>91</v>
      </c>
      <c r="BR18" s="278">
        <v>142</v>
      </c>
      <c r="BS18" s="280">
        <v>0</v>
      </c>
      <c r="BT18" s="281">
        <v>158</v>
      </c>
      <c r="BU18" s="281">
        <v>249</v>
      </c>
      <c r="BV18" s="281">
        <v>112</v>
      </c>
      <c r="BW18" s="281">
        <v>59</v>
      </c>
      <c r="BX18" s="281">
        <v>26</v>
      </c>
      <c r="BY18" s="278">
        <v>604</v>
      </c>
      <c r="BZ18" s="283">
        <v>746</v>
      </c>
      <c r="CA18" s="277">
        <v>0</v>
      </c>
      <c r="CB18" s="281">
        <v>2</v>
      </c>
      <c r="CC18" s="278">
        <v>2</v>
      </c>
      <c r="CD18" s="280">
        <v>0</v>
      </c>
      <c r="CE18" s="281">
        <v>40</v>
      </c>
      <c r="CF18" s="281">
        <v>60</v>
      </c>
      <c r="CG18" s="281">
        <v>90</v>
      </c>
      <c r="CH18" s="281">
        <v>40</v>
      </c>
      <c r="CI18" s="281">
        <v>31</v>
      </c>
      <c r="CJ18" s="278">
        <v>261</v>
      </c>
      <c r="CK18" s="283">
        <v>263</v>
      </c>
      <c r="CL18" s="277">
        <v>0</v>
      </c>
      <c r="CM18" s="281">
        <v>0</v>
      </c>
      <c r="CN18" s="278">
        <v>0</v>
      </c>
      <c r="CO18" s="280">
        <v>0</v>
      </c>
      <c r="CP18" s="281">
        <v>4</v>
      </c>
      <c r="CQ18" s="281">
        <v>5</v>
      </c>
      <c r="CR18" s="281">
        <v>10</v>
      </c>
      <c r="CS18" s="281">
        <v>8</v>
      </c>
      <c r="CT18" s="281">
        <v>5</v>
      </c>
      <c r="CU18" s="278">
        <v>32</v>
      </c>
      <c r="CV18" s="283">
        <v>32</v>
      </c>
      <c r="CW18" s="277">
        <v>0</v>
      </c>
      <c r="CX18" s="281">
        <v>0</v>
      </c>
      <c r="CY18" s="278">
        <v>0</v>
      </c>
      <c r="CZ18" s="280">
        <v>0</v>
      </c>
      <c r="DA18" s="281">
        <v>0</v>
      </c>
      <c r="DB18" s="281">
        <v>0</v>
      </c>
      <c r="DC18" s="281">
        <v>0</v>
      </c>
      <c r="DD18" s="281">
        <v>0</v>
      </c>
      <c r="DE18" s="281">
        <v>0</v>
      </c>
      <c r="DF18" s="278">
        <v>0</v>
      </c>
      <c r="DG18" s="283">
        <v>0</v>
      </c>
      <c r="DH18" s="277">
        <v>0</v>
      </c>
      <c r="DI18" s="281">
        <v>0</v>
      </c>
      <c r="DJ18" s="278">
        <v>0</v>
      </c>
      <c r="DK18" s="280">
        <v>0</v>
      </c>
      <c r="DL18" s="281">
        <v>0</v>
      </c>
      <c r="DM18" s="281">
        <v>0</v>
      </c>
      <c r="DN18" s="281">
        <v>0</v>
      </c>
      <c r="DO18" s="281">
        <v>0</v>
      </c>
      <c r="DP18" s="281">
        <v>0</v>
      </c>
      <c r="DQ18" s="278">
        <v>0</v>
      </c>
      <c r="DR18" s="283">
        <v>0</v>
      </c>
      <c r="DS18" s="277">
        <v>148</v>
      </c>
      <c r="DT18" s="281">
        <v>301</v>
      </c>
      <c r="DU18" s="278">
        <v>449</v>
      </c>
      <c r="DV18" s="280">
        <v>0</v>
      </c>
      <c r="DW18" s="281">
        <v>390</v>
      </c>
      <c r="DX18" s="281">
        <v>827</v>
      </c>
      <c r="DY18" s="281">
        <v>492</v>
      </c>
      <c r="DZ18" s="281">
        <v>340</v>
      </c>
      <c r="EA18" s="281">
        <v>218</v>
      </c>
      <c r="EB18" s="278">
        <v>2267</v>
      </c>
      <c r="EC18" s="283">
        <v>2716</v>
      </c>
      <c r="ED18" s="277">
        <v>29</v>
      </c>
      <c r="EE18" s="281">
        <v>15</v>
      </c>
      <c r="EF18" s="278">
        <v>44</v>
      </c>
      <c r="EG18" s="280">
        <v>0</v>
      </c>
      <c r="EH18" s="281">
        <v>98</v>
      </c>
      <c r="EI18" s="281">
        <v>96</v>
      </c>
      <c r="EJ18" s="281">
        <v>75</v>
      </c>
      <c r="EK18" s="281">
        <v>121</v>
      </c>
      <c r="EL18" s="281">
        <v>80</v>
      </c>
      <c r="EM18" s="278">
        <v>470</v>
      </c>
      <c r="EN18" s="283">
        <v>514</v>
      </c>
      <c r="EO18" s="277">
        <v>198</v>
      </c>
      <c r="EP18" s="281">
        <v>377</v>
      </c>
      <c r="EQ18" s="278">
        <v>575</v>
      </c>
      <c r="ER18" s="280">
        <v>0</v>
      </c>
      <c r="ES18" s="281">
        <v>833</v>
      </c>
      <c r="ET18" s="281">
        <v>1113</v>
      </c>
      <c r="EU18" s="281">
        <v>598</v>
      </c>
      <c r="EV18" s="281">
        <v>360</v>
      </c>
      <c r="EW18" s="281">
        <v>215</v>
      </c>
      <c r="EX18" s="278">
        <v>3119</v>
      </c>
      <c r="EY18" s="283">
        <v>3694</v>
      </c>
    </row>
    <row r="19" spans="1:155" ht="19.5" customHeight="1" x14ac:dyDescent="0.2">
      <c r="A19" s="262" t="s">
        <v>17</v>
      </c>
      <c r="B19" s="277">
        <v>0</v>
      </c>
      <c r="C19" s="281">
        <v>0</v>
      </c>
      <c r="D19" s="385">
        <v>0</v>
      </c>
      <c r="E19" s="280">
        <v>0</v>
      </c>
      <c r="F19" s="281">
        <v>235</v>
      </c>
      <c r="G19" s="281">
        <v>430</v>
      </c>
      <c r="H19" s="281">
        <v>265</v>
      </c>
      <c r="I19" s="281">
        <v>187</v>
      </c>
      <c r="J19" s="281">
        <v>156</v>
      </c>
      <c r="K19" s="282">
        <v>1273</v>
      </c>
      <c r="L19" s="283">
        <v>1273</v>
      </c>
      <c r="M19" s="277">
        <v>0</v>
      </c>
      <c r="N19" s="281">
        <v>2</v>
      </c>
      <c r="O19" s="278">
        <v>2</v>
      </c>
      <c r="P19" s="280">
        <v>0</v>
      </c>
      <c r="Q19" s="281">
        <v>1</v>
      </c>
      <c r="R19" s="281">
        <v>16</v>
      </c>
      <c r="S19" s="281">
        <v>23</v>
      </c>
      <c r="T19" s="281">
        <v>39</v>
      </c>
      <c r="U19" s="281">
        <v>75</v>
      </c>
      <c r="V19" s="278">
        <v>154</v>
      </c>
      <c r="W19" s="283">
        <v>156</v>
      </c>
      <c r="X19" s="277">
        <v>29</v>
      </c>
      <c r="Y19" s="281">
        <v>92</v>
      </c>
      <c r="Z19" s="278">
        <v>121</v>
      </c>
      <c r="AA19" s="280">
        <v>0</v>
      </c>
      <c r="AB19" s="281">
        <v>156</v>
      </c>
      <c r="AC19" s="281">
        <v>307</v>
      </c>
      <c r="AD19" s="281">
        <v>176</v>
      </c>
      <c r="AE19" s="281">
        <v>167</v>
      </c>
      <c r="AF19" s="281">
        <v>140</v>
      </c>
      <c r="AG19" s="278">
        <v>946</v>
      </c>
      <c r="AH19" s="283">
        <v>1067</v>
      </c>
      <c r="AI19" s="277">
        <v>2</v>
      </c>
      <c r="AJ19" s="281">
        <v>4</v>
      </c>
      <c r="AK19" s="278">
        <v>6</v>
      </c>
      <c r="AL19" s="280">
        <v>0</v>
      </c>
      <c r="AM19" s="281">
        <v>6</v>
      </c>
      <c r="AN19" s="281">
        <v>24</v>
      </c>
      <c r="AO19" s="281">
        <v>10</v>
      </c>
      <c r="AP19" s="281">
        <v>10</v>
      </c>
      <c r="AQ19" s="281">
        <v>7</v>
      </c>
      <c r="AR19" s="278">
        <v>57</v>
      </c>
      <c r="AS19" s="283">
        <v>63</v>
      </c>
      <c r="AT19" s="277">
        <v>38</v>
      </c>
      <c r="AU19" s="281">
        <v>57</v>
      </c>
      <c r="AV19" s="278">
        <v>95</v>
      </c>
      <c r="AW19" s="280">
        <v>0</v>
      </c>
      <c r="AX19" s="281">
        <v>251</v>
      </c>
      <c r="AY19" s="281">
        <v>422</v>
      </c>
      <c r="AZ19" s="281">
        <v>357</v>
      </c>
      <c r="BA19" s="281">
        <v>374</v>
      </c>
      <c r="BB19" s="281">
        <v>282</v>
      </c>
      <c r="BC19" s="282">
        <v>1686</v>
      </c>
      <c r="BD19" s="283">
        <v>1781</v>
      </c>
      <c r="BE19" s="277">
        <v>0</v>
      </c>
      <c r="BF19" s="281">
        <v>0</v>
      </c>
      <c r="BG19" s="278">
        <v>0</v>
      </c>
      <c r="BH19" s="280">
        <v>0</v>
      </c>
      <c r="BI19" s="281">
        <v>341</v>
      </c>
      <c r="BJ19" s="281">
        <v>518</v>
      </c>
      <c r="BK19" s="281">
        <v>299</v>
      </c>
      <c r="BL19" s="281">
        <v>171</v>
      </c>
      <c r="BM19" s="281">
        <v>76</v>
      </c>
      <c r="BN19" s="278">
        <v>1405</v>
      </c>
      <c r="BO19" s="283">
        <v>1405</v>
      </c>
      <c r="BP19" s="277">
        <v>14</v>
      </c>
      <c r="BQ19" s="281">
        <v>38</v>
      </c>
      <c r="BR19" s="278">
        <v>52</v>
      </c>
      <c r="BS19" s="280">
        <v>0</v>
      </c>
      <c r="BT19" s="281">
        <v>55</v>
      </c>
      <c r="BU19" s="281">
        <v>152</v>
      </c>
      <c r="BV19" s="281">
        <v>86</v>
      </c>
      <c r="BW19" s="281">
        <v>47</v>
      </c>
      <c r="BX19" s="281">
        <v>16</v>
      </c>
      <c r="BY19" s="278">
        <v>356</v>
      </c>
      <c r="BZ19" s="283">
        <v>408</v>
      </c>
      <c r="CA19" s="277">
        <v>2</v>
      </c>
      <c r="CB19" s="281">
        <v>3</v>
      </c>
      <c r="CC19" s="278">
        <v>5</v>
      </c>
      <c r="CD19" s="280">
        <v>0</v>
      </c>
      <c r="CE19" s="281">
        <v>41</v>
      </c>
      <c r="CF19" s="281">
        <v>75</v>
      </c>
      <c r="CG19" s="281">
        <v>83</v>
      </c>
      <c r="CH19" s="281">
        <v>75</v>
      </c>
      <c r="CI19" s="281">
        <v>50</v>
      </c>
      <c r="CJ19" s="278">
        <v>324</v>
      </c>
      <c r="CK19" s="283">
        <v>329</v>
      </c>
      <c r="CL19" s="277">
        <v>0</v>
      </c>
      <c r="CM19" s="281">
        <v>0</v>
      </c>
      <c r="CN19" s="278">
        <v>0</v>
      </c>
      <c r="CO19" s="280">
        <v>0</v>
      </c>
      <c r="CP19" s="281">
        <v>5</v>
      </c>
      <c r="CQ19" s="281">
        <v>7</v>
      </c>
      <c r="CR19" s="281">
        <v>7</v>
      </c>
      <c r="CS19" s="281">
        <v>7</v>
      </c>
      <c r="CT19" s="281">
        <v>8</v>
      </c>
      <c r="CU19" s="278">
        <v>34</v>
      </c>
      <c r="CV19" s="283">
        <v>34</v>
      </c>
      <c r="CW19" s="277">
        <v>0</v>
      </c>
      <c r="CX19" s="281">
        <v>0</v>
      </c>
      <c r="CY19" s="278">
        <v>0</v>
      </c>
      <c r="CZ19" s="280">
        <v>0</v>
      </c>
      <c r="DA19" s="281">
        <v>0</v>
      </c>
      <c r="DB19" s="281">
        <v>0</v>
      </c>
      <c r="DC19" s="281">
        <v>0</v>
      </c>
      <c r="DD19" s="281">
        <v>0</v>
      </c>
      <c r="DE19" s="281">
        <v>0</v>
      </c>
      <c r="DF19" s="278">
        <v>0</v>
      </c>
      <c r="DG19" s="283">
        <v>0</v>
      </c>
      <c r="DH19" s="277">
        <v>0</v>
      </c>
      <c r="DI19" s="281">
        <v>0</v>
      </c>
      <c r="DJ19" s="278">
        <v>0</v>
      </c>
      <c r="DK19" s="280">
        <v>0</v>
      </c>
      <c r="DL19" s="281">
        <v>0</v>
      </c>
      <c r="DM19" s="281">
        <v>0</v>
      </c>
      <c r="DN19" s="281">
        <v>0</v>
      </c>
      <c r="DO19" s="281">
        <v>0</v>
      </c>
      <c r="DP19" s="281">
        <v>0</v>
      </c>
      <c r="DQ19" s="278">
        <v>0</v>
      </c>
      <c r="DR19" s="283">
        <v>0</v>
      </c>
      <c r="DS19" s="277">
        <v>193</v>
      </c>
      <c r="DT19" s="281">
        <v>471</v>
      </c>
      <c r="DU19" s="278">
        <v>664</v>
      </c>
      <c r="DV19" s="280">
        <v>0</v>
      </c>
      <c r="DW19" s="281">
        <v>401</v>
      </c>
      <c r="DX19" s="281">
        <v>1087</v>
      </c>
      <c r="DY19" s="281">
        <v>640</v>
      </c>
      <c r="DZ19" s="281">
        <v>524</v>
      </c>
      <c r="EA19" s="281">
        <v>329</v>
      </c>
      <c r="EB19" s="278">
        <v>2981</v>
      </c>
      <c r="EC19" s="283">
        <v>3645</v>
      </c>
      <c r="ED19" s="277">
        <v>28</v>
      </c>
      <c r="EE19" s="281">
        <v>36</v>
      </c>
      <c r="EF19" s="278">
        <v>64</v>
      </c>
      <c r="EG19" s="280">
        <v>0</v>
      </c>
      <c r="EH19" s="281">
        <v>98</v>
      </c>
      <c r="EI19" s="281">
        <v>93</v>
      </c>
      <c r="EJ19" s="281">
        <v>85</v>
      </c>
      <c r="EK19" s="281">
        <v>87</v>
      </c>
      <c r="EL19" s="281">
        <v>53</v>
      </c>
      <c r="EM19" s="278">
        <v>416</v>
      </c>
      <c r="EN19" s="283">
        <v>480</v>
      </c>
      <c r="EO19" s="277">
        <v>233</v>
      </c>
      <c r="EP19" s="281">
        <v>551</v>
      </c>
      <c r="EQ19" s="278">
        <v>784</v>
      </c>
      <c r="ER19" s="280">
        <v>0</v>
      </c>
      <c r="ES19" s="281">
        <v>927</v>
      </c>
      <c r="ET19" s="281">
        <v>1432</v>
      </c>
      <c r="EU19" s="281">
        <v>776</v>
      </c>
      <c r="EV19" s="281">
        <v>551</v>
      </c>
      <c r="EW19" s="281">
        <v>341</v>
      </c>
      <c r="EX19" s="278">
        <v>4027</v>
      </c>
      <c r="EY19" s="283">
        <v>4811</v>
      </c>
    </row>
    <row r="20" spans="1:155" ht="19.5" customHeight="1" x14ac:dyDescent="0.2">
      <c r="A20" s="262" t="s">
        <v>18</v>
      </c>
      <c r="B20" s="277">
        <v>0</v>
      </c>
      <c r="C20" s="281">
        <v>0</v>
      </c>
      <c r="D20" s="385">
        <v>0</v>
      </c>
      <c r="E20" s="280">
        <v>0</v>
      </c>
      <c r="F20" s="281">
        <v>491</v>
      </c>
      <c r="G20" s="281">
        <v>477</v>
      </c>
      <c r="H20" s="281">
        <v>272</v>
      </c>
      <c r="I20" s="281">
        <v>243</v>
      </c>
      <c r="J20" s="281">
        <v>150</v>
      </c>
      <c r="K20" s="282">
        <v>1633</v>
      </c>
      <c r="L20" s="283">
        <v>1633</v>
      </c>
      <c r="M20" s="277">
        <v>0</v>
      </c>
      <c r="N20" s="281">
        <v>0</v>
      </c>
      <c r="O20" s="278">
        <v>0</v>
      </c>
      <c r="P20" s="280">
        <v>0</v>
      </c>
      <c r="Q20" s="281">
        <v>3</v>
      </c>
      <c r="R20" s="281">
        <v>12</v>
      </c>
      <c r="S20" s="281">
        <v>24</v>
      </c>
      <c r="T20" s="281">
        <v>38</v>
      </c>
      <c r="U20" s="281">
        <v>73</v>
      </c>
      <c r="V20" s="278">
        <v>150</v>
      </c>
      <c r="W20" s="283">
        <v>150</v>
      </c>
      <c r="X20" s="277">
        <v>50</v>
      </c>
      <c r="Y20" s="281">
        <v>108</v>
      </c>
      <c r="Z20" s="278">
        <v>158</v>
      </c>
      <c r="AA20" s="280">
        <v>0</v>
      </c>
      <c r="AB20" s="281">
        <v>320</v>
      </c>
      <c r="AC20" s="281">
        <v>318</v>
      </c>
      <c r="AD20" s="281">
        <v>222</v>
      </c>
      <c r="AE20" s="281">
        <v>181</v>
      </c>
      <c r="AF20" s="281">
        <v>148</v>
      </c>
      <c r="AG20" s="278">
        <v>1189</v>
      </c>
      <c r="AH20" s="283">
        <v>1347</v>
      </c>
      <c r="AI20" s="277">
        <v>6</v>
      </c>
      <c r="AJ20" s="281">
        <v>6</v>
      </c>
      <c r="AK20" s="278">
        <v>12</v>
      </c>
      <c r="AL20" s="280">
        <v>0</v>
      </c>
      <c r="AM20" s="281">
        <v>38</v>
      </c>
      <c r="AN20" s="281">
        <v>38</v>
      </c>
      <c r="AO20" s="281">
        <v>32</v>
      </c>
      <c r="AP20" s="281">
        <v>30</v>
      </c>
      <c r="AQ20" s="281">
        <v>11</v>
      </c>
      <c r="AR20" s="278">
        <v>149</v>
      </c>
      <c r="AS20" s="283">
        <v>161</v>
      </c>
      <c r="AT20" s="277">
        <v>65</v>
      </c>
      <c r="AU20" s="281">
        <v>62</v>
      </c>
      <c r="AV20" s="278">
        <v>127</v>
      </c>
      <c r="AW20" s="280">
        <v>0</v>
      </c>
      <c r="AX20" s="281">
        <v>449</v>
      </c>
      <c r="AY20" s="281">
        <v>488</v>
      </c>
      <c r="AZ20" s="281">
        <v>482</v>
      </c>
      <c r="BA20" s="281">
        <v>437</v>
      </c>
      <c r="BB20" s="281">
        <v>332</v>
      </c>
      <c r="BC20" s="282">
        <v>2188</v>
      </c>
      <c r="BD20" s="283">
        <v>2315</v>
      </c>
      <c r="BE20" s="277">
        <v>0</v>
      </c>
      <c r="BF20" s="281">
        <v>0</v>
      </c>
      <c r="BG20" s="278">
        <v>0</v>
      </c>
      <c r="BH20" s="280">
        <v>0</v>
      </c>
      <c r="BI20" s="281">
        <v>577</v>
      </c>
      <c r="BJ20" s="281">
        <v>545</v>
      </c>
      <c r="BK20" s="281">
        <v>297</v>
      </c>
      <c r="BL20" s="281">
        <v>186</v>
      </c>
      <c r="BM20" s="281">
        <v>81</v>
      </c>
      <c r="BN20" s="278">
        <v>1686</v>
      </c>
      <c r="BO20" s="283">
        <v>1686</v>
      </c>
      <c r="BP20" s="277">
        <v>47</v>
      </c>
      <c r="BQ20" s="281">
        <v>83</v>
      </c>
      <c r="BR20" s="278">
        <v>130</v>
      </c>
      <c r="BS20" s="280">
        <v>0</v>
      </c>
      <c r="BT20" s="281">
        <v>145</v>
      </c>
      <c r="BU20" s="281">
        <v>145</v>
      </c>
      <c r="BV20" s="281">
        <v>83</v>
      </c>
      <c r="BW20" s="281">
        <v>61</v>
      </c>
      <c r="BX20" s="281">
        <v>17</v>
      </c>
      <c r="BY20" s="278">
        <v>451</v>
      </c>
      <c r="BZ20" s="283">
        <v>581</v>
      </c>
      <c r="CA20" s="277">
        <v>1</v>
      </c>
      <c r="CB20" s="281">
        <v>3</v>
      </c>
      <c r="CC20" s="278">
        <v>4</v>
      </c>
      <c r="CD20" s="280">
        <v>0</v>
      </c>
      <c r="CE20" s="281">
        <v>51</v>
      </c>
      <c r="CF20" s="281">
        <v>99</v>
      </c>
      <c r="CG20" s="281">
        <v>135</v>
      </c>
      <c r="CH20" s="281">
        <v>106</v>
      </c>
      <c r="CI20" s="281">
        <v>51</v>
      </c>
      <c r="CJ20" s="278">
        <v>442</v>
      </c>
      <c r="CK20" s="283">
        <v>446</v>
      </c>
      <c r="CL20" s="277">
        <v>0</v>
      </c>
      <c r="CM20" s="281">
        <v>0</v>
      </c>
      <c r="CN20" s="278">
        <v>0</v>
      </c>
      <c r="CO20" s="280">
        <v>0</v>
      </c>
      <c r="CP20" s="281">
        <v>3</v>
      </c>
      <c r="CQ20" s="281">
        <v>2</v>
      </c>
      <c r="CR20" s="281">
        <v>2</v>
      </c>
      <c r="CS20" s="281">
        <v>3</v>
      </c>
      <c r="CT20" s="281">
        <v>2</v>
      </c>
      <c r="CU20" s="278">
        <v>12</v>
      </c>
      <c r="CV20" s="283">
        <v>12</v>
      </c>
      <c r="CW20" s="277">
        <v>0</v>
      </c>
      <c r="CX20" s="281">
        <v>0</v>
      </c>
      <c r="CY20" s="278">
        <v>0</v>
      </c>
      <c r="CZ20" s="280">
        <v>0</v>
      </c>
      <c r="DA20" s="281">
        <v>0</v>
      </c>
      <c r="DB20" s="281">
        <v>0</v>
      </c>
      <c r="DC20" s="281">
        <v>0</v>
      </c>
      <c r="DD20" s="281">
        <v>0</v>
      </c>
      <c r="DE20" s="281">
        <v>0</v>
      </c>
      <c r="DF20" s="278">
        <v>0</v>
      </c>
      <c r="DG20" s="283">
        <v>0</v>
      </c>
      <c r="DH20" s="277">
        <v>0</v>
      </c>
      <c r="DI20" s="281">
        <v>0</v>
      </c>
      <c r="DJ20" s="278">
        <v>0</v>
      </c>
      <c r="DK20" s="280">
        <v>0</v>
      </c>
      <c r="DL20" s="281">
        <v>0</v>
      </c>
      <c r="DM20" s="281">
        <v>0</v>
      </c>
      <c r="DN20" s="281">
        <v>0</v>
      </c>
      <c r="DO20" s="281">
        <v>0</v>
      </c>
      <c r="DP20" s="281">
        <v>0</v>
      </c>
      <c r="DQ20" s="278">
        <v>0</v>
      </c>
      <c r="DR20" s="283">
        <v>0</v>
      </c>
      <c r="DS20" s="277">
        <v>220</v>
      </c>
      <c r="DT20" s="281">
        <v>485</v>
      </c>
      <c r="DU20" s="278">
        <v>705</v>
      </c>
      <c r="DV20" s="280">
        <v>0</v>
      </c>
      <c r="DW20" s="281">
        <v>796</v>
      </c>
      <c r="DX20" s="281">
        <v>1049</v>
      </c>
      <c r="DY20" s="281">
        <v>665</v>
      </c>
      <c r="DZ20" s="281">
        <v>531</v>
      </c>
      <c r="EA20" s="281">
        <v>291</v>
      </c>
      <c r="EB20" s="278">
        <v>3332</v>
      </c>
      <c r="EC20" s="283">
        <v>4037</v>
      </c>
      <c r="ED20" s="277">
        <v>26</v>
      </c>
      <c r="EE20" s="281">
        <v>18</v>
      </c>
      <c r="EF20" s="278">
        <v>44</v>
      </c>
      <c r="EG20" s="280">
        <v>0</v>
      </c>
      <c r="EH20" s="281">
        <v>127</v>
      </c>
      <c r="EI20" s="281">
        <v>98</v>
      </c>
      <c r="EJ20" s="281">
        <v>91</v>
      </c>
      <c r="EK20" s="281">
        <v>87</v>
      </c>
      <c r="EL20" s="281">
        <v>70</v>
      </c>
      <c r="EM20" s="278">
        <v>473</v>
      </c>
      <c r="EN20" s="283">
        <v>517</v>
      </c>
      <c r="EO20" s="277">
        <v>288</v>
      </c>
      <c r="EP20" s="281">
        <v>600</v>
      </c>
      <c r="EQ20" s="278">
        <v>888</v>
      </c>
      <c r="ER20" s="280">
        <v>0</v>
      </c>
      <c r="ES20" s="281">
        <v>1564</v>
      </c>
      <c r="ET20" s="281">
        <v>1427</v>
      </c>
      <c r="EU20" s="281">
        <v>799</v>
      </c>
      <c r="EV20" s="281">
        <v>563</v>
      </c>
      <c r="EW20" s="281">
        <v>298</v>
      </c>
      <c r="EX20" s="278">
        <v>4651</v>
      </c>
      <c r="EY20" s="283">
        <v>5539</v>
      </c>
    </row>
    <row r="21" spans="1:155" ht="19.5" customHeight="1" x14ac:dyDescent="0.2">
      <c r="A21" s="262" t="s">
        <v>19</v>
      </c>
      <c r="B21" s="277">
        <v>0</v>
      </c>
      <c r="C21" s="281">
        <v>0</v>
      </c>
      <c r="D21" s="385">
        <v>0</v>
      </c>
      <c r="E21" s="280">
        <v>0</v>
      </c>
      <c r="F21" s="281">
        <v>186</v>
      </c>
      <c r="G21" s="281">
        <v>158</v>
      </c>
      <c r="H21" s="281">
        <v>98</v>
      </c>
      <c r="I21" s="281">
        <v>79</v>
      </c>
      <c r="J21" s="281">
        <v>56</v>
      </c>
      <c r="K21" s="282">
        <v>577</v>
      </c>
      <c r="L21" s="283">
        <v>577</v>
      </c>
      <c r="M21" s="277">
        <v>0</v>
      </c>
      <c r="N21" s="281">
        <v>0</v>
      </c>
      <c r="O21" s="278">
        <v>0</v>
      </c>
      <c r="P21" s="280">
        <v>0</v>
      </c>
      <c r="Q21" s="281">
        <v>3</v>
      </c>
      <c r="R21" s="281">
        <v>5</v>
      </c>
      <c r="S21" s="281">
        <v>11</v>
      </c>
      <c r="T21" s="281">
        <v>20</v>
      </c>
      <c r="U21" s="281">
        <v>30</v>
      </c>
      <c r="V21" s="278">
        <v>69</v>
      </c>
      <c r="W21" s="283">
        <v>69</v>
      </c>
      <c r="X21" s="277">
        <v>34</v>
      </c>
      <c r="Y21" s="281">
        <v>48</v>
      </c>
      <c r="Z21" s="278">
        <v>82</v>
      </c>
      <c r="AA21" s="280">
        <v>0</v>
      </c>
      <c r="AB21" s="281">
        <v>145</v>
      </c>
      <c r="AC21" s="281">
        <v>131</v>
      </c>
      <c r="AD21" s="281">
        <v>91</v>
      </c>
      <c r="AE21" s="281">
        <v>72</v>
      </c>
      <c r="AF21" s="281">
        <v>71</v>
      </c>
      <c r="AG21" s="278">
        <v>510</v>
      </c>
      <c r="AH21" s="283">
        <v>592</v>
      </c>
      <c r="AI21" s="277">
        <v>4</v>
      </c>
      <c r="AJ21" s="281">
        <v>7</v>
      </c>
      <c r="AK21" s="278">
        <v>11</v>
      </c>
      <c r="AL21" s="280">
        <v>0</v>
      </c>
      <c r="AM21" s="281">
        <v>21</v>
      </c>
      <c r="AN21" s="281">
        <v>10</v>
      </c>
      <c r="AO21" s="281">
        <v>7</v>
      </c>
      <c r="AP21" s="281">
        <v>7</v>
      </c>
      <c r="AQ21" s="281">
        <v>4</v>
      </c>
      <c r="AR21" s="278">
        <v>49</v>
      </c>
      <c r="AS21" s="283">
        <v>60</v>
      </c>
      <c r="AT21" s="277">
        <v>40</v>
      </c>
      <c r="AU21" s="281">
        <v>30</v>
      </c>
      <c r="AV21" s="278">
        <v>70</v>
      </c>
      <c r="AW21" s="280">
        <v>0</v>
      </c>
      <c r="AX21" s="281">
        <v>176</v>
      </c>
      <c r="AY21" s="281">
        <v>198</v>
      </c>
      <c r="AZ21" s="281">
        <v>163</v>
      </c>
      <c r="BA21" s="281">
        <v>159</v>
      </c>
      <c r="BB21" s="281">
        <v>129</v>
      </c>
      <c r="BC21" s="282">
        <v>825</v>
      </c>
      <c r="BD21" s="283">
        <v>895</v>
      </c>
      <c r="BE21" s="277">
        <v>0</v>
      </c>
      <c r="BF21" s="281">
        <v>0</v>
      </c>
      <c r="BG21" s="278">
        <v>0</v>
      </c>
      <c r="BH21" s="280">
        <v>0</v>
      </c>
      <c r="BI21" s="281">
        <v>260</v>
      </c>
      <c r="BJ21" s="281">
        <v>228</v>
      </c>
      <c r="BK21" s="281">
        <v>123</v>
      </c>
      <c r="BL21" s="281">
        <v>57</v>
      </c>
      <c r="BM21" s="281">
        <v>39</v>
      </c>
      <c r="BN21" s="278">
        <v>707</v>
      </c>
      <c r="BO21" s="283">
        <v>707</v>
      </c>
      <c r="BP21" s="277">
        <v>17</v>
      </c>
      <c r="BQ21" s="281">
        <v>37</v>
      </c>
      <c r="BR21" s="278">
        <v>54</v>
      </c>
      <c r="BS21" s="280">
        <v>0</v>
      </c>
      <c r="BT21" s="281">
        <v>102</v>
      </c>
      <c r="BU21" s="281">
        <v>86</v>
      </c>
      <c r="BV21" s="281">
        <v>56</v>
      </c>
      <c r="BW21" s="281">
        <v>31</v>
      </c>
      <c r="BX21" s="281">
        <v>13</v>
      </c>
      <c r="BY21" s="278">
        <v>288</v>
      </c>
      <c r="BZ21" s="283">
        <v>342</v>
      </c>
      <c r="CA21" s="277">
        <v>0</v>
      </c>
      <c r="CB21" s="281">
        <v>1</v>
      </c>
      <c r="CC21" s="278">
        <v>1</v>
      </c>
      <c r="CD21" s="280">
        <v>0</v>
      </c>
      <c r="CE21" s="281">
        <v>22</v>
      </c>
      <c r="CF21" s="281">
        <v>42</v>
      </c>
      <c r="CG21" s="281">
        <v>47</v>
      </c>
      <c r="CH21" s="281">
        <v>18</v>
      </c>
      <c r="CI21" s="281">
        <v>12</v>
      </c>
      <c r="CJ21" s="278">
        <v>141</v>
      </c>
      <c r="CK21" s="283">
        <v>142</v>
      </c>
      <c r="CL21" s="277">
        <v>0</v>
      </c>
      <c r="CM21" s="281">
        <v>0</v>
      </c>
      <c r="CN21" s="278">
        <v>0</v>
      </c>
      <c r="CO21" s="280">
        <v>0</v>
      </c>
      <c r="CP21" s="281">
        <v>5</v>
      </c>
      <c r="CQ21" s="281">
        <v>9</v>
      </c>
      <c r="CR21" s="281">
        <v>10</v>
      </c>
      <c r="CS21" s="281">
        <v>8</v>
      </c>
      <c r="CT21" s="281">
        <v>5</v>
      </c>
      <c r="CU21" s="278">
        <v>37</v>
      </c>
      <c r="CV21" s="283">
        <v>37</v>
      </c>
      <c r="CW21" s="277">
        <v>0</v>
      </c>
      <c r="CX21" s="281">
        <v>0</v>
      </c>
      <c r="CY21" s="278">
        <v>0</v>
      </c>
      <c r="CZ21" s="280">
        <v>0</v>
      </c>
      <c r="DA21" s="281">
        <v>0</v>
      </c>
      <c r="DB21" s="281">
        <v>0</v>
      </c>
      <c r="DC21" s="281">
        <v>0</v>
      </c>
      <c r="DD21" s="281">
        <v>0</v>
      </c>
      <c r="DE21" s="281">
        <v>0</v>
      </c>
      <c r="DF21" s="278">
        <v>0</v>
      </c>
      <c r="DG21" s="283">
        <v>0</v>
      </c>
      <c r="DH21" s="277">
        <v>0</v>
      </c>
      <c r="DI21" s="281">
        <v>0</v>
      </c>
      <c r="DJ21" s="278">
        <v>0</v>
      </c>
      <c r="DK21" s="280">
        <v>0</v>
      </c>
      <c r="DL21" s="281">
        <v>0</v>
      </c>
      <c r="DM21" s="281">
        <v>0</v>
      </c>
      <c r="DN21" s="281">
        <v>0</v>
      </c>
      <c r="DO21" s="281">
        <v>0</v>
      </c>
      <c r="DP21" s="281">
        <v>0</v>
      </c>
      <c r="DQ21" s="278">
        <v>0</v>
      </c>
      <c r="DR21" s="283">
        <v>0</v>
      </c>
      <c r="DS21" s="277">
        <v>90</v>
      </c>
      <c r="DT21" s="281">
        <v>211</v>
      </c>
      <c r="DU21" s="278">
        <v>301</v>
      </c>
      <c r="DV21" s="280">
        <v>0</v>
      </c>
      <c r="DW21" s="281">
        <v>382</v>
      </c>
      <c r="DX21" s="281">
        <v>438</v>
      </c>
      <c r="DY21" s="281">
        <v>267</v>
      </c>
      <c r="DZ21" s="281">
        <v>176</v>
      </c>
      <c r="EA21" s="281">
        <v>142</v>
      </c>
      <c r="EB21" s="278">
        <v>1405</v>
      </c>
      <c r="EC21" s="283">
        <v>1706</v>
      </c>
      <c r="ED21" s="277">
        <v>16</v>
      </c>
      <c r="EE21" s="281">
        <v>13</v>
      </c>
      <c r="EF21" s="278">
        <v>29</v>
      </c>
      <c r="EG21" s="280">
        <v>0</v>
      </c>
      <c r="EH21" s="281">
        <v>77</v>
      </c>
      <c r="EI21" s="281">
        <v>49</v>
      </c>
      <c r="EJ21" s="281">
        <v>49</v>
      </c>
      <c r="EK21" s="281">
        <v>53</v>
      </c>
      <c r="EL21" s="281">
        <v>25</v>
      </c>
      <c r="EM21" s="278">
        <v>253</v>
      </c>
      <c r="EN21" s="283">
        <v>282</v>
      </c>
      <c r="EO21" s="277">
        <v>134</v>
      </c>
      <c r="EP21" s="281">
        <v>253</v>
      </c>
      <c r="EQ21" s="278">
        <v>387</v>
      </c>
      <c r="ER21" s="280">
        <v>0</v>
      </c>
      <c r="ES21" s="281">
        <v>699</v>
      </c>
      <c r="ET21" s="281">
        <v>583</v>
      </c>
      <c r="EU21" s="281">
        <v>308</v>
      </c>
      <c r="EV21" s="281">
        <v>168</v>
      </c>
      <c r="EW21" s="281">
        <v>121</v>
      </c>
      <c r="EX21" s="278">
        <v>1879</v>
      </c>
      <c r="EY21" s="283">
        <v>2266</v>
      </c>
    </row>
    <row r="22" spans="1:155" ht="19.5" customHeight="1" x14ac:dyDescent="0.2">
      <c r="A22" s="262" t="s">
        <v>20</v>
      </c>
      <c r="B22" s="277">
        <v>0</v>
      </c>
      <c r="C22" s="281">
        <v>0</v>
      </c>
      <c r="D22" s="385">
        <v>0</v>
      </c>
      <c r="E22" s="280">
        <v>0</v>
      </c>
      <c r="F22" s="281">
        <v>258</v>
      </c>
      <c r="G22" s="281">
        <v>170</v>
      </c>
      <c r="H22" s="281">
        <v>117</v>
      </c>
      <c r="I22" s="281">
        <v>74</v>
      </c>
      <c r="J22" s="281">
        <v>59</v>
      </c>
      <c r="K22" s="282">
        <v>678</v>
      </c>
      <c r="L22" s="283">
        <v>678</v>
      </c>
      <c r="M22" s="277">
        <v>0</v>
      </c>
      <c r="N22" s="281">
        <v>0</v>
      </c>
      <c r="O22" s="278">
        <v>0</v>
      </c>
      <c r="P22" s="280">
        <v>0</v>
      </c>
      <c r="Q22" s="281">
        <v>2</v>
      </c>
      <c r="R22" s="281">
        <v>10</v>
      </c>
      <c r="S22" s="281">
        <v>8</v>
      </c>
      <c r="T22" s="281">
        <v>15</v>
      </c>
      <c r="U22" s="281">
        <v>40</v>
      </c>
      <c r="V22" s="278">
        <v>75</v>
      </c>
      <c r="W22" s="283">
        <v>75</v>
      </c>
      <c r="X22" s="277">
        <v>30</v>
      </c>
      <c r="Y22" s="281">
        <v>80</v>
      </c>
      <c r="Z22" s="278">
        <v>110</v>
      </c>
      <c r="AA22" s="280">
        <v>0</v>
      </c>
      <c r="AB22" s="281">
        <v>244</v>
      </c>
      <c r="AC22" s="281">
        <v>152</v>
      </c>
      <c r="AD22" s="281">
        <v>101</v>
      </c>
      <c r="AE22" s="281">
        <v>79</v>
      </c>
      <c r="AF22" s="281">
        <v>50</v>
      </c>
      <c r="AG22" s="278">
        <v>626</v>
      </c>
      <c r="AH22" s="283">
        <v>736</v>
      </c>
      <c r="AI22" s="277">
        <v>11</v>
      </c>
      <c r="AJ22" s="281">
        <v>36</v>
      </c>
      <c r="AK22" s="278">
        <v>47</v>
      </c>
      <c r="AL22" s="280">
        <v>0</v>
      </c>
      <c r="AM22" s="281">
        <v>51</v>
      </c>
      <c r="AN22" s="281">
        <v>50</v>
      </c>
      <c r="AO22" s="281">
        <v>30</v>
      </c>
      <c r="AP22" s="281">
        <v>22</v>
      </c>
      <c r="AQ22" s="281">
        <v>11</v>
      </c>
      <c r="AR22" s="278">
        <v>164</v>
      </c>
      <c r="AS22" s="283">
        <v>211</v>
      </c>
      <c r="AT22" s="277">
        <v>19</v>
      </c>
      <c r="AU22" s="281">
        <v>46</v>
      </c>
      <c r="AV22" s="278">
        <v>65</v>
      </c>
      <c r="AW22" s="280">
        <v>0</v>
      </c>
      <c r="AX22" s="281">
        <v>223</v>
      </c>
      <c r="AY22" s="281">
        <v>208</v>
      </c>
      <c r="AZ22" s="281">
        <v>190</v>
      </c>
      <c r="BA22" s="281">
        <v>197</v>
      </c>
      <c r="BB22" s="281">
        <v>125</v>
      </c>
      <c r="BC22" s="282">
        <v>943</v>
      </c>
      <c r="BD22" s="283">
        <v>1008</v>
      </c>
      <c r="BE22" s="277">
        <v>0</v>
      </c>
      <c r="BF22" s="281">
        <v>0</v>
      </c>
      <c r="BG22" s="278">
        <v>0</v>
      </c>
      <c r="BH22" s="280">
        <v>0</v>
      </c>
      <c r="BI22" s="281">
        <v>295</v>
      </c>
      <c r="BJ22" s="281">
        <v>170</v>
      </c>
      <c r="BK22" s="281">
        <v>125</v>
      </c>
      <c r="BL22" s="281">
        <v>68</v>
      </c>
      <c r="BM22" s="281">
        <v>28</v>
      </c>
      <c r="BN22" s="278">
        <v>686</v>
      </c>
      <c r="BO22" s="283">
        <v>686</v>
      </c>
      <c r="BP22" s="277">
        <v>21</v>
      </c>
      <c r="BQ22" s="281">
        <v>44</v>
      </c>
      <c r="BR22" s="278">
        <v>65</v>
      </c>
      <c r="BS22" s="280">
        <v>0</v>
      </c>
      <c r="BT22" s="281">
        <v>172</v>
      </c>
      <c r="BU22" s="281">
        <v>105</v>
      </c>
      <c r="BV22" s="281">
        <v>63</v>
      </c>
      <c r="BW22" s="281">
        <v>35</v>
      </c>
      <c r="BX22" s="281">
        <v>11</v>
      </c>
      <c r="BY22" s="278">
        <v>386</v>
      </c>
      <c r="BZ22" s="283">
        <v>451</v>
      </c>
      <c r="CA22" s="277">
        <v>1</v>
      </c>
      <c r="CB22" s="281">
        <v>5</v>
      </c>
      <c r="CC22" s="278">
        <v>6</v>
      </c>
      <c r="CD22" s="280">
        <v>0</v>
      </c>
      <c r="CE22" s="281">
        <v>45</v>
      </c>
      <c r="CF22" s="281">
        <v>45</v>
      </c>
      <c r="CG22" s="281">
        <v>70</v>
      </c>
      <c r="CH22" s="281">
        <v>42</v>
      </c>
      <c r="CI22" s="281">
        <v>19</v>
      </c>
      <c r="CJ22" s="278">
        <v>221</v>
      </c>
      <c r="CK22" s="283">
        <v>227</v>
      </c>
      <c r="CL22" s="277">
        <v>0</v>
      </c>
      <c r="CM22" s="281">
        <v>1</v>
      </c>
      <c r="CN22" s="278">
        <v>1</v>
      </c>
      <c r="CO22" s="280">
        <v>0</v>
      </c>
      <c r="CP22" s="281">
        <v>2</v>
      </c>
      <c r="CQ22" s="281">
        <v>6</v>
      </c>
      <c r="CR22" s="281">
        <v>14</v>
      </c>
      <c r="CS22" s="281">
        <v>7</v>
      </c>
      <c r="CT22" s="281">
        <v>4</v>
      </c>
      <c r="CU22" s="278">
        <v>33</v>
      </c>
      <c r="CV22" s="283">
        <v>34</v>
      </c>
      <c r="CW22" s="277">
        <v>0</v>
      </c>
      <c r="CX22" s="281">
        <v>0</v>
      </c>
      <c r="CY22" s="278">
        <v>0</v>
      </c>
      <c r="CZ22" s="280">
        <v>0</v>
      </c>
      <c r="DA22" s="281">
        <v>0</v>
      </c>
      <c r="DB22" s="281">
        <v>0</v>
      </c>
      <c r="DC22" s="281">
        <v>0</v>
      </c>
      <c r="DD22" s="281">
        <v>0</v>
      </c>
      <c r="DE22" s="281">
        <v>0</v>
      </c>
      <c r="DF22" s="278">
        <v>0</v>
      </c>
      <c r="DG22" s="283">
        <v>0</v>
      </c>
      <c r="DH22" s="277">
        <v>0</v>
      </c>
      <c r="DI22" s="281">
        <v>0</v>
      </c>
      <c r="DJ22" s="278">
        <v>0</v>
      </c>
      <c r="DK22" s="280">
        <v>0</v>
      </c>
      <c r="DL22" s="281">
        <v>0</v>
      </c>
      <c r="DM22" s="281">
        <v>0</v>
      </c>
      <c r="DN22" s="281">
        <v>0</v>
      </c>
      <c r="DO22" s="281">
        <v>0</v>
      </c>
      <c r="DP22" s="281">
        <v>0</v>
      </c>
      <c r="DQ22" s="278">
        <v>0</v>
      </c>
      <c r="DR22" s="283">
        <v>0</v>
      </c>
      <c r="DS22" s="277">
        <v>124</v>
      </c>
      <c r="DT22" s="281">
        <v>311</v>
      </c>
      <c r="DU22" s="278">
        <v>435</v>
      </c>
      <c r="DV22" s="280">
        <v>0</v>
      </c>
      <c r="DW22" s="281">
        <v>533</v>
      </c>
      <c r="DX22" s="281">
        <v>428</v>
      </c>
      <c r="DY22" s="281">
        <v>277</v>
      </c>
      <c r="DZ22" s="281">
        <v>199</v>
      </c>
      <c r="EA22" s="281">
        <v>107</v>
      </c>
      <c r="EB22" s="278">
        <v>1544</v>
      </c>
      <c r="EC22" s="283">
        <v>1979</v>
      </c>
      <c r="ED22" s="277">
        <v>9</v>
      </c>
      <c r="EE22" s="281">
        <v>26</v>
      </c>
      <c r="EF22" s="278">
        <v>35</v>
      </c>
      <c r="EG22" s="280">
        <v>0</v>
      </c>
      <c r="EH22" s="281">
        <v>69</v>
      </c>
      <c r="EI22" s="281">
        <v>65</v>
      </c>
      <c r="EJ22" s="281">
        <v>46</v>
      </c>
      <c r="EK22" s="281">
        <v>70</v>
      </c>
      <c r="EL22" s="281">
        <v>27</v>
      </c>
      <c r="EM22" s="278">
        <v>277</v>
      </c>
      <c r="EN22" s="283">
        <v>312</v>
      </c>
      <c r="EO22" s="277">
        <v>177</v>
      </c>
      <c r="EP22" s="281">
        <v>402</v>
      </c>
      <c r="EQ22" s="278">
        <v>579</v>
      </c>
      <c r="ER22" s="280">
        <v>0</v>
      </c>
      <c r="ES22" s="281">
        <v>975</v>
      </c>
      <c r="ET22" s="281">
        <v>566</v>
      </c>
      <c r="EU22" s="281">
        <v>368</v>
      </c>
      <c r="EV22" s="281">
        <v>224</v>
      </c>
      <c r="EW22" s="281">
        <v>118</v>
      </c>
      <c r="EX22" s="278">
        <v>2251</v>
      </c>
      <c r="EY22" s="283">
        <v>2830</v>
      </c>
    </row>
    <row r="23" spans="1:155" ht="19.5" customHeight="1" x14ac:dyDescent="0.2">
      <c r="A23" s="262" t="s">
        <v>21</v>
      </c>
      <c r="B23" s="277">
        <v>0</v>
      </c>
      <c r="C23" s="281">
        <v>0</v>
      </c>
      <c r="D23" s="385">
        <v>0</v>
      </c>
      <c r="E23" s="280">
        <v>0</v>
      </c>
      <c r="F23" s="281">
        <v>239</v>
      </c>
      <c r="G23" s="281">
        <v>316</v>
      </c>
      <c r="H23" s="281">
        <v>184</v>
      </c>
      <c r="I23" s="281">
        <v>122</v>
      </c>
      <c r="J23" s="281">
        <v>88</v>
      </c>
      <c r="K23" s="282">
        <v>949</v>
      </c>
      <c r="L23" s="283">
        <v>949</v>
      </c>
      <c r="M23" s="277">
        <v>0</v>
      </c>
      <c r="N23" s="281">
        <v>0</v>
      </c>
      <c r="O23" s="278">
        <v>0</v>
      </c>
      <c r="P23" s="280">
        <v>0</v>
      </c>
      <c r="Q23" s="281">
        <v>0</v>
      </c>
      <c r="R23" s="281">
        <v>4</v>
      </c>
      <c r="S23" s="281">
        <v>12</v>
      </c>
      <c r="T23" s="281">
        <v>20</v>
      </c>
      <c r="U23" s="281">
        <v>46</v>
      </c>
      <c r="V23" s="278">
        <v>82</v>
      </c>
      <c r="W23" s="283">
        <v>82</v>
      </c>
      <c r="X23" s="277">
        <v>52</v>
      </c>
      <c r="Y23" s="281">
        <v>80</v>
      </c>
      <c r="Z23" s="278">
        <v>132</v>
      </c>
      <c r="AA23" s="280">
        <v>0</v>
      </c>
      <c r="AB23" s="281">
        <v>183</v>
      </c>
      <c r="AC23" s="281">
        <v>245</v>
      </c>
      <c r="AD23" s="281">
        <v>137</v>
      </c>
      <c r="AE23" s="281">
        <v>120</v>
      </c>
      <c r="AF23" s="281">
        <v>70</v>
      </c>
      <c r="AG23" s="278">
        <v>755</v>
      </c>
      <c r="AH23" s="283">
        <v>887</v>
      </c>
      <c r="AI23" s="277">
        <v>16</v>
      </c>
      <c r="AJ23" s="281">
        <v>26</v>
      </c>
      <c r="AK23" s="278">
        <v>42</v>
      </c>
      <c r="AL23" s="280">
        <v>0</v>
      </c>
      <c r="AM23" s="281">
        <v>20</v>
      </c>
      <c r="AN23" s="281">
        <v>34</v>
      </c>
      <c r="AO23" s="281">
        <v>14</v>
      </c>
      <c r="AP23" s="281">
        <v>17</v>
      </c>
      <c r="AQ23" s="281">
        <v>7</v>
      </c>
      <c r="AR23" s="278">
        <v>92</v>
      </c>
      <c r="AS23" s="283">
        <v>134</v>
      </c>
      <c r="AT23" s="277">
        <v>45</v>
      </c>
      <c r="AU23" s="281">
        <v>48</v>
      </c>
      <c r="AV23" s="278">
        <v>93</v>
      </c>
      <c r="AW23" s="280">
        <v>0</v>
      </c>
      <c r="AX23" s="281">
        <v>210</v>
      </c>
      <c r="AY23" s="281">
        <v>315</v>
      </c>
      <c r="AZ23" s="281">
        <v>258</v>
      </c>
      <c r="BA23" s="281">
        <v>212</v>
      </c>
      <c r="BB23" s="281">
        <v>174</v>
      </c>
      <c r="BC23" s="282">
        <v>1169</v>
      </c>
      <c r="BD23" s="283">
        <v>1262</v>
      </c>
      <c r="BE23" s="277">
        <v>0</v>
      </c>
      <c r="BF23" s="281">
        <v>0</v>
      </c>
      <c r="BG23" s="278">
        <v>0</v>
      </c>
      <c r="BH23" s="280">
        <v>0</v>
      </c>
      <c r="BI23" s="281">
        <v>267</v>
      </c>
      <c r="BJ23" s="281">
        <v>328</v>
      </c>
      <c r="BK23" s="281">
        <v>158</v>
      </c>
      <c r="BL23" s="281">
        <v>105</v>
      </c>
      <c r="BM23" s="281">
        <v>37</v>
      </c>
      <c r="BN23" s="278">
        <v>895</v>
      </c>
      <c r="BO23" s="283">
        <v>895</v>
      </c>
      <c r="BP23" s="277">
        <v>26</v>
      </c>
      <c r="BQ23" s="281">
        <v>43</v>
      </c>
      <c r="BR23" s="278">
        <v>69</v>
      </c>
      <c r="BS23" s="280">
        <v>0</v>
      </c>
      <c r="BT23" s="281">
        <v>53</v>
      </c>
      <c r="BU23" s="281">
        <v>67</v>
      </c>
      <c r="BV23" s="281">
        <v>35</v>
      </c>
      <c r="BW23" s="281">
        <v>16</v>
      </c>
      <c r="BX23" s="281">
        <v>16</v>
      </c>
      <c r="BY23" s="278">
        <v>187</v>
      </c>
      <c r="BZ23" s="283">
        <v>256</v>
      </c>
      <c r="CA23" s="277">
        <v>1</v>
      </c>
      <c r="CB23" s="281">
        <v>2</v>
      </c>
      <c r="CC23" s="278">
        <v>3</v>
      </c>
      <c r="CD23" s="280">
        <v>0</v>
      </c>
      <c r="CE23" s="281">
        <v>23</v>
      </c>
      <c r="CF23" s="281">
        <v>56</v>
      </c>
      <c r="CG23" s="281">
        <v>70</v>
      </c>
      <c r="CH23" s="281">
        <v>66</v>
      </c>
      <c r="CI23" s="281">
        <v>30</v>
      </c>
      <c r="CJ23" s="278">
        <v>245</v>
      </c>
      <c r="CK23" s="283">
        <v>248</v>
      </c>
      <c r="CL23" s="277">
        <v>0</v>
      </c>
      <c r="CM23" s="281">
        <v>0</v>
      </c>
      <c r="CN23" s="278">
        <v>0</v>
      </c>
      <c r="CO23" s="280">
        <v>0</v>
      </c>
      <c r="CP23" s="281">
        <v>0</v>
      </c>
      <c r="CQ23" s="281">
        <v>3</v>
      </c>
      <c r="CR23" s="281">
        <v>2</v>
      </c>
      <c r="CS23" s="281">
        <v>2</v>
      </c>
      <c r="CT23" s="281">
        <v>2</v>
      </c>
      <c r="CU23" s="278">
        <v>9</v>
      </c>
      <c r="CV23" s="283">
        <v>9</v>
      </c>
      <c r="CW23" s="277">
        <v>0</v>
      </c>
      <c r="CX23" s="281">
        <v>0</v>
      </c>
      <c r="CY23" s="278">
        <v>0</v>
      </c>
      <c r="CZ23" s="280">
        <v>0</v>
      </c>
      <c r="DA23" s="281">
        <v>0</v>
      </c>
      <c r="DB23" s="281">
        <v>0</v>
      </c>
      <c r="DC23" s="281">
        <v>0</v>
      </c>
      <c r="DD23" s="281">
        <v>0</v>
      </c>
      <c r="DE23" s="281">
        <v>0</v>
      </c>
      <c r="DF23" s="278">
        <v>0</v>
      </c>
      <c r="DG23" s="283">
        <v>0</v>
      </c>
      <c r="DH23" s="277">
        <v>0</v>
      </c>
      <c r="DI23" s="281">
        <v>0</v>
      </c>
      <c r="DJ23" s="278">
        <v>0</v>
      </c>
      <c r="DK23" s="280">
        <v>0</v>
      </c>
      <c r="DL23" s="281">
        <v>0</v>
      </c>
      <c r="DM23" s="281">
        <v>0</v>
      </c>
      <c r="DN23" s="281">
        <v>0</v>
      </c>
      <c r="DO23" s="281">
        <v>0</v>
      </c>
      <c r="DP23" s="281">
        <v>0</v>
      </c>
      <c r="DQ23" s="278">
        <v>0</v>
      </c>
      <c r="DR23" s="283">
        <v>0</v>
      </c>
      <c r="DS23" s="277">
        <v>183</v>
      </c>
      <c r="DT23" s="281">
        <v>318</v>
      </c>
      <c r="DU23" s="278">
        <v>501</v>
      </c>
      <c r="DV23" s="280">
        <v>0</v>
      </c>
      <c r="DW23" s="281">
        <v>331</v>
      </c>
      <c r="DX23" s="281">
        <v>632</v>
      </c>
      <c r="DY23" s="281">
        <v>356</v>
      </c>
      <c r="DZ23" s="281">
        <v>270</v>
      </c>
      <c r="EA23" s="281">
        <v>149</v>
      </c>
      <c r="EB23" s="278">
        <v>1738</v>
      </c>
      <c r="EC23" s="283">
        <v>2239</v>
      </c>
      <c r="ED23" s="277">
        <v>23</v>
      </c>
      <c r="EE23" s="281">
        <v>19</v>
      </c>
      <c r="EF23" s="278">
        <v>42</v>
      </c>
      <c r="EG23" s="280">
        <v>0</v>
      </c>
      <c r="EH23" s="281">
        <v>53</v>
      </c>
      <c r="EI23" s="281">
        <v>73</v>
      </c>
      <c r="EJ23" s="281">
        <v>57</v>
      </c>
      <c r="EK23" s="281">
        <v>38</v>
      </c>
      <c r="EL23" s="281">
        <v>45</v>
      </c>
      <c r="EM23" s="278">
        <v>266</v>
      </c>
      <c r="EN23" s="283">
        <v>308</v>
      </c>
      <c r="EO23" s="277">
        <v>244</v>
      </c>
      <c r="EP23" s="281">
        <v>388</v>
      </c>
      <c r="EQ23" s="278">
        <v>632</v>
      </c>
      <c r="ER23" s="280">
        <v>0</v>
      </c>
      <c r="ES23" s="281">
        <v>736</v>
      </c>
      <c r="ET23" s="281">
        <v>892</v>
      </c>
      <c r="EU23" s="281">
        <v>429</v>
      </c>
      <c r="EV23" s="281">
        <v>305</v>
      </c>
      <c r="EW23" s="281">
        <v>156</v>
      </c>
      <c r="EX23" s="278">
        <v>2518</v>
      </c>
      <c r="EY23" s="283">
        <v>3150</v>
      </c>
    </row>
    <row r="24" spans="1:155" ht="19.5" customHeight="1" x14ac:dyDescent="0.2">
      <c r="A24" s="262" t="s">
        <v>22</v>
      </c>
      <c r="B24" s="277">
        <v>0</v>
      </c>
      <c r="C24" s="281">
        <v>0</v>
      </c>
      <c r="D24" s="385">
        <v>0</v>
      </c>
      <c r="E24" s="280">
        <v>0</v>
      </c>
      <c r="F24" s="281">
        <v>75</v>
      </c>
      <c r="G24" s="281">
        <v>70</v>
      </c>
      <c r="H24" s="281">
        <v>36</v>
      </c>
      <c r="I24" s="281">
        <v>39</v>
      </c>
      <c r="J24" s="281">
        <v>28</v>
      </c>
      <c r="K24" s="282">
        <v>248</v>
      </c>
      <c r="L24" s="283">
        <v>248</v>
      </c>
      <c r="M24" s="277">
        <v>0</v>
      </c>
      <c r="N24" s="281">
        <v>0</v>
      </c>
      <c r="O24" s="278">
        <v>0</v>
      </c>
      <c r="P24" s="280">
        <v>0</v>
      </c>
      <c r="Q24" s="281">
        <v>0</v>
      </c>
      <c r="R24" s="281">
        <v>2</v>
      </c>
      <c r="S24" s="281">
        <v>7</v>
      </c>
      <c r="T24" s="281">
        <v>9</v>
      </c>
      <c r="U24" s="281">
        <v>21</v>
      </c>
      <c r="V24" s="278">
        <v>39</v>
      </c>
      <c r="W24" s="283">
        <v>39</v>
      </c>
      <c r="X24" s="277">
        <v>8</v>
      </c>
      <c r="Y24" s="281">
        <v>15</v>
      </c>
      <c r="Z24" s="278">
        <v>23</v>
      </c>
      <c r="AA24" s="280">
        <v>0</v>
      </c>
      <c r="AB24" s="281">
        <v>51</v>
      </c>
      <c r="AC24" s="281">
        <v>73</v>
      </c>
      <c r="AD24" s="281">
        <v>28</v>
      </c>
      <c r="AE24" s="281">
        <v>38</v>
      </c>
      <c r="AF24" s="281">
        <v>34</v>
      </c>
      <c r="AG24" s="278">
        <v>224</v>
      </c>
      <c r="AH24" s="283">
        <v>247</v>
      </c>
      <c r="AI24" s="277">
        <v>0</v>
      </c>
      <c r="AJ24" s="281">
        <v>2</v>
      </c>
      <c r="AK24" s="278">
        <v>2</v>
      </c>
      <c r="AL24" s="280">
        <v>0</v>
      </c>
      <c r="AM24" s="281">
        <v>8</v>
      </c>
      <c r="AN24" s="281">
        <v>8</v>
      </c>
      <c r="AO24" s="281">
        <v>6</v>
      </c>
      <c r="AP24" s="281">
        <v>5</v>
      </c>
      <c r="AQ24" s="281">
        <v>4</v>
      </c>
      <c r="AR24" s="278">
        <v>31</v>
      </c>
      <c r="AS24" s="283">
        <v>33</v>
      </c>
      <c r="AT24" s="277">
        <v>3</v>
      </c>
      <c r="AU24" s="281">
        <v>9</v>
      </c>
      <c r="AV24" s="278">
        <v>12</v>
      </c>
      <c r="AW24" s="280">
        <v>0</v>
      </c>
      <c r="AX24" s="281">
        <v>73</v>
      </c>
      <c r="AY24" s="281">
        <v>80</v>
      </c>
      <c r="AZ24" s="281">
        <v>58</v>
      </c>
      <c r="BA24" s="281">
        <v>52</v>
      </c>
      <c r="BB24" s="281">
        <v>29</v>
      </c>
      <c r="BC24" s="282">
        <v>292</v>
      </c>
      <c r="BD24" s="283">
        <v>304</v>
      </c>
      <c r="BE24" s="277">
        <v>0</v>
      </c>
      <c r="BF24" s="281">
        <v>0</v>
      </c>
      <c r="BG24" s="278">
        <v>0</v>
      </c>
      <c r="BH24" s="280">
        <v>0</v>
      </c>
      <c r="BI24" s="281">
        <v>114</v>
      </c>
      <c r="BJ24" s="281">
        <v>108</v>
      </c>
      <c r="BK24" s="281">
        <v>46</v>
      </c>
      <c r="BL24" s="281">
        <v>35</v>
      </c>
      <c r="BM24" s="281">
        <v>16</v>
      </c>
      <c r="BN24" s="278">
        <v>319</v>
      </c>
      <c r="BO24" s="283">
        <v>319</v>
      </c>
      <c r="BP24" s="277">
        <v>1</v>
      </c>
      <c r="BQ24" s="281">
        <v>8</v>
      </c>
      <c r="BR24" s="278">
        <v>9</v>
      </c>
      <c r="BS24" s="280">
        <v>0</v>
      </c>
      <c r="BT24" s="281">
        <v>18</v>
      </c>
      <c r="BU24" s="281">
        <v>21</v>
      </c>
      <c r="BV24" s="281">
        <v>19</v>
      </c>
      <c r="BW24" s="281">
        <v>12</v>
      </c>
      <c r="BX24" s="281">
        <v>5</v>
      </c>
      <c r="BY24" s="278">
        <v>75</v>
      </c>
      <c r="BZ24" s="283">
        <v>84</v>
      </c>
      <c r="CA24" s="277">
        <v>0</v>
      </c>
      <c r="CB24" s="281">
        <v>1</v>
      </c>
      <c r="CC24" s="278">
        <v>1</v>
      </c>
      <c r="CD24" s="280">
        <v>0</v>
      </c>
      <c r="CE24" s="281">
        <v>11</v>
      </c>
      <c r="CF24" s="281">
        <v>21</v>
      </c>
      <c r="CG24" s="281">
        <v>25</v>
      </c>
      <c r="CH24" s="281">
        <v>18</v>
      </c>
      <c r="CI24" s="281">
        <v>9</v>
      </c>
      <c r="CJ24" s="278">
        <v>84</v>
      </c>
      <c r="CK24" s="283">
        <v>85</v>
      </c>
      <c r="CL24" s="277">
        <v>0</v>
      </c>
      <c r="CM24" s="281">
        <v>0</v>
      </c>
      <c r="CN24" s="278">
        <v>0</v>
      </c>
      <c r="CO24" s="280">
        <v>0</v>
      </c>
      <c r="CP24" s="281">
        <v>2</v>
      </c>
      <c r="CQ24" s="281">
        <v>3</v>
      </c>
      <c r="CR24" s="281">
        <v>6</v>
      </c>
      <c r="CS24" s="281">
        <v>2</v>
      </c>
      <c r="CT24" s="281">
        <v>2</v>
      </c>
      <c r="CU24" s="278">
        <v>15</v>
      </c>
      <c r="CV24" s="283">
        <v>15</v>
      </c>
      <c r="CW24" s="277">
        <v>0</v>
      </c>
      <c r="CX24" s="281">
        <v>0</v>
      </c>
      <c r="CY24" s="278">
        <v>0</v>
      </c>
      <c r="CZ24" s="280">
        <v>0</v>
      </c>
      <c r="DA24" s="281">
        <v>0</v>
      </c>
      <c r="DB24" s="281">
        <v>0</v>
      </c>
      <c r="DC24" s="281">
        <v>0</v>
      </c>
      <c r="DD24" s="281">
        <v>0</v>
      </c>
      <c r="DE24" s="281">
        <v>0</v>
      </c>
      <c r="DF24" s="278">
        <v>0</v>
      </c>
      <c r="DG24" s="283">
        <v>0</v>
      </c>
      <c r="DH24" s="277">
        <v>0</v>
      </c>
      <c r="DI24" s="281">
        <v>0</v>
      </c>
      <c r="DJ24" s="278">
        <v>0</v>
      </c>
      <c r="DK24" s="280">
        <v>0</v>
      </c>
      <c r="DL24" s="281">
        <v>0</v>
      </c>
      <c r="DM24" s="281">
        <v>0</v>
      </c>
      <c r="DN24" s="281">
        <v>0</v>
      </c>
      <c r="DO24" s="281">
        <v>0</v>
      </c>
      <c r="DP24" s="281">
        <v>0</v>
      </c>
      <c r="DQ24" s="278">
        <v>0</v>
      </c>
      <c r="DR24" s="283">
        <v>0</v>
      </c>
      <c r="DS24" s="277">
        <v>41</v>
      </c>
      <c r="DT24" s="281">
        <v>137</v>
      </c>
      <c r="DU24" s="278">
        <v>178</v>
      </c>
      <c r="DV24" s="280">
        <v>0</v>
      </c>
      <c r="DW24" s="281">
        <v>199</v>
      </c>
      <c r="DX24" s="281">
        <v>236</v>
      </c>
      <c r="DY24" s="281">
        <v>118</v>
      </c>
      <c r="DZ24" s="281">
        <v>98</v>
      </c>
      <c r="EA24" s="281">
        <v>64</v>
      </c>
      <c r="EB24" s="278">
        <v>715</v>
      </c>
      <c r="EC24" s="283">
        <v>893</v>
      </c>
      <c r="ED24" s="277">
        <v>6</v>
      </c>
      <c r="EE24" s="281">
        <v>5</v>
      </c>
      <c r="EF24" s="278">
        <v>11</v>
      </c>
      <c r="EG24" s="280">
        <v>0</v>
      </c>
      <c r="EH24" s="281">
        <v>33</v>
      </c>
      <c r="EI24" s="281">
        <v>28</v>
      </c>
      <c r="EJ24" s="281">
        <v>21</v>
      </c>
      <c r="EK24" s="281">
        <v>23</v>
      </c>
      <c r="EL24" s="281">
        <v>11</v>
      </c>
      <c r="EM24" s="278">
        <v>116</v>
      </c>
      <c r="EN24" s="283">
        <v>127</v>
      </c>
      <c r="EO24" s="277">
        <v>49</v>
      </c>
      <c r="EP24" s="281">
        <v>147</v>
      </c>
      <c r="EQ24" s="278">
        <v>196</v>
      </c>
      <c r="ER24" s="280">
        <v>0</v>
      </c>
      <c r="ES24" s="281">
        <v>373</v>
      </c>
      <c r="ET24" s="281">
        <v>327</v>
      </c>
      <c r="EU24" s="281">
        <v>138</v>
      </c>
      <c r="EV24" s="281">
        <v>102</v>
      </c>
      <c r="EW24" s="281">
        <v>62</v>
      </c>
      <c r="EX24" s="278">
        <v>1002</v>
      </c>
      <c r="EY24" s="283">
        <v>1198</v>
      </c>
    </row>
    <row r="25" spans="1:155" ht="19.5" customHeight="1" x14ac:dyDescent="0.2">
      <c r="A25" s="262" t="s">
        <v>23</v>
      </c>
      <c r="B25" s="277">
        <v>0</v>
      </c>
      <c r="C25" s="281">
        <v>0</v>
      </c>
      <c r="D25" s="385">
        <v>0</v>
      </c>
      <c r="E25" s="280">
        <v>0</v>
      </c>
      <c r="F25" s="281">
        <v>143</v>
      </c>
      <c r="G25" s="281">
        <v>135</v>
      </c>
      <c r="H25" s="281">
        <v>62</v>
      </c>
      <c r="I25" s="281">
        <v>61</v>
      </c>
      <c r="J25" s="281">
        <v>41</v>
      </c>
      <c r="K25" s="282">
        <v>442</v>
      </c>
      <c r="L25" s="283">
        <v>442</v>
      </c>
      <c r="M25" s="277">
        <v>0</v>
      </c>
      <c r="N25" s="281">
        <v>0</v>
      </c>
      <c r="O25" s="278">
        <v>0</v>
      </c>
      <c r="P25" s="280">
        <v>0</v>
      </c>
      <c r="Q25" s="281">
        <v>3</v>
      </c>
      <c r="R25" s="281">
        <v>2</v>
      </c>
      <c r="S25" s="281">
        <v>6</v>
      </c>
      <c r="T25" s="281">
        <v>14</v>
      </c>
      <c r="U25" s="281">
        <v>14</v>
      </c>
      <c r="V25" s="278">
        <v>39</v>
      </c>
      <c r="W25" s="283">
        <v>39</v>
      </c>
      <c r="X25" s="277">
        <v>36</v>
      </c>
      <c r="Y25" s="281">
        <v>41</v>
      </c>
      <c r="Z25" s="278">
        <v>77</v>
      </c>
      <c r="AA25" s="280">
        <v>0</v>
      </c>
      <c r="AB25" s="281">
        <v>88</v>
      </c>
      <c r="AC25" s="281">
        <v>123</v>
      </c>
      <c r="AD25" s="281">
        <v>59</v>
      </c>
      <c r="AE25" s="281">
        <v>69</v>
      </c>
      <c r="AF25" s="281">
        <v>38</v>
      </c>
      <c r="AG25" s="278">
        <v>377</v>
      </c>
      <c r="AH25" s="283">
        <v>454</v>
      </c>
      <c r="AI25" s="277">
        <v>0</v>
      </c>
      <c r="AJ25" s="281">
        <v>11</v>
      </c>
      <c r="AK25" s="278">
        <v>11</v>
      </c>
      <c r="AL25" s="280">
        <v>0</v>
      </c>
      <c r="AM25" s="281">
        <v>6</v>
      </c>
      <c r="AN25" s="281">
        <v>18</v>
      </c>
      <c r="AO25" s="281">
        <v>8</v>
      </c>
      <c r="AP25" s="281">
        <v>4</v>
      </c>
      <c r="AQ25" s="281">
        <v>3</v>
      </c>
      <c r="AR25" s="278">
        <v>39</v>
      </c>
      <c r="AS25" s="283">
        <v>50</v>
      </c>
      <c r="AT25" s="277">
        <v>14</v>
      </c>
      <c r="AU25" s="281">
        <v>14</v>
      </c>
      <c r="AV25" s="278">
        <v>28</v>
      </c>
      <c r="AW25" s="280">
        <v>0</v>
      </c>
      <c r="AX25" s="281">
        <v>155</v>
      </c>
      <c r="AY25" s="281">
        <v>147</v>
      </c>
      <c r="AZ25" s="281">
        <v>127</v>
      </c>
      <c r="BA25" s="281">
        <v>132</v>
      </c>
      <c r="BB25" s="281">
        <v>91</v>
      </c>
      <c r="BC25" s="282">
        <v>652</v>
      </c>
      <c r="BD25" s="283">
        <v>680</v>
      </c>
      <c r="BE25" s="277">
        <v>0</v>
      </c>
      <c r="BF25" s="281">
        <v>0</v>
      </c>
      <c r="BG25" s="278">
        <v>0</v>
      </c>
      <c r="BH25" s="280">
        <v>0</v>
      </c>
      <c r="BI25" s="281">
        <v>284</v>
      </c>
      <c r="BJ25" s="281">
        <v>232</v>
      </c>
      <c r="BK25" s="281">
        <v>96</v>
      </c>
      <c r="BL25" s="281">
        <v>77</v>
      </c>
      <c r="BM25" s="281">
        <v>33</v>
      </c>
      <c r="BN25" s="278">
        <v>722</v>
      </c>
      <c r="BO25" s="283">
        <v>722</v>
      </c>
      <c r="BP25" s="277">
        <v>5</v>
      </c>
      <c r="BQ25" s="281">
        <v>12</v>
      </c>
      <c r="BR25" s="278">
        <v>17</v>
      </c>
      <c r="BS25" s="280">
        <v>0</v>
      </c>
      <c r="BT25" s="281">
        <v>45</v>
      </c>
      <c r="BU25" s="281">
        <v>54</v>
      </c>
      <c r="BV25" s="281">
        <v>27</v>
      </c>
      <c r="BW25" s="281">
        <v>22</v>
      </c>
      <c r="BX25" s="281">
        <v>6</v>
      </c>
      <c r="BY25" s="278">
        <v>154</v>
      </c>
      <c r="BZ25" s="283">
        <v>171</v>
      </c>
      <c r="CA25" s="277">
        <v>2</v>
      </c>
      <c r="CB25" s="281">
        <v>2</v>
      </c>
      <c r="CC25" s="278">
        <v>4</v>
      </c>
      <c r="CD25" s="280">
        <v>0</v>
      </c>
      <c r="CE25" s="281">
        <v>19</v>
      </c>
      <c r="CF25" s="281">
        <v>34</v>
      </c>
      <c r="CG25" s="281">
        <v>33</v>
      </c>
      <c r="CH25" s="281">
        <v>38</v>
      </c>
      <c r="CI25" s="281">
        <v>13</v>
      </c>
      <c r="CJ25" s="278">
        <v>137</v>
      </c>
      <c r="CK25" s="283">
        <v>141</v>
      </c>
      <c r="CL25" s="277">
        <v>0</v>
      </c>
      <c r="CM25" s="281">
        <v>0</v>
      </c>
      <c r="CN25" s="278">
        <v>0</v>
      </c>
      <c r="CO25" s="280">
        <v>0</v>
      </c>
      <c r="CP25" s="281">
        <v>1</v>
      </c>
      <c r="CQ25" s="281">
        <v>1</v>
      </c>
      <c r="CR25" s="281">
        <v>1</v>
      </c>
      <c r="CS25" s="281">
        <v>3</v>
      </c>
      <c r="CT25" s="281">
        <v>3</v>
      </c>
      <c r="CU25" s="278">
        <v>9</v>
      </c>
      <c r="CV25" s="283">
        <v>9</v>
      </c>
      <c r="CW25" s="277">
        <v>0</v>
      </c>
      <c r="CX25" s="281">
        <v>0</v>
      </c>
      <c r="CY25" s="278">
        <v>0</v>
      </c>
      <c r="CZ25" s="280">
        <v>0</v>
      </c>
      <c r="DA25" s="281">
        <v>0</v>
      </c>
      <c r="DB25" s="281">
        <v>0</v>
      </c>
      <c r="DC25" s="281">
        <v>0</v>
      </c>
      <c r="DD25" s="281">
        <v>0</v>
      </c>
      <c r="DE25" s="281">
        <v>0</v>
      </c>
      <c r="DF25" s="278">
        <v>0</v>
      </c>
      <c r="DG25" s="283">
        <v>0</v>
      </c>
      <c r="DH25" s="277">
        <v>0</v>
      </c>
      <c r="DI25" s="281">
        <v>0</v>
      </c>
      <c r="DJ25" s="278">
        <v>0</v>
      </c>
      <c r="DK25" s="280">
        <v>0</v>
      </c>
      <c r="DL25" s="281">
        <v>0</v>
      </c>
      <c r="DM25" s="281">
        <v>0</v>
      </c>
      <c r="DN25" s="281">
        <v>0</v>
      </c>
      <c r="DO25" s="281">
        <v>0</v>
      </c>
      <c r="DP25" s="281">
        <v>0</v>
      </c>
      <c r="DQ25" s="278">
        <v>0</v>
      </c>
      <c r="DR25" s="283">
        <v>0</v>
      </c>
      <c r="DS25" s="277">
        <v>88</v>
      </c>
      <c r="DT25" s="281">
        <v>195</v>
      </c>
      <c r="DU25" s="278">
        <v>283</v>
      </c>
      <c r="DV25" s="280">
        <v>0</v>
      </c>
      <c r="DW25" s="281">
        <v>266</v>
      </c>
      <c r="DX25" s="281">
        <v>371</v>
      </c>
      <c r="DY25" s="281">
        <v>187</v>
      </c>
      <c r="DZ25" s="281">
        <v>172</v>
      </c>
      <c r="EA25" s="281">
        <v>80</v>
      </c>
      <c r="EB25" s="278">
        <v>1076</v>
      </c>
      <c r="EC25" s="283">
        <v>1359</v>
      </c>
      <c r="ED25" s="277">
        <v>5</v>
      </c>
      <c r="EE25" s="281">
        <v>5</v>
      </c>
      <c r="EF25" s="278">
        <v>10</v>
      </c>
      <c r="EG25" s="280">
        <v>0</v>
      </c>
      <c r="EH25" s="281">
        <v>47</v>
      </c>
      <c r="EI25" s="281">
        <v>41</v>
      </c>
      <c r="EJ25" s="281">
        <v>38</v>
      </c>
      <c r="EK25" s="281">
        <v>41</v>
      </c>
      <c r="EL25" s="281">
        <v>27</v>
      </c>
      <c r="EM25" s="278">
        <v>194</v>
      </c>
      <c r="EN25" s="283">
        <v>204</v>
      </c>
      <c r="EO25" s="277">
        <v>121</v>
      </c>
      <c r="EP25" s="281">
        <v>229</v>
      </c>
      <c r="EQ25" s="278">
        <v>350</v>
      </c>
      <c r="ER25" s="280">
        <v>0</v>
      </c>
      <c r="ES25" s="281">
        <v>538</v>
      </c>
      <c r="ET25" s="281">
        <v>495</v>
      </c>
      <c r="EU25" s="281">
        <v>239</v>
      </c>
      <c r="EV25" s="281">
        <v>198</v>
      </c>
      <c r="EW25" s="281">
        <v>93</v>
      </c>
      <c r="EX25" s="278">
        <v>1563</v>
      </c>
      <c r="EY25" s="283">
        <v>1913</v>
      </c>
    </row>
    <row r="26" spans="1:155" ht="19.5" customHeight="1" x14ac:dyDescent="0.2">
      <c r="A26" s="262" t="s">
        <v>24</v>
      </c>
      <c r="B26" s="277">
        <v>0</v>
      </c>
      <c r="C26" s="281">
        <v>0</v>
      </c>
      <c r="D26" s="385">
        <v>0</v>
      </c>
      <c r="E26" s="280">
        <v>0</v>
      </c>
      <c r="F26" s="281">
        <v>74</v>
      </c>
      <c r="G26" s="281">
        <v>43</v>
      </c>
      <c r="H26" s="281">
        <v>36</v>
      </c>
      <c r="I26" s="281">
        <v>33</v>
      </c>
      <c r="J26" s="281">
        <v>30</v>
      </c>
      <c r="K26" s="282">
        <v>216</v>
      </c>
      <c r="L26" s="283">
        <v>216</v>
      </c>
      <c r="M26" s="277">
        <v>0</v>
      </c>
      <c r="N26" s="281">
        <v>0</v>
      </c>
      <c r="O26" s="278">
        <v>0</v>
      </c>
      <c r="P26" s="280">
        <v>0</v>
      </c>
      <c r="Q26" s="281">
        <v>1</v>
      </c>
      <c r="R26" s="281">
        <v>2</v>
      </c>
      <c r="S26" s="281">
        <v>3</v>
      </c>
      <c r="T26" s="281">
        <v>9</v>
      </c>
      <c r="U26" s="281">
        <v>19</v>
      </c>
      <c r="V26" s="278">
        <v>34</v>
      </c>
      <c r="W26" s="283">
        <v>34</v>
      </c>
      <c r="X26" s="277">
        <v>12</v>
      </c>
      <c r="Y26" s="281">
        <v>14</v>
      </c>
      <c r="Z26" s="278">
        <v>26</v>
      </c>
      <c r="AA26" s="280">
        <v>0</v>
      </c>
      <c r="AB26" s="281">
        <v>68</v>
      </c>
      <c r="AC26" s="281">
        <v>47</v>
      </c>
      <c r="AD26" s="281">
        <v>41</v>
      </c>
      <c r="AE26" s="281">
        <v>37</v>
      </c>
      <c r="AF26" s="281">
        <v>26</v>
      </c>
      <c r="AG26" s="278">
        <v>219</v>
      </c>
      <c r="AH26" s="283">
        <v>245</v>
      </c>
      <c r="AI26" s="277">
        <v>1</v>
      </c>
      <c r="AJ26" s="281">
        <v>2</v>
      </c>
      <c r="AK26" s="278">
        <v>3</v>
      </c>
      <c r="AL26" s="280">
        <v>0</v>
      </c>
      <c r="AM26" s="281">
        <v>5</v>
      </c>
      <c r="AN26" s="281">
        <v>4</v>
      </c>
      <c r="AO26" s="281">
        <v>1</v>
      </c>
      <c r="AP26" s="281">
        <v>7</v>
      </c>
      <c r="AQ26" s="281">
        <v>7</v>
      </c>
      <c r="AR26" s="278">
        <v>24</v>
      </c>
      <c r="AS26" s="283">
        <v>27</v>
      </c>
      <c r="AT26" s="277">
        <v>20</v>
      </c>
      <c r="AU26" s="281">
        <v>17</v>
      </c>
      <c r="AV26" s="278">
        <v>37</v>
      </c>
      <c r="AW26" s="280">
        <v>0</v>
      </c>
      <c r="AX26" s="281">
        <v>88</v>
      </c>
      <c r="AY26" s="281">
        <v>74</v>
      </c>
      <c r="AZ26" s="281">
        <v>83</v>
      </c>
      <c r="BA26" s="281">
        <v>81</v>
      </c>
      <c r="BB26" s="281">
        <v>66</v>
      </c>
      <c r="BC26" s="282">
        <v>392</v>
      </c>
      <c r="BD26" s="283">
        <v>429</v>
      </c>
      <c r="BE26" s="277">
        <v>0</v>
      </c>
      <c r="BF26" s="281">
        <v>0</v>
      </c>
      <c r="BG26" s="278">
        <v>0</v>
      </c>
      <c r="BH26" s="280">
        <v>0</v>
      </c>
      <c r="BI26" s="281">
        <v>94</v>
      </c>
      <c r="BJ26" s="281">
        <v>65</v>
      </c>
      <c r="BK26" s="281">
        <v>38</v>
      </c>
      <c r="BL26" s="281">
        <v>19</v>
      </c>
      <c r="BM26" s="281">
        <v>4</v>
      </c>
      <c r="BN26" s="278">
        <v>220</v>
      </c>
      <c r="BO26" s="283">
        <v>220</v>
      </c>
      <c r="BP26" s="277">
        <v>12</v>
      </c>
      <c r="BQ26" s="281">
        <v>13</v>
      </c>
      <c r="BR26" s="278">
        <v>25</v>
      </c>
      <c r="BS26" s="280">
        <v>0</v>
      </c>
      <c r="BT26" s="281">
        <v>45</v>
      </c>
      <c r="BU26" s="281">
        <v>33</v>
      </c>
      <c r="BV26" s="281">
        <v>24</v>
      </c>
      <c r="BW26" s="281">
        <v>12</v>
      </c>
      <c r="BX26" s="281">
        <v>12</v>
      </c>
      <c r="BY26" s="278">
        <v>126</v>
      </c>
      <c r="BZ26" s="283">
        <v>151</v>
      </c>
      <c r="CA26" s="277">
        <v>0</v>
      </c>
      <c r="CB26" s="281">
        <v>1</v>
      </c>
      <c r="CC26" s="278">
        <v>1</v>
      </c>
      <c r="CD26" s="280">
        <v>0</v>
      </c>
      <c r="CE26" s="281">
        <v>14</v>
      </c>
      <c r="CF26" s="281">
        <v>22</v>
      </c>
      <c r="CG26" s="281">
        <v>22</v>
      </c>
      <c r="CH26" s="281">
        <v>16</v>
      </c>
      <c r="CI26" s="281">
        <v>13</v>
      </c>
      <c r="CJ26" s="278">
        <v>87</v>
      </c>
      <c r="CK26" s="283">
        <v>88</v>
      </c>
      <c r="CL26" s="277">
        <v>0</v>
      </c>
      <c r="CM26" s="281">
        <v>0</v>
      </c>
      <c r="CN26" s="278">
        <v>0</v>
      </c>
      <c r="CO26" s="280">
        <v>0</v>
      </c>
      <c r="CP26" s="281">
        <v>0</v>
      </c>
      <c r="CQ26" s="281">
        <v>1</v>
      </c>
      <c r="CR26" s="281">
        <v>0</v>
      </c>
      <c r="CS26" s="281">
        <v>0</v>
      </c>
      <c r="CT26" s="281">
        <v>0</v>
      </c>
      <c r="CU26" s="278">
        <v>1</v>
      </c>
      <c r="CV26" s="283">
        <v>1</v>
      </c>
      <c r="CW26" s="277">
        <v>0</v>
      </c>
      <c r="CX26" s="281">
        <v>0</v>
      </c>
      <c r="CY26" s="278">
        <v>0</v>
      </c>
      <c r="CZ26" s="280">
        <v>0</v>
      </c>
      <c r="DA26" s="281">
        <v>0</v>
      </c>
      <c r="DB26" s="281">
        <v>0</v>
      </c>
      <c r="DC26" s="281">
        <v>0</v>
      </c>
      <c r="DD26" s="281">
        <v>0</v>
      </c>
      <c r="DE26" s="281">
        <v>0</v>
      </c>
      <c r="DF26" s="278">
        <v>0</v>
      </c>
      <c r="DG26" s="283">
        <v>0</v>
      </c>
      <c r="DH26" s="277">
        <v>0</v>
      </c>
      <c r="DI26" s="281">
        <v>0</v>
      </c>
      <c r="DJ26" s="278">
        <v>0</v>
      </c>
      <c r="DK26" s="280">
        <v>0</v>
      </c>
      <c r="DL26" s="281">
        <v>0</v>
      </c>
      <c r="DM26" s="281">
        <v>0</v>
      </c>
      <c r="DN26" s="281">
        <v>0</v>
      </c>
      <c r="DO26" s="281">
        <v>0</v>
      </c>
      <c r="DP26" s="281">
        <v>0</v>
      </c>
      <c r="DQ26" s="278">
        <v>0</v>
      </c>
      <c r="DR26" s="283">
        <v>0</v>
      </c>
      <c r="DS26" s="277">
        <v>74</v>
      </c>
      <c r="DT26" s="281">
        <v>73</v>
      </c>
      <c r="DU26" s="278">
        <v>147</v>
      </c>
      <c r="DV26" s="280">
        <v>0</v>
      </c>
      <c r="DW26" s="281">
        <v>161</v>
      </c>
      <c r="DX26" s="281">
        <v>137</v>
      </c>
      <c r="DY26" s="281">
        <v>98</v>
      </c>
      <c r="DZ26" s="281">
        <v>73</v>
      </c>
      <c r="EA26" s="281">
        <v>51</v>
      </c>
      <c r="EB26" s="278">
        <v>520</v>
      </c>
      <c r="EC26" s="283">
        <v>667</v>
      </c>
      <c r="ED26" s="277">
        <v>11</v>
      </c>
      <c r="EE26" s="281">
        <v>8</v>
      </c>
      <c r="EF26" s="278">
        <v>19</v>
      </c>
      <c r="EG26" s="280">
        <v>0</v>
      </c>
      <c r="EH26" s="281">
        <v>30</v>
      </c>
      <c r="EI26" s="281">
        <v>30</v>
      </c>
      <c r="EJ26" s="281">
        <v>25</v>
      </c>
      <c r="EK26" s="281">
        <v>31</v>
      </c>
      <c r="EL26" s="281">
        <v>22</v>
      </c>
      <c r="EM26" s="278">
        <v>138</v>
      </c>
      <c r="EN26" s="283">
        <v>157</v>
      </c>
      <c r="EO26" s="277">
        <v>91</v>
      </c>
      <c r="EP26" s="281">
        <v>85</v>
      </c>
      <c r="EQ26" s="278">
        <v>176</v>
      </c>
      <c r="ER26" s="280">
        <v>0</v>
      </c>
      <c r="ES26" s="281">
        <v>293</v>
      </c>
      <c r="ET26" s="281">
        <v>181</v>
      </c>
      <c r="EU26" s="281">
        <v>123</v>
      </c>
      <c r="EV26" s="281">
        <v>78</v>
      </c>
      <c r="EW26" s="281">
        <v>56</v>
      </c>
      <c r="EX26" s="278">
        <v>731</v>
      </c>
      <c r="EY26" s="283">
        <v>907</v>
      </c>
    </row>
    <row r="27" spans="1:155" ht="19.5" customHeight="1" x14ac:dyDescent="0.2">
      <c r="A27" s="262" t="s">
        <v>25</v>
      </c>
      <c r="B27" s="277">
        <v>0</v>
      </c>
      <c r="C27" s="281">
        <v>0</v>
      </c>
      <c r="D27" s="385">
        <v>0</v>
      </c>
      <c r="E27" s="280">
        <v>0</v>
      </c>
      <c r="F27" s="281">
        <v>91</v>
      </c>
      <c r="G27" s="281">
        <v>57</v>
      </c>
      <c r="H27" s="281">
        <v>38</v>
      </c>
      <c r="I27" s="281">
        <v>45</v>
      </c>
      <c r="J27" s="281">
        <v>34</v>
      </c>
      <c r="K27" s="282">
        <v>265</v>
      </c>
      <c r="L27" s="283">
        <v>265</v>
      </c>
      <c r="M27" s="277">
        <v>0</v>
      </c>
      <c r="N27" s="281">
        <v>0</v>
      </c>
      <c r="O27" s="278">
        <v>0</v>
      </c>
      <c r="P27" s="280">
        <v>0</v>
      </c>
      <c r="Q27" s="281">
        <v>1</v>
      </c>
      <c r="R27" s="281">
        <v>5</v>
      </c>
      <c r="S27" s="281">
        <v>5</v>
      </c>
      <c r="T27" s="281">
        <v>18</v>
      </c>
      <c r="U27" s="281">
        <v>20</v>
      </c>
      <c r="V27" s="278">
        <v>49</v>
      </c>
      <c r="W27" s="283">
        <v>49</v>
      </c>
      <c r="X27" s="277">
        <v>14</v>
      </c>
      <c r="Y27" s="281">
        <v>27</v>
      </c>
      <c r="Z27" s="278">
        <v>41</v>
      </c>
      <c r="AA27" s="280">
        <v>0</v>
      </c>
      <c r="AB27" s="281">
        <v>72</v>
      </c>
      <c r="AC27" s="281">
        <v>57</v>
      </c>
      <c r="AD27" s="281">
        <v>40</v>
      </c>
      <c r="AE27" s="281">
        <v>41</v>
      </c>
      <c r="AF27" s="281">
        <v>30</v>
      </c>
      <c r="AG27" s="278">
        <v>240</v>
      </c>
      <c r="AH27" s="283">
        <v>281</v>
      </c>
      <c r="AI27" s="277">
        <v>2</v>
      </c>
      <c r="AJ27" s="281">
        <v>3</v>
      </c>
      <c r="AK27" s="278">
        <v>5</v>
      </c>
      <c r="AL27" s="280">
        <v>0</v>
      </c>
      <c r="AM27" s="281">
        <v>3</v>
      </c>
      <c r="AN27" s="281">
        <v>5</v>
      </c>
      <c r="AO27" s="281">
        <v>9</v>
      </c>
      <c r="AP27" s="281">
        <v>3</v>
      </c>
      <c r="AQ27" s="281">
        <v>6</v>
      </c>
      <c r="AR27" s="278">
        <v>26</v>
      </c>
      <c r="AS27" s="283">
        <v>31</v>
      </c>
      <c r="AT27" s="277">
        <v>2</v>
      </c>
      <c r="AU27" s="281">
        <v>15</v>
      </c>
      <c r="AV27" s="278">
        <v>17</v>
      </c>
      <c r="AW27" s="280">
        <v>0</v>
      </c>
      <c r="AX27" s="281">
        <v>65</v>
      </c>
      <c r="AY27" s="281">
        <v>62</v>
      </c>
      <c r="AZ27" s="281">
        <v>39</v>
      </c>
      <c r="BA27" s="281">
        <v>68</v>
      </c>
      <c r="BB27" s="281">
        <v>49</v>
      </c>
      <c r="BC27" s="282">
        <v>283</v>
      </c>
      <c r="BD27" s="283">
        <v>300</v>
      </c>
      <c r="BE27" s="277">
        <v>0</v>
      </c>
      <c r="BF27" s="281">
        <v>0</v>
      </c>
      <c r="BG27" s="278">
        <v>0</v>
      </c>
      <c r="BH27" s="280">
        <v>0</v>
      </c>
      <c r="BI27" s="281">
        <v>138</v>
      </c>
      <c r="BJ27" s="281">
        <v>67</v>
      </c>
      <c r="BK27" s="281">
        <v>36</v>
      </c>
      <c r="BL27" s="281">
        <v>35</v>
      </c>
      <c r="BM27" s="281">
        <v>8</v>
      </c>
      <c r="BN27" s="278">
        <v>284</v>
      </c>
      <c r="BO27" s="283">
        <v>284</v>
      </c>
      <c r="BP27" s="277">
        <v>4</v>
      </c>
      <c r="BQ27" s="281">
        <v>10</v>
      </c>
      <c r="BR27" s="278">
        <v>14</v>
      </c>
      <c r="BS27" s="280">
        <v>0</v>
      </c>
      <c r="BT27" s="281">
        <v>37</v>
      </c>
      <c r="BU27" s="281">
        <v>50</v>
      </c>
      <c r="BV27" s="281">
        <v>22</v>
      </c>
      <c r="BW27" s="281">
        <v>18</v>
      </c>
      <c r="BX27" s="281">
        <v>5</v>
      </c>
      <c r="BY27" s="278">
        <v>132</v>
      </c>
      <c r="BZ27" s="283">
        <v>146</v>
      </c>
      <c r="CA27" s="277">
        <v>0</v>
      </c>
      <c r="CB27" s="281">
        <v>2</v>
      </c>
      <c r="CC27" s="278">
        <v>2</v>
      </c>
      <c r="CD27" s="280">
        <v>0</v>
      </c>
      <c r="CE27" s="281">
        <v>13</v>
      </c>
      <c r="CF27" s="281">
        <v>23</v>
      </c>
      <c r="CG27" s="281">
        <v>13</v>
      </c>
      <c r="CH27" s="281">
        <v>13</v>
      </c>
      <c r="CI27" s="281">
        <v>5</v>
      </c>
      <c r="CJ27" s="278">
        <v>67</v>
      </c>
      <c r="CK27" s="283">
        <v>69</v>
      </c>
      <c r="CL27" s="277">
        <v>0</v>
      </c>
      <c r="CM27" s="281">
        <v>0</v>
      </c>
      <c r="CN27" s="278">
        <v>0</v>
      </c>
      <c r="CO27" s="280">
        <v>0</v>
      </c>
      <c r="CP27" s="281">
        <v>2</v>
      </c>
      <c r="CQ27" s="281">
        <v>1</v>
      </c>
      <c r="CR27" s="281">
        <v>2</v>
      </c>
      <c r="CS27" s="281">
        <v>2</v>
      </c>
      <c r="CT27" s="281">
        <v>1</v>
      </c>
      <c r="CU27" s="278">
        <v>8</v>
      </c>
      <c r="CV27" s="283">
        <v>8</v>
      </c>
      <c r="CW27" s="277">
        <v>0</v>
      </c>
      <c r="CX27" s="281">
        <v>0</v>
      </c>
      <c r="CY27" s="278">
        <v>0</v>
      </c>
      <c r="CZ27" s="280">
        <v>0</v>
      </c>
      <c r="DA27" s="281">
        <v>0</v>
      </c>
      <c r="DB27" s="281">
        <v>0</v>
      </c>
      <c r="DC27" s="281">
        <v>0</v>
      </c>
      <c r="DD27" s="281">
        <v>0</v>
      </c>
      <c r="DE27" s="281">
        <v>0</v>
      </c>
      <c r="DF27" s="278">
        <v>0</v>
      </c>
      <c r="DG27" s="283">
        <v>0</v>
      </c>
      <c r="DH27" s="277">
        <v>0</v>
      </c>
      <c r="DI27" s="281">
        <v>0</v>
      </c>
      <c r="DJ27" s="278">
        <v>0</v>
      </c>
      <c r="DK27" s="280">
        <v>0</v>
      </c>
      <c r="DL27" s="281">
        <v>0</v>
      </c>
      <c r="DM27" s="281">
        <v>0</v>
      </c>
      <c r="DN27" s="281">
        <v>0</v>
      </c>
      <c r="DO27" s="281">
        <v>0</v>
      </c>
      <c r="DP27" s="281">
        <v>0</v>
      </c>
      <c r="DQ27" s="278">
        <v>0</v>
      </c>
      <c r="DR27" s="283">
        <v>0</v>
      </c>
      <c r="DS27" s="277">
        <v>63</v>
      </c>
      <c r="DT27" s="281">
        <v>113</v>
      </c>
      <c r="DU27" s="278">
        <v>176</v>
      </c>
      <c r="DV27" s="280">
        <v>0</v>
      </c>
      <c r="DW27" s="281">
        <v>134</v>
      </c>
      <c r="DX27" s="281">
        <v>177</v>
      </c>
      <c r="DY27" s="281">
        <v>105</v>
      </c>
      <c r="DZ27" s="281">
        <v>115</v>
      </c>
      <c r="EA27" s="281">
        <v>54</v>
      </c>
      <c r="EB27" s="278">
        <v>585</v>
      </c>
      <c r="EC27" s="283">
        <v>761</v>
      </c>
      <c r="ED27" s="277">
        <v>1</v>
      </c>
      <c r="EE27" s="281">
        <v>5</v>
      </c>
      <c r="EF27" s="278">
        <v>6</v>
      </c>
      <c r="EG27" s="280">
        <v>0</v>
      </c>
      <c r="EH27" s="281">
        <v>20</v>
      </c>
      <c r="EI27" s="281">
        <v>19</v>
      </c>
      <c r="EJ27" s="281">
        <v>8</v>
      </c>
      <c r="EK27" s="281">
        <v>22</v>
      </c>
      <c r="EL27" s="281">
        <v>11</v>
      </c>
      <c r="EM27" s="278">
        <v>80</v>
      </c>
      <c r="EN27" s="283">
        <v>86</v>
      </c>
      <c r="EO27" s="277">
        <v>76</v>
      </c>
      <c r="EP27" s="281">
        <v>134</v>
      </c>
      <c r="EQ27" s="278">
        <v>210</v>
      </c>
      <c r="ER27" s="280">
        <v>0</v>
      </c>
      <c r="ES27" s="281">
        <v>356</v>
      </c>
      <c r="ET27" s="281">
        <v>232</v>
      </c>
      <c r="EU27" s="281">
        <v>117</v>
      </c>
      <c r="EV27" s="281">
        <v>129</v>
      </c>
      <c r="EW27" s="281">
        <v>59</v>
      </c>
      <c r="EX27" s="278">
        <v>893</v>
      </c>
      <c r="EY27" s="283">
        <v>1103</v>
      </c>
    </row>
    <row r="28" spans="1:155" ht="19.5" customHeight="1" x14ac:dyDescent="0.2">
      <c r="A28" s="262" t="s">
        <v>26</v>
      </c>
      <c r="B28" s="277">
        <v>0</v>
      </c>
      <c r="C28" s="281">
        <v>0</v>
      </c>
      <c r="D28" s="385">
        <v>0</v>
      </c>
      <c r="E28" s="280">
        <v>0</v>
      </c>
      <c r="F28" s="281">
        <v>85</v>
      </c>
      <c r="G28" s="281">
        <v>64</v>
      </c>
      <c r="H28" s="281">
        <v>37</v>
      </c>
      <c r="I28" s="281">
        <v>41</v>
      </c>
      <c r="J28" s="281">
        <v>48</v>
      </c>
      <c r="K28" s="282">
        <v>275</v>
      </c>
      <c r="L28" s="283">
        <v>275</v>
      </c>
      <c r="M28" s="277">
        <v>0</v>
      </c>
      <c r="N28" s="281">
        <v>0</v>
      </c>
      <c r="O28" s="278">
        <v>0</v>
      </c>
      <c r="P28" s="280">
        <v>0</v>
      </c>
      <c r="Q28" s="281">
        <v>0</v>
      </c>
      <c r="R28" s="281">
        <v>4</v>
      </c>
      <c r="S28" s="281">
        <v>3</v>
      </c>
      <c r="T28" s="281">
        <v>15</v>
      </c>
      <c r="U28" s="281">
        <v>14</v>
      </c>
      <c r="V28" s="278">
        <v>36</v>
      </c>
      <c r="W28" s="283">
        <v>36</v>
      </c>
      <c r="X28" s="277">
        <v>12</v>
      </c>
      <c r="Y28" s="281">
        <v>21</v>
      </c>
      <c r="Z28" s="278">
        <v>33</v>
      </c>
      <c r="AA28" s="280">
        <v>0</v>
      </c>
      <c r="AB28" s="281">
        <v>64</v>
      </c>
      <c r="AC28" s="281">
        <v>56</v>
      </c>
      <c r="AD28" s="281">
        <v>33</v>
      </c>
      <c r="AE28" s="281">
        <v>37</v>
      </c>
      <c r="AF28" s="281">
        <v>41</v>
      </c>
      <c r="AG28" s="278">
        <v>231</v>
      </c>
      <c r="AH28" s="283">
        <v>264</v>
      </c>
      <c r="AI28" s="277">
        <v>1</v>
      </c>
      <c r="AJ28" s="281">
        <v>0</v>
      </c>
      <c r="AK28" s="278">
        <v>1</v>
      </c>
      <c r="AL28" s="280">
        <v>0</v>
      </c>
      <c r="AM28" s="281">
        <v>5</v>
      </c>
      <c r="AN28" s="281">
        <v>4</v>
      </c>
      <c r="AO28" s="281">
        <v>3</v>
      </c>
      <c r="AP28" s="281">
        <v>1</v>
      </c>
      <c r="AQ28" s="281">
        <v>1</v>
      </c>
      <c r="AR28" s="278">
        <v>14</v>
      </c>
      <c r="AS28" s="283">
        <v>15</v>
      </c>
      <c r="AT28" s="277">
        <v>10</v>
      </c>
      <c r="AU28" s="281">
        <v>5</v>
      </c>
      <c r="AV28" s="278">
        <v>15</v>
      </c>
      <c r="AW28" s="280">
        <v>0</v>
      </c>
      <c r="AX28" s="281">
        <v>58</v>
      </c>
      <c r="AY28" s="281">
        <v>59</v>
      </c>
      <c r="AZ28" s="281">
        <v>60</v>
      </c>
      <c r="BA28" s="281">
        <v>65</v>
      </c>
      <c r="BB28" s="281">
        <v>60</v>
      </c>
      <c r="BC28" s="282">
        <v>302</v>
      </c>
      <c r="BD28" s="283">
        <v>317</v>
      </c>
      <c r="BE28" s="277">
        <v>0</v>
      </c>
      <c r="BF28" s="281">
        <v>0</v>
      </c>
      <c r="BG28" s="278">
        <v>0</v>
      </c>
      <c r="BH28" s="280">
        <v>0</v>
      </c>
      <c r="BI28" s="281">
        <v>111</v>
      </c>
      <c r="BJ28" s="281">
        <v>72</v>
      </c>
      <c r="BK28" s="281">
        <v>44</v>
      </c>
      <c r="BL28" s="281">
        <v>21</v>
      </c>
      <c r="BM28" s="281">
        <v>16</v>
      </c>
      <c r="BN28" s="278">
        <v>264</v>
      </c>
      <c r="BO28" s="283">
        <v>264</v>
      </c>
      <c r="BP28" s="277">
        <v>3</v>
      </c>
      <c r="BQ28" s="281">
        <v>5</v>
      </c>
      <c r="BR28" s="278">
        <v>8</v>
      </c>
      <c r="BS28" s="280">
        <v>0</v>
      </c>
      <c r="BT28" s="281">
        <v>20</v>
      </c>
      <c r="BU28" s="281">
        <v>23</v>
      </c>
      <c r="BV28" s="281">
        <v>15</v>
      </c>
      <c r="BW28" s="281">
        <v>6</v>
      </c>
      <c r="BX28" s="281">
        <v>8</v>
      </c>
      <c r="BY28" s="278">
        <v>72</v>
      </c>
      <c r="BZ28" s="283">
        <v>80</v>
      </c>
      <c r="CA28" s="277">
        <v>0</v>
      </c>
      <c r="CB28" s="281">
        <v>1</v>
      </c>
      <c r="CC28" s="278">
        <v>1</v>
      </c>
      <c r="CD28" s="280">
        <v>0</v>
      </c>
      <c r="CE28" s="281">
        <v>12</v>
      </c>
      <c r="CF28" s="281">
        <v>10</v>
      </c>
      <c r="CG28" s="281">
        <v>11</v>
      </c>
      <c r="CH28" s="281">
        <v>18</v>
      </c>
      <c r="CI28" s="281">
        <v>11</v>
      </c>
      <c r="CJ28" s="278">
        <v>62</v>
      </c>
      <c r="CK28" s="283">
        <v>63</v>
      </c>
      <c r="CL28" s="277">
        <v>0</v>
      </c>
      <c r="CM28" s="281">
        <v>0</v>
      </c>
      <c r="CN28" s="278">
        <v>0</v>
      </c>
      <c r="CO28" s="280">
        <v>0</v>
      </c>
      <c r="CP28" s="281">
        <v>1</v>
      </c>
      <c r="CQ28" s="281">
        <v>2</v>
      </c>
      <c r="CR28" s="281">
        <v>5</v>
      </c>
      <c r="CS28" s="281">
        <v>4</v>
      </c>
      <c r="CT28" s="281">
        <v>5</v>
      </c>
      <c r="CU28" s="278">
        <v>17</v>
      </c>
      <c r="CV28" s="283">
        <v>17</v>
      </c>
      <c r="CW28" s="277">
        <v>0</v>
      </c>
      <c r="CX28" s="281">
        <v>0</v>
      </c>
      <c r="CY28" s="278">
        <v>0</v>
      </c>
      <c r="CZ28" s="280">
        <v>0</v>
      </c>
      <c r="DA28" s="281">
        <v>0</v>
      </c>
      <c r="DB28" s="281">
        <v>0</v>
      </c>
      <c r="DC28" s="281">
        <v>0</v>
      </c>
      <c r="DD28" s="281">
        <v>0</v>
      </c>
      <c r="DE28" s="281">
        <v>0</v>
      </c>
      <c r="DF28" s="278">
        <v>0</v>
      </c>
      <c r="DG28" s="283">
        <v>0</v>
      </c>
      <c r="DH28" s="277">
        <v>0</v>
      </c>
      <c r="DI28" s="281">
        <v>0</v>
      </c>
      <c r="DJ28" s="278">
        <v>0</v>
      </c>
      <c r="DK28" s="280">
        <v>0</v>
      </c>
      <c r="DL28" s="281">
        <v>0</v>
      </c>
      <c r="DM28" s="281">
        <v>0</v>
      </c>
      <c r="DN28" s="281">
        <v>0</v>
      </c>
      <c r="DO28" s="281">
        <v>0</v>
      </c>
      <c r="DP28" s="281">
        <v>0</v>
      </c>
      <c r="DQ28" s="278">
        <v>0</v>
      </c>
      <c r="DR28" s="283">
        <v>0</v>
      </c>
      <c r="DS28" s="277">
        <v>63</v>
      </c>
      <c r="DT28" s="281">
        <v>85</v>
      </c>
      <c r="DU28" s="278">
        <v>148</v>
      </c>
      <c r="DV28" s="280">
        <v>0</v>
      </c>
      <c r="DW28" s="281">
        <v>148</v>
      </c>
      <c r="DX28" s="281">
        <v>166</v>
      </c>
      <c r="DY28" s="281">
        <v>100</v>
      </c>
      <c r="DZ28" s="281">
        <v>81</v>
      </c>
      <c r="EA28" s="281">
        <v>71</v>
      </c>
      <c r="EB28" s="278">
        <v>566</v>
      </c>
      <c r="EC28" s="283">
        <v>714</v>
      </c>
      <c r="ED28" s="277">
        <v>12</v>
      </c>
      <c r="EE28" s="281">
        <v>1</v>
      </c>
      <c r="EF28" s="278">
        <v>13</v>
      </c>
      <c r="EG28" s="280">
        <v>0</v>
      </c>
      <c r="EH28" s="281">
        <v>21</v>
      </c>
      <c r="EI28" s="281">
        <v>22</v>
      </c>
      <c r="EJ28" s="281">
        <v>19</v>
      </c>
      <c r="EK28" s="281">
        <v>18</v>
      </c>
      <c r="EL28" s="281">
        <v>9</v>
      </c>
      <c r="EM28" s="278">
        <v>89</v>
      </c>
      <c r="EN28" s="283">
        <v>102</v>
      </c>
      <c r="EO28" s="277">
        <v>78</v>
      </c>
      <c r="EP28" s="281">
        <v>99</v>
      </c>
      <c r="EQ28" s="278">
        <v>177</v>
      </c>
      <c r="ER28" s="280">
        <v>0</v>
      </c>
      <c r="ES28" s="281">
        <v>278</v>
      </c>
      <c r="ET28" s="281">
        <v>216</v>
      </c>
      <c r="EU28" s="281">
        <v>120</v>
      </c>
      <c r="EV28" s="281">
        <v>85</v>
      </c>
      <c r="EW28" s="281">
        <v>69</v>
      </c>
      <c r="EX28" s="278">
        <v>768</v>
      </c>
      <c r="EY28" s="283">
        <v>945</v>
      </c>
    </row>
    <row r="29" spans="1:155" ht="19.5" customHeight="1" x14ac:dyDescent="0.2">
      <c r="A29" s="262" t="s">
        <v>27</v>
      </c>
      <c r="B29" s="277">
        <v>0</v>
      </c>
      <c r="C29" s="281">
        <v>0</v>
      </c>
      <c r="D29" s="385">
        <v>0</v>
      </c>
      <c r="E29" s="280">
        <v>0</v>
      </c>
      <c r="F29" s="281">
        <v>55</v>
      </c>
      <c r="G29" s="281">
        <v>49</v>
      </c>
      <c r="H29" s="281">
        <v>41</v>
      </c>
      <c r="I29" s="281">
        <v>36</v>
      </c>
      <c r="J29" s="281">
        <v>30</v>
      </c>
      <c r="K29" s="282">
        <v>211</v>
      </c>
      <c r="L29" s="283">
        <v>211</v>
      </c>
      <c r="M29" s="277">
        <v>0</v>
      </c>
      <c r="N29" s="281">
        <v>0</v>
      </c>
      <c r="O29" s="278">
        <v>0</v>
      </c>
      <c r="P29" s="280">
        <v>0</v>
      </c>
      <c r="Q29" s="281">
        <v>1</v>
      </c>
      <c r="R29" s="281">
        <v>3</v>
      </c>
      <c r="S29" s="281">
        <v>6</v>
      </c>
      <c r="T29" s="281">
        <v>16</v>
      </c>
      <c r="U29" s="281">
        <v>11</v>
      </c>
      <c r="V29" s="278">
        <v>37</v>
      </c>
      <c r="W29" s="283">
        <v>37</v>
      </c>
      <c r="X29" s="277">
        <v>23</v>
      </c>
      <c r="Y29" s="281">
        <v>35</v>
      </c>
      <c r="Z29" s="278">
        <v>58</v>
      </c>
      <c r="AA29" s="280">
        <v>0</v>
      </c>
      <c r="AB29" s="281">
        <v>35</v>
      </c>
      <c r="AC29" s="281">
        <v>42</v>
      </c>
      <c r="AD29" s="281">
        <v>35</v>
      </c>
      <c r="AE29" s="281">
        <v>34</v>
      </c>
      <c r="AF29" s="281">
        <v>27</v>
      </c>
      <c r="AG29" s="278">
        <v>173</v>
      </c>
      <c r="AH29" s="283">
        <v>231</v>
      </c>
      <c r="AI29" s="277">
        <v>0</v>
      </c>
      <c r="AJ29" s="281">
        <v>4</v>
      </c>
      <c r="AK29" s="278">
        <v>4</v>
      </c>
      <c r="AL29" s="280">
        <v>0</v>
      </c>
      <c r="AM29" s="281">
        <v>0</v>
      </c>
      <c r="AN29" s="281">
        <v>1</v>
      </c>
      <c r="AO29" s="281">
        <v>1</v>
      </c>
      <c r="AP29" s="281">
        <v>0</v>
      </c>
      <c r="AQ29" s="281">
        <v>2</v>
      </c>
      <c r="AR29" s="278">
        <v>4</v>
      </c>
      <c r="AS29" s="283">
        <v>8</v>
      </c>
      <c r="AT29" s="277">
        <v>16</v>
      </c>
      <c r="AU29" s="281">
        <v>19</v>
      </c>
      <c r="AV29" s="278">
        <v>35</v>
      </c>
      <c r="AW29" s="280">
        <v>0</v>
      </c>
      <c r="AX29" s="281">
        <v>60</v>
      </c>
      <c r="AY29" s="281">
        <v>52</v>
      </c>
      <c r="AZ29" s="281">
        <v>73</v>
      </c>
      <c r="BA29" s="281">
        <v>71</v>
      </c>
      <c r="BB29" s="281">
        <v>40</v>
      </c>
      <c r="BC29" s="282">
        <v>296</v>
      </c>
      <c r="BD29" s="283">
        <v>331</v>
      </c>
      <c r="BE29" s="277">
        <v>0</v>
      </c>
      <c r="BF29" s="281">
        <v>0</v>
      </c>
      <c r="BG29" s="278">
        <v>0</v>
      </c>
      <c r="BH29" s="280">
        <v>0</v>
      </c>
      <c r="BI29" s="281">
        <v>100</v>
      </c>
      <c r="BJ29" s="281">
        <v>73</v>
      </c>
      <c r="BK29" s="281">
        <v>40</v>
      </c>
      <c r="BL29" s="281">
        <v>27</v>
      </c>
      <c r="BM29" s="281">
        <v>16</v>
      </c>
      <c r="BN29" s="278">
        <v>256</v>
      </c>
      <c r="BO29" s="283">
        <v>256</v>
      </c>
      <c r="BP29" s="277">
        <v>8</v>
      </c>
      <c r="BQ29" s="281">
        <v>25</v>
      </c>
      <c r="BR29" s="278">
        <v>33</v>
      </c>
      <c r="BS29" s="280">
        <v>0</v>
      </c>
      <c r="BT29" s="281">
        <v>22</v>
      </c>
      <c r="BU29" s="281">
        <v>21</v>
      </c>
      <c r="BV29" s="281">
        <v>12</v>
      </c>
      <c r="BW29" s="281">
        <v>6</v>
      </c>
      <c r="BX29" s="281">
        <v>6</v>
      </c>
      <c r="BY29" s="278">
        <v>67</v>
      </c>
      <c r="BZ29" s="283">
        <v>100</v>
      </c>
      <c r="CA29" s="277">
        <v>0</v>
      </c>
      <c r="CB29" s="281">
        <v>1</v>
      </c>
      <c r="CC29" s="278">
        <v>1</v>
      </c>
      <c r="CD29" s="280">
        <v>0</v>
      </c>
      <c r="CE29" s="281">
        <v>9</v>
      </c>
      <c r="CF29" s="281">
        <v>15</v>
      </c>
      <c r="CG29" s="281">
        <v>12</v>
      </c>
      <c r="CH29" s="281">
        <v>9</v>
      </c>
      <c r="CI29" s="281">
        <v>5</v>
      </c>
      <c r="CJ29" s="278">
        <v>50</v>
      </c>
      <c r="CK29" s="283">
        <v>51</v>
      </c>
      <c r="CL29" s="277">
        <v>0</v>
      </c>
      <c r="CM29" s="281">
        <v>0</v>
      </c>
      <c r="CN29" s="278">
        <v>0</v>
      </c>
      <c r="CO29" s="280">
        <v>0</v>
      </c>
      <c r="CP29" s="281">
        <v>4</v>
      </c>
      <c r="CQ29" s="281">
        <v>1</v>
      </c>
      <c r="CR29" s="281">
        <v>1</v>
      </c>
      <c r="CS29" s="281">
        <v>4</v>
      </c>
      <c r="CT29" s="281">
        <v>2</v>
      </c>
      <c r="CU29" s="278">
        <v>12</v>
      </c>
      <c r="CV29" s="283">
        <v>12</v>
      </c>
      <c r="CW29" s="277">
        <v>0</v>
      </c>
      <c r="CX29" s="281">
        <v>0</v>
      </c>
      <c r="CY29" s="278">
        <v>0</v>
      </c>
      <c r="CZ29" s="280">
        <v>0</v>
      </c>
      <c r="DA29" s="281">
        <v>0</v>
      </c>
      <c r="DB29" s="281">
        <v>0</v>
      </c>
      <c r="DC29" s="281">
        <v>0</v>
      </c>
      <c r="DD29" s="281">
        <v>0</v>
      </c>
      <c r="DE29" s="281">
        <v>0</v>
      </c>
      <c r="DF29" s="278">
        <v>0</v>
      </c>
      <c r="DG29" s="283">
        <v>0</v>
      </c>
      <c r="DH29" s="277">
        <v>0</v>
      </c>
      <c r="DI29" s="281">
        <v>0</v>
      </c>
      <c r="DJ29" s="278">
        <v>0</v>
      </c>
      <c r="DK29" s="280">
        <v>0</v>
      </c>
      <c r="DL29" s="281">
        <v>0</v>
      </c>
      <c r="DM29" s="281">
        <v>0</v>
      </c>
      <c r="DN29" s="281">
        <v>0</v>
      </c>
      <c r="DO29" s="281">
        <v>0</v>
      </c>
      <c r="DP29" s="281">
        <v>0</v>
      </c>
      <c r="DQ29" s="278">
        <v>0</v>
      </c>
      <c r="DR29" s="283">
        <v>0</v>
      </c>
      <c r="DS29" s="277">
        <v>78</v>
      </c>
      <c r="DT29" s="281">
        <v>113</v>
      </c>
      <c r="DU29" s="278">
        <v>191</v>
      </c>
      <c r="DV29" s="280">
        <v>0</v>
      </c>
      <c r="DW29" s="281">
        <v>67</v>
      </c>
      <c r="DX29" s="281">
        <v>135</v>
      </c>
      <c r="DY29" s="281">
        <v>94</v>
      </c>
      <c r="DZ29" s="281">
        <v>63</v>
      </c>
      <c r="EA29" s="281">
        <v>41</v>
      </c>
      <c r="EB29" s="278">
        <v>400</v>
      </c>
      <c r="EC29" s="283">
        <v>591</v>
      </c>
      <c r="ED29" s="277">
        <v>12</v>
      </c>
      <c r="EE29" s="281">
        <v>15</v>
      </c>
      <c r="EF29" s="278">
        <v>27</v>
      </c>
      <c r="EG29" s="280">
        <v>0</v>
      </c>
      <c r="EH29" s="281">
        <v>33</v>
      </c>
      <c r="EI29" s="281">
        <v>31</v>
      </c>
      <c r="EJ29" s="281">
        <v>36</v>
      </c>
      <c r="EK29" s="281">
        <v>39</v>
      </c>
      <c r="EL29" s="281">
        <v>11</v>
      </c>
      <c r="EM29" s="278">
        <v>150</v>
      </c>
      <c r="EN29" s="283">
        <v>177</v>
      </c>
      <c r="EO29" s="277">
        <v>100</v>
      </c>
      <c r="EP29" s="281">
        <v>140</v>
      </c>
      <c r="EQ29" s="278">
        <v>240</v>
      </c>
      <c r="ER29" s="280">
        <v>0</v>
      </c>
      <c r="ES29" s="281">
        <v>193</v>
      </c>
      <c r="ET29" s="281">
        <v>168</v>
      </c>
      <c r="EU29" s="281">
        <v>110</v>
      </c>
      <c r="EV29" s="281">
        <v>69</v>
      </c>
      <c r="EW29" s="281">
        <v>43</v>
      </c>
      <c r="EX29" s="278">
        <v>583</v>
      </c>
      <c r="EY29" s="283">
        <v>823</v>
      </c>
    </row>
    <row r="30" spans="1:155" ht="19.5" customHeight="1" x14ac:dyDescent="0.2">
      <c r="A30" s="262" t="s">
        <v>28</v>
      </c>
      <c r="B30" s="277">
        <v>0</v>
      </c>
      <c r="C30" s="281">
        <v>0</v>
      </c>
      <c r="D30" s="385">
        <v>0</v>
      </c>
      <c r="E30" s="280">
        <v>0</v>
      </c>
      <c r="F30" s="281">
        <v>13</v>
      </c>
      <c r="G30" s="281">
        <v>14</v>
      </c>
      <c r="H30" s="281">
        <v>4</v>
      </c>
      <c r="I30" s="281">
        <v>9</v>
      </c>
      <c r="J30" s="281">
        <v>13</v>
      </c>
      <c r="K30" s="282">
        <v>53</v>
      </c>
      <c r="L30" s="283">
        <v>53</v>
      </c>
      <c r="M30" s="277">
        <v>0</v>
      </c>
      <c r="N30" s="281">
        <v>0</v>
      </c>
      <c r="O30" s="278">
        <v>0</v>
      </c>
      <c r="P30" s="280">
        <v>0</v>
      </c>
      <c r="Q30" s="281">
        <v>0</v>
      </c>
      <c r="R30" s="281">
        <v>0</v>
      </c>
      <c r="S30" s="281">
        <v>1</v>
      </c>
      <c r="T30" s="281">
        <v>2</v>
      </c>
      <c r="U30" s="281">
        <v>5</v>
      </c>
      <c r="V30" s="278">
        <v>8</v>
      </c>
      <c r="W30" s="283">
        <v>8</v>
      </c>
      <c r="X30" s="277">
        <v>2</v>
      </c>
      <c r="Y30" s="281">
        <v>3</v>
      </c>
      <c r="Z30" s="278">
        <v>5</v>
      </c>
      <c r="AA30" s="280">
        <v>0</v>
      </c>
      <c r="AB30" s="281">
        <v>10</v>
      </c>
      <c r="AC30" s="281">
        <v>23</v>
      </c>
      <c r="AD30" s="281">
        <v>8</v>
      </c>
      <c r="AE30" s="281">
        <v>11</v>
      </c>
      <c r="AF30" s="281">
        <v>13</v>
      </c>
      <c r="AG30" s="278">
        <v>65</v>
      </c>
      <c r="AH30" s="283">
        <v>70</v>
      </c>
      <c r="AI30" s="277">
        <v>0</v>
      </c>
      <c r="AJ30" s="281">
        <v>0</v>
      </c>
      <c r="AK30" s="278">
        <v>0</v>
      </c>
      <c r="AL30" s="280">
        <v>0</v>
      </c>
      <c r="AM30" s="281">
        <v>5</v>
      </c>
      <c r="AN30" s="281">
        <v>0</v>
      </c>
      <c r="AO30" s="281">
        <v>0</v>
      </c>
      <c r="AP30" s="281">
        <v>1</v>
      </c>
      <c r="AQ30" s="281">
        <v>3</v>
      </c>
      <c r="AR30" s="278">
        <v>9</v>
      </c>
      <c r="AS30" s="283">
        <v>9</v>
      </c>
      <c r="AT30" s="277">
        <v>1</v>
      </c>
      <c r="AU30" s="281">
        <v>1</v>
      </c>
      <c r="AV30" s="278">
        <v>2</v>
      </c>
      <c r="AW30" s="280">
        <v>0</v>
      </c>
      <c r="AX30" s="281">
        <v>10</v>
      </c>
      <c r="AY30" s="281">
        <v>27</v>
      </c>
      <c r="AZ30" s="281">
        <v>19</v>
      </c>
      <c r="BA30" s="281">
        <v>16</v>
      </c>
      <c r="BB30" s="281">
        <v>19</v>
      </c>
      <c r="BC30" s="282">
        <v>91</v>
      </c>
      <c r="BD30" s="283">
        <v>93</v>
      </c>
      <c r="BE30" s="277">
        <v>0</v>
      </c>
      <c r="BF30" s="281">
        <v>0</v>
      </c>
      <c r="BG30" s="278">
        <v>0</v>
      </c>
      <c r="BH30" s="280">
        <v>0</v>
      </c>
      <c r="BI30" s="281">
        <v>30</v>
      </c>
      <c r="BJ30" s="281">
        <v>32</v>
      </c>
      <c r="BK30" s="281">
        <v>16</v>
      </c>
      <c r="BL30" s="281">
        <v>10</v>
      </c>
      <c r="BM30" s="281">
        <v>6</v>
      </c>
      <c r="BN30" s="278">
        <v>94</v>
      </c>
      <c r="BO30" s="283">
        <v>94</v>
      </c>
      <c r="BP30" s="277">
        <v>0</v>
      </c>
      <c r="BQ30" s="281">
        <v>4</v>
      </c>
      <c r="BR30" s="278">
        <v>4</v>
      </c>
      <c r="BS30" s="280">
        <v>0</v>
      </c>
      <c r="BT30" s="281">
        <v>4</v>
      </c>
      <c r="BU30" s="281">
        <v>14</v>
      </c>
      <c r="BV30" s="281">
        <v>5</v>
      </c>
      <c r="BW30" s="281">
        <v>5</v>
      </c>
      <c r="BX30" s="281">
        <v>6</v>
      </c>
      <c r="BY30" s="278">
        <v>34</v>
      </c>
      <c r="BZ30" s="283">
        <v>38</v>
      </c>
      <c r="CA30" s="277">
        <v>0</v>
      </c>
      <c r="CB30" s="281">
        <v>1</v>
      </c>
      <c r="CC30" s="278">
        <v>1</v>
      </c>
      <c r="CD30" s="280">
        <v>0</v>
      </c>
      <c r="CE30" s="281">
        <v>1</v>
      </c>
      <c r="CF30" s="281">
        <v>4</v>
      </c>
      <c r="CG30" s="281">
        <v>8</v>
      </c>
      <c r="CH30" s="281">
        <v>4</v>
      </c>
      <c r="CI30" s="281">
        <v>5</v>
      </c>
      <c r="CJ30" s="278">
        <v>22</v>
      </c>
      <c r="CK30" s="283">
        <v>23</v>
      </c>
      <c r="CL30" s="277">
        <v>0</v>
      </c>
      <c r="CM30" s="281">
        <v>0</v>
      </c>
      <c r="CN30" s="278">
        <v>0</v>
      </c>
      <c r="CO30" s="280">
        <v>0</v>
      </c>
      <c r="CP30" s="281">
        <v>1</v>
      </c>
      <c r="CQ30" s="281">
        <v>2</v>
      </c>
      <c r="CR30" s="281">
        <v>2</v>
      </c>
      <c r="CS30" s="281">
        <v>2</v>
      </c>
      <c r="CT30" s="281">
        <v>0</v>
      </c>
      <c r="CU30" s="278">
        <v>7</v>
      </c>
      <c r="CV30" s="283">
        <v>7</v>
      </c>
      <c r="CW30" s="277">
        <v>0</v>
      </c>
      <c r="CX30" s="281">
        <v>0</v>
      </c>
      <c r="CY30" s="278">
        <v>0</v>
      </c>
      <c r="CZ30" s="280">
        <v>0</v>
      </c>
      <c r="DA30" s="281">
        <v>0</v>
      </c>
      <c r="DB30" s="281">
        <v>0</v>
      </c>
      <c r="DC30" s="281">
        <v>0</v>
      </c>
      <c r="DD30" s="281">
        <v>0</v>
      </c>
      <c r="DE30" s="281">
        <v>0</v>
      </c>
      <c r="DF30" s="278">
        <v>0</v>
      </c>
      <c r="DG30" s="283">
        <v>0</v>
      </c>
      <c r="DH30" s="277">
        <v>0</v>
      </c>
      <c r="DI30" s="281">
        <v>0</v>
      </c>
      <c r="DJ30" s="278">
        <v>0</v>
      </c>
      <c r="DK30" s="280">
        <v>0</v>
      </c>
      <c r="DL30" s="281">
        <v>0</v>
      </c>
      <c r="DM30" s="281">
        <v>0</v>
      </c>
      <c r="DN30" s="281">
        <v>0</v>
      </c>
      <c r="DO30" s="281">
        <v>0</v>
      </c>
      <c r="DP30" s="281">
        <v>0</v>
      </c>
      <c r="DQ30" s="278">
        <v>0</v>
      </c>
      <c r="DR30" s="283">
        <v>0</v>
      </c>
      <c r="DS30" s="277">
        <v>9</v>
      </c>
      <c r="DT30" s="281">
        <v>14</v>
      </c>
      <c r="DU30" s="278">
        <v>23</v>
      </c>
      <c r="DV30" s="280">
        <v>0</v>
      </c>
      <c r="DW30" s="281">
        <v>30</v>
      </c>
      <c r="DX30" s="281">
        <v>66</v>
      </c>
      <c r="DY30" s="281">
        <v>27</v>
      </c>
      <c r="DZ30" s="281">
        <v>23</v>
      </c>
      <c r="EA30" s="281">
        <v>22</v>
      </c>
      <c r="EB30" s="278">
        <v>168</v>
      </c>
      <c r="EC30" s="283">
        <v>191</v>
      </c>
      <c r="ED30" s="277">
        <v>0</v>
      </c>
      <c r="EE30" s="281">
        <v>0</v>
      </c>
      <c r="EF30" s="278">
        <v>0</v>
      </c>
      <c r="EG30" s="280">
        <v>0</v>
      </c>
      <c r="EH30" s="281">
        <v>6</v>
      </c>
      <c r="EI30" s="281">
        <v>7</v>
      </c>
      <c r="EJ30" s="281">
        <v>5</v>
      </c>
      <c r="EK30" s="281">
        <v>5</v>
      </c>
      <c r="EL30" s="281">
        <v>3</v>
      </c>
      <c r="EM30" s="278">
        <v>26</v>
      </c>
      <c r="EN30" s="283">
        <v>26</v>
      </c>
      <c r="EO30" s="277">
        <v>9</v>
      </c>
      <c r="EP30" s="281">
        <v>16</v>
      </c>
      <c r="EQ30" s="278">
        <v>25</v>
      </c>
      <c r="ER30" s="280">
        <v>0</v>
      </c>
      <c r="ES30" s="281">
        <v>71</v>
      </c>
      <c r="ET30" s="281">
        <v>87</v>
      </c>
      <c r="EU30" s="281">
        <v>34</v>
      </c>
      <c r="EV30" s="281">
        <v>26</v>
      </c>
      <c r="EW30" s="281">
        <v>22</v>
      </c>
      <c r="EX30" s="278">
        <v>240</v>
      </c>
      <c r="EY30" s="283">
        <v>265</v>
      </c>
    </row>
    <row r="31" spans="1:155" ht="19.5" customHeight="1" x14ac:dyDescent="0.2">
      <c r="A31" s="262" t="s">
        <v>29</v>
      </c>
      <c r="B31" s="277">
        <v>0</v>
      </c>
      <c r="C31" s="281">
        <v>0</v>
      </c>
      <c r="D31" s="385">
        <v>0</v>
      </c>
      <c r="E31" s="280">
        <v>0</v>
      </c>
      <c r="F31" s="281">
        <v>23</v>
      </c>
      <c r="G31" s="281">
        <v>24</v>
      </c>
      <c r="H31" s="281">
        <v>12</v>
      </c>
      <c r="I31" s="281">
        <v>16</v>
      </c>
      <c r="J31" s="281">
        <v>10</v>
      </c>
      <c r="K31" s="282">
        <v>85</v>
      </c>
      <c r="L31" s="283">
        <v>85</v>
      </c>
      <c r="M31" s="277">
        <v>0</v>
      </c>
      <c r="N31" s="281">
        <v>0</v>
      </c>
      <c r="O31" s="278">
        <v>0</v>
      </c>
      <c r="P31" s="280">
        <v>0</v>
      </c>
      <c r="Q31" s="281">
        <v>1</v>
      </c>
      <c r="R31" s="281">
        <v>3</v>
      </c>
      <c r="S31" s="281">
        <v>1</v>
      </c>
      <c r="T31" s="281">
        <v>4</v>
      </c>
      <c r="U31" s="281">
        <v>4</v>
      </c>
      <c r="V31" s="278">
        <v>13</v>
      </c>
      <c r="W31" s="283">
        <v>13</v>
      </c>
      <c r="X31" s="277">
        <v>3</v>
      </c>
      <c r="Y31" s="281">
        <v>5</v>
      </c>
      <c r="Z31" s="278">
        <v>8</v>
      </c>
      <c r="AA31" s="280">
        <v>0</v>
      </c>
      <c r="AB31" s="281">
        <v>15</v>
      </c>
      <c r="AC31" s="281">
        <v>18</v>
      </c>
      <c r="AD31" s="281">
        <v>14</v>
      </c>
      <c r="AE31" s="281">
        <v>12</v>
      </c>
      <c r="AF31" s="281">
        <v>7</v>
      </c>
      <c r="AG31" s="278">
        <v>66</v>
      </c>
      <c r="AH31" s="283">
        <v>74</v>
      </c>
      <c r="AI31" s="277">
        <v>0</v>
      </c>
      <c r="AJ31" s="281">
        <v>1</v>
      </c>
      <c r="AK31" s="278">
        <v>1</v>
      </c>
      <c r="AL31" s="280">
        <v>0</v>
      </c>
      <c r="AM31" s="281">
        <v>2</v>
      </c>
      <c r="AN31" s="281">
        <v>3</v>
      </c>
      <c r="AO31" s="281">
        <v>0</v>
      </c>
      <c r="AP31" s="281">
        <v>3</v>
      </c>
      <c r="AQ31" s="281">
        <v>0</v>
      </c>
      <c r="AR31" s="278">
        <v>8</v>
      </c>
      <c r="AS31" s="283">
        <v>9</v>
      </c>
      <c r="AT31" s="277">
        <v>3</v>
      </c>
      <c r="AU31" s="281">
        <v>2</v>
      </c>
      <c r="AV31" s="278">
        <v>5</v>
      </c>
      <c r="AW31" s="280">
        <v>0</v>
      </c>
      <c r="AX31" s="281">
        <v>13</v>
      </c>
      <c r="AY31" s="281">
        <v>20</v>
      </c>
      <c r="AZ31" s="281">
        <v>7</v>
      </c>
      <c r="BA31" s="281">
        <v>20</v>
      </c>
      <c r="BB31" s="281">
        <v>12</v>
      </c>
      <c r="BC31" s="282">
        <v>72</v>
      </c>
      <c r="BD31" s="283">
        <v>77</v>
      </c>
      <c r="BE31" s="277">
        <v>0</v>
      </c>
      <c r="BF31" s="281">
        <v>0</v>
      </c>
      <c r="BG31" s="278">
        <v>0</v>
      </c>
      <c r="BH31" s="280">
        <v>0</v>
      </c>
      <c r="BI31" s="281">
        <v>37</v>
      </c>
      <c r="BJ31" s="281">
        <v>33</v>
      </c>
      <c r="BK31" s="281">
        <v>22</v>
      </c>
      <c r="BL31" s="281">
        <v>14</v>
      </c>
      <c r="BM31" s="281">
        <v>8</v>
      </c>
      <c r="BN31" s="278">
        <v>114</v>
      </c>
      <c r="BO31" s="283">
        <v>114</v>
      </c>
      <c r="BP31" s="277">
        <v>2</v>
      </c>
      <c r="BQ31" s="281">
        <v>3</v>
      </c>
      <c r="BR31" s="278">
        <v>5</v>
      </c>
      <c r="BS31" s="280">
        <v>0</v>
      </c>
      <c r="BT31" s="281">
        <v>12</v>
      </c>
      <c r="BU31" s="281">
        <v>9</v>
      </c>
      <c r="BV31" s="281">
        <v>6</v>
      </c>
      <c r="BW31" s="281">
        <v>6</v>
      </c>
      <c r="BX31" s="281">
        <v>3</v>
      </c>
      <c r="BY31" s="278">
        <v>36</v>
      </c>
      <c r="BZ31" s="283">
        <v>41</v>
      </c>
      <c r="CA31" s="277">
        <v>0</v>
      </c>
      <c r="CB31" s="281">
        <v>0</v>
      </c>
      <c r="CC31" s="278">
        <v>0</v>
      </c>
      <c r="CD31" s="280">
        <v>0</v>
      </c>
      <c r="CE31" s="281">
        <v>2</v>
      </c>
      <c r="CF31" s="281">
        <v>8</v>
      </c>
      <c r="CG31" s="281">
        <v>14</v>
      </c>
      <c r="CH31" s="281">
        <v>9</v>
      </c>
      <c r="CI31" s="281">
        <v>6</v>
      </c>
      <c r="CJ31" s="278">
        <v>39</v>
      </c>
      <c r="CK31" s="283">
        <v>39</v>
      </c>
      <c r="CL31" s="277">
        <v>0</v>
      </c>
      <c r="CM31" s="281">
        <v>0</v>
      </c>
      <c r="CN31" s="278">
        <v>0</v>
      </c>
      <c r="CO31" s="280">
        <v>0</v>
      </c>
      <c r="CP31" s="281">
        <v>0</v>
      </c>
      <c r="CQ31" s="281">
        <v>0</v>
      </c>
      <c r="CR31" s="281">
        <v>1</v>
      </c>
      <c r="CS31" s="281">
        <v>1</v>
      </c>
      <c r="CT31" s="281">
        <v>1</v>
      </c>
      <c r="CU31" s="278">
        <v>3</v>
      </c>
      <c r="CV31" s="283">
        <v>3</v>
      </c>
      <c r="CW31" s="277">
        <v>0</v>
      </c>
      <c r="CX31" s="281">
        <v>0</v>
      </c>
      <c r="CY31" s="278">
        <v>0</v>
      </c>
      <c r="CZ31" s="280">
        <v>0</v>
      </c>
      <c r="DA31" s="281">
        <v>0</v>
      </c>
      <c r="DB31" s="281">
        <v>0</v>
      </c>
      <c r="DC31" s="281">
        <v>0</v>
      </c>
      <c r="DD31" s="281">
        <v>0</v>
      </c>
      <c r="DE31" s="281">
        <v>0</v>
      </c>
      <c r="DF31" s="278">
        <v>0</v>
      </c>
      <c r="DG31" s="283">
        <v>0</v>
      </c>
      <c r="DH31" s="277">
        <v>0</v>
      </c>
      <c r="DI31" s="281">
        <v>0</v>
      </c>
      <c r="DJ31" s="278">
        <v>0</v>
      </c>
      <c r="DK31" s="280">
        <v>0</v>
      </c>
      <c r="DL31" s="281">
        <v>0</v>
      </c>
      <c r="DM31" s="281">
        <v>0</v>
      </c>
      <c r="DN31" s="281">
        <v>0</v>
      </c>
      <c r="DO31" s="281">
        <v>0</v>
      </c>
      <c r="DP31" s="281">
        <v>0</v>
      </c>
      <c r="DQ31" s="278">
        <v>0</v>
      </c>
      <c r="DR31" s="283">
        <v>0</v>
      </c>
      <c r="DS31" s="277">
        <v>22</v>
      </c>
      <c r="DT31" s="281">
        <v>29</v>
      </c>
      <c r="DU31" s="278">
        <v>51</v>
      </c>
      <c r="DV31" s="280">
        <v>0</v>
      </c>
      <c r="DW31" s="281">
        <v>37</v>
      </c>
      <c r="DX31" s="281">
        <v>63</v>
      </c>
      <c r="DY31" s="281">
        <v>35</v>
      </c>
      <c r="DZ31" s="281">
        <v>38</v>
      </c>
      <c r="EA31" s="281">
        <v>24</v>
      </c>
      <c r="EB31" s="278">
        <v>197</v>
      </c>
      <c r="EC31" s="283">
        <v>248</v>
      </c>
      <c r="ED31" s="277">
        <v>0</v>
      </c>
      <c r="EE31" s="281">
        <v>0</v>
      </c>
      <c r="EF31" s="278">
        <v>0</v>
      </c>
      <c r="EG31" s="280">
        <v>0</v>
      </c>
      <c r="EH31" s="281">
        <v>6</v>
      </c>
      <c r="EI31" s="281">
        <v>11</v>
      </c>
      <c r="EJ31" s="281">
        <v>3</v>
      </c>
      <c r="EK31" s="281">
        <v>5</v>
      </c>
      <c r="EL31" s="281">
        <v>5</v>
      </c>
      <c r="EM31" s="278">
        <v>30</v>
      </c>
      <c r="EN31" s="283">
        <v>30</v>
      </c>
      <c r="EO31" s="277">
        <v>24</v>
      </c>
      <c r="EP31" s="281">
        <v>34</v>
      </c>
      <c r="EQ31" s="278">
        <v>58</v>
      </c>
      <c r="ER31" s="280">
        <v>0</v>
      </c>
      <c r="ES31" s="281">
        <v>83</v>
      </c>
      <c r="ET31" s="281">
        <v>91</v>
      </c>
      <c r="EU31" s="281">
        <v>47</v>
      </c>
      <c r="EV31" s="281">
        <v>42</v>
      </c>
      <c r="EW31" s="281">
        <v>23</v>
      </c>
      <c r="EX31" s="278">
        <v>286</v>
      </c>
      <c r="EY31" s="283">
        <v>344</v>
      </c>
    </row>
    <row r="32" spans="1:155" ht="19.5" customHeight="1" x14ac:dyDescent="0.2">
      <c r="A32" s="262" t="s">
        <v>30</v>
      </c>
      <c r="B32" s="277">
        <v>0</v>
      </c>
      <c r="C32" s="281">
        <v>0</v>
      </c>
      <c r="D32" s="385">
        <v>0</v>
      </c>
      <c r="E32" s="280">
        <v>0</v>
      </c>
      <c r="F32" s="281">
        <v>18</v>
      </c>
      <c r="G32" s="281">
        <v>20</v>
      </c>
      <c r="H32" s="281">
        <v>21</v>
      </c>
      <c r="I32" s="281">
        <v>14</v>
      </c>
      <c r="J32" s="281">
        <v>7</v>
      </c>
      <c r="K32" s="282">
        <v>80</v>
      </c>
      <c r="L32" s="283">
        <v>80</v>
      </c>
      <c r="M32" s="277">
        <v>0</v>
      </c>
      <c r="N32" s="281">
        <v>0</v>
      </c>
      <c r="O32" s="278">
        <v>0</v>
      </c>
      <c r="P32" s="280">
        <v>0</v>
      </c>
      <c r="Q32" s="281">
        <v>1</v>
      </c>
      <c r="R32" s="281">
        <v>1</v>
      </c>
      <c r="S32" s="281">
        <v>3</v>
      </c>
      <c r="T32" s="281">
        <v>6</v>
      </c>
      <c r="U32" s="281">
        <v>6</v>
      </c>
      <c r="V32" s="278">
        <v>17</v>
      </c>
      <c r="W32" s="283">
        <v>17</v>
      </c>
      <c r="X32" s="277">
        <v>6</v>
      </c>
      <c r="Y32" s="281">
        <v>9</v>
      </c>
      <c r="Z32" s="278">
        <v>15</v>
      </c>
      <c r="AA32" s="280">
        <v>0</v>
      </c>
      <c r="AB32" s="281">
        <v>19</v>
      </c>
      <c r="AC32" s="281">
        <v>21</v>
      </c>
      <c r="AD32" s="281">
        <v>19</v>
      </c>
      <c r="AE32" s="281">
        <v>18</v>
      </c>
      <c r="AF32" s="281">
        <v>5</v>
      </c>
      <c r="AG32" s="278">
        <v>82</v>
      </c>
      <c r="AH32" s="283">
        <v>97</v>
      </c>
      <c r="AI32" s="277">
        <v>0</v>
      </c>
      <c r="AJ32" s="281">
        <v>0</v>
      </c>
      <c r="AK32" s="278">
        <v>0</v>
      </c>
      <c r="AL32" s="280">
        <v>0</v>
      </c>
      <c r="AM32" s="281">
        <v>2</v>
      </c>
      <c r="AN32" s="281">
        <v>0</v>
      </c>
      <c r="AO32" s="281">
        <v>2</v>
      </c>
      <c r="AP32" s="281">
        <v>1</v>
      </c>
      <c r="AQ32" s="281">
        <v>0</v>
      </c>
      <c r="AR32" s="278">
        <v>5</v>
      </c>
      <c r="AS32" s="283">
        <v>5</v>
      </c>
      <c r="AT32" s="277">
        <v>3</v>
      </c>
      <c r="AU32" s="281">
        <v>1</v>
      </c>
      <c r="AV32" s="278">
        <v>4</v>
      </c>
      <c r="AW32" s="280">
        <v>0</v>
      </c>
      <c r="AX32" s="281">
        <v>20</v>
      </c>
      <c r="AY32" s="281">
        <v>17</v>
      </c>
      <c r="AZ32" s="281">
        <v>19</v>
      </c>
      <c r="BA32" s="281">
        <v>18</v>
      </c>
      <c r="BB32" s="281">
        <v>10</v>
      </c>
      <c r="BC32" s="282">
        <v>84</v>
      </c>
      <c r="BD32" s="283">
        <v>88</v>
      </c>
      <c r="BE32" s="277">
        <v>0</v>
      </c>
      <c r="BF32" s="281">
        <v>0</v>
      </c>
      <c r="BG32" s="278">
        <v>0</v>
      </c>
      <c r="BH32" s="280">
        <v>0</v>
      </c>
      <c r="BI32" s="281">
        <v>31</v>
      </c>
      <c r="BJ32" s="281">
        <v>22</v>
      </c>
      <c r="BK32" s="281">
        <v>23</v>
      </c>
      <c r="BL32" s="281">
        <v>11</v>
      </c>
      <c r="BM32" s="281">
        <v>2</v>
      </c>
      <c r="BN32" s="278">
        <v>89</v>
      </c>
      <c r="BO32" s="283">
        <v>89</v>
      </c>
      <c r="BP32" s="277">
        <v>1</v>
      </c>
      <c r="BQ32" s="281">
        <v>1</v>
      </c>
      <c r="BR32" s="278">
        <v>2</v>
      </c>
      <c r="BS32" s="280">
        <v>0</v>
      </c>
      <c r="BT32" s="281">
        <v>6</v>
      </c>
      <c r="BU32" s="281">
        <v>8</v>
      </c>
      <c r="BV32" s="281">
        <v>2</v>
      </c>
      <c r="BW32" s="281">
        <v>6</v>
      </c>
      <c r="BX32" s="281">
        <v>0</v>
      </c>
      <c r="BY32" s="278">
        <v>22</v>
      </c>
      <c r="BZ32" s="283">
        <v>24</v>
      </c>
      <c r="CA32" s="277">
        <v>0</v>
      </c>
      <c r="CB32" s="281">
        <v>0</v>
      </c>
      <c r="CC32" s="278">
        <v>0</v>
      </c>
      <c r="CD32" s="280">
        <v>0</v>
      </c>
      <c r="CE32" s="281">
        <v>5</v>
      </c>
      <c r="CF32" s="281">
        <v>3</v>
      </c>
      <c r="CG32" s="281">
        <v>11</v>
      </c>
      <c r="CH32" s="281">
        <v>7</v>
      </c>
      <c r="CI32" s="281">
        <v>1</v>
      </c>
      <c r="CJ32" s="278">
        <v>27</v>
      </c>
      <c r="CK32" s="283">
        <v>27</v>
      </c>
      <c r="CL32" s="277">
        <v>0</v>
      </c>
      <c r="CM32" s="281">
        <v>0</v>
      </c>
      <c r="CN32" s="278">
        <v>0</v>
      </c>
      <c r="CO32" s="280">
        <v>0</v>
      </c>
      <c r="CP32" s="281">
        <v>0</v>
      </c>
      <c r="CQ32" s="281">
        <v>1</v>
      </c>
      <c r="CR32" s="281">
        <v>0</v>
      </c>
      <c r="CS32" s="281">
        <v>0</v>
      </c>
      <c r="CT32" s="281">
        <v>0</v>
      </c>
      <c r="CU32" s="278">
        <v>1</v>
      </c>
      <c r="CV32" s="283">
        <v>1</v>
      </c>
      <c r="CW32" s="277">
        <v>0</v>
      </c>
      <c r="CX32" s="281">
        <v>0</v>
      </c>
      <c r="CY32" s="278">
        <v>0</v>
      </c>
      <c r="CZ32" s="280">
        <v>0</v>
      </c>
      <c r="DA32" s="281">
        <v>0</v>
      </c>
      <c r="DB32" s="281">
        <v>0</v>
      </c>
      <c r="DC32" s="281">
        <v>0</v>
      </c>
      <c r="DD32" s="281">
        <v>0</v>
      </c>
      <c r="DE32" s="281">
        <v>0</v>
      </c>
      <c r="DF32" s="278">
        <v>0</v>
      </c>
      <c r="DG32" s="283">
        <v>0</v>
      </c>
      <c r="DH32" s="277">
        <v>0</v>
      </c>
      <c r="DI32" s="281">
        <v>0</v>
      </c>
      <c r="DJ32" s="278">
        <v>0</v>
      </c>
      <c r="DK32" s="280">
        <v>0</v>
      </c>
      <c r="DL32" s="281">
        <v>0</v>
      </c>
      <c r="DM32" s="281">
        <v>0</v>
      </c>
      <c r="DN32" s="281">
        <v>0</v>
      </c>
      <c r="DO32" s="281">
        <v>0</v>
      </c>
      <c r="DP32" s="281">
        <v>0</v>
      </c>
      <c r="DQ32" s="278">
        <v>0</v>
      </c>
      <c r="DR32" s="283">
        <v>0</v>
      </c>
      <c r="DS32" s="277">
        <v>20</v>
      </c>
      <c r="DT32" s="281">
        <v>29</v>
      </c>
      <c r="DU32" s="278">
        <v>49</v>
      </c>
      <c r="DV32" s="280">
        <v>0</v>
      </c>
      <c r="DW32" s="281">
        <v>55</v>
      </c>
      <c r="DX32" s="281">
        <v>61</v>
      </c>
      <c r="DY32" s="281">
        <v>51</v>
      </c>
      <c r="DZ32" s="281">
        <v>36</v>
      </c>
      <c r="EA32" s="281">
        <v>15</v>
      </c>
      <c r="EB32" s="278">
        <v>218</v>
      </c>
      <c r="EC32" s="283">
        <v>267</v>
      </c>
      <c r="ED32" s="277">
        <v>2</v>
      </c>
      <c r="EE32" s="281">
        <v>0</v>
      </c>
      <c r="EF32" s="278">
        <v>2</v>
      </c>
      <c r="EG32" s="280">
        <v>0</v>
      </c>
      <c r="EH32" s="281">
        <v>6</v>
      </c>
      <c r="EI32" s="281">
        <v>7</v>
      </c>
      <c r="EJ32" s="281">
        <v>2</v>
      </c>
      <c r="EK32" s="281">
        <v>4</v>
      </c>
      <c r="EL32" s="281">
        <v>2</v>
      </c>
      <c r="EM32" s="278">
        <v>21</v>
      </c>
      <c r="EN32" s="283">
        <v>23</v>
      </c>
      <c r="EO32" s="277">
        <v>25</v>
      </c>
      <c r="EP32" s="281">
        <v>34</v>
      </c>
      <c r="EQ32" s="278">
        <v>59</v>
      </c>
      <c r="ER32" s="280">
        <v>0</v>
      </c>
      <c r="ES32" s="281">
        <v>88</v>
      </c>
      <c r="ET32" s="281">
        <v>75</v>
      </c>
      <c r="EU32" s="281">
        <v>60</v>
      </c>
      <c r="EV32" s="281">
        <v>38</v>
      </c>
      <c r="EW32" s="281">
        <v>15</v>
      </c>
      <c r="EX32" s="278">
        <v>276</v>
      </c>
      <c r="EY32" s="283">
        <v>335</v>
      </c>
    </row>
    <row r="33" spans="1:155" ht="19.5" customHeight="1" x14ac:dyDescent="0.2">
      <c r="A33" s="262" t="s">
        <v>31</v>
      </c>
      <c r="B33" s="277">
        <v>0</v>
      </c>
      <c r="C33" s="281">
        <v>0</v>
      </c>
      <c r="D33" s="385">
        <v>0</v>
      </c>
      <c r="E33" s="280">
        <v>0</v>
      </c>
      <c r="F33" s="281">
        <v>21</v>
      </c>
      <c r="G33" s="281">
        <v>13</v>
      </c>
      <c r="H33" s="281">
        <v>7</v>
      </c>
      <c r="I33" s="281">
        <v>4</v>
      </c>
      <c r="J33" s="281">
        <v>10</v>
      </c>
      <c r="K33" s="282">
        <v>55</v>
      </c>
      <c r="L33" s="283">
        <v>55</v>
      </c>
      <c r="M33" s="277">
        <v>0</v>
      </c>
      <c r="N33" s="281">
        <v>0</v>
      </c>
      <c r="O33" s="278">
        <v>0</v>
      </c>
      <c r="P33" s="280">
        <v>0</v>
      </c>
      <c r="Q33" s="281">
        <v>0</v>
      </c>
      <c r="R33" s="281">
        <v>3</v>
      </c>
      <c r="S33" s="281">
        <v>4</v>
      </c>
      <c r="T33" s="281">
        <v>6</v>
      </c>
      <c r="U33" s="281">
        <v>4</v>
      </c>
      <c r="V33" s="278">
        <v>17</v>
      </c>
      <c r="W33" s="283">
        <v>17</v>
      </c>
      <c r="X33" s="277">
        <v>3</v>
      </c>
      <c r="Y33" s="281">
        <v>4</v>
      </c>
      <c r="Z33" s="278">
        <v>7</v>
      </c>
      <c r="AA33" s="280">
        <v>0</v>
      </c>
      <c r="AB33" s="281">
        <v>12</v>
      </c>
      <c r="AC33" s="281">
        <v>18</v>
      </c>
      <c r="AD33" s="281">
        <v>19</v>
      </c>
      <c r="AE33" s="281">
        <v>10</v>
      </c>
      <c r="AF33" s="281">
        <v>8</v>
      </c>
      <c r="AG33" s="278">
        <v>67</v>
      </c>
      <c r="AH33" s="283">
        <v>74</v>
      </c>
      <c r="AI33" s="277">
        <v>0</v>
      </c>
      <c r="AJ33" s="281">
        <v>1</v>
      </c>
      <c r="AK33" s="278">
        <v>1</v>
      </c>
      <c r="AL33" s="280">
        <v>0</v>
      </c>
      <c r="AM33" s="281">
        <v>1</v>
      </c>
      <c r="AN33" s="281">
        <v>5</v>
      </c>
      <c r="AO33" s="281">
        <v>3</v>
      </c>
      <c r="AP33" s="281">
        <v>3</v>
      </c>
      <c r="AQ33" s="281">
        <v>3</v>
      </c>
      <c r="AR33" s="278">
        <v>15</v>
      </c>
      <c r="AS33" s="283">
        <v>16</v>
      </c>
      <c r="AT33" s="277">
        <v>1</v>
      </c>
      <c r="AU33" s="281">
        <v>0</v>
      </c>
      <c r="AV33" s="278">
        <v>1</v>
      </c>
      <c r="AW33" s="280">
        <v>0</v>
      </c>
      <c r="AX33" s="281">
        <v>16</v>
      </c>
      <c r="AY33" s="281">
        <v>17</v>
      </c>
      <c r="AZ33" s="281">
        <v>14</v>
      </c>
      <c r="BA33" s="281">
        <v>12</v>
      </c>
      <c r="BB33" s="281">
        <v>8</v>
      </c>
      <c r="BC33" s="282">
        <v>67</v>
      </c>
      <c r="BD33" s="283">
        <v>68</v>
      </c>
      <c r="BE33" s="277">
        <v>0</v>
      </c>
      <c r="BF33" s="281">
        <v>0</v>
      </c>
      <c r="BG33" s="278">
        <v>0</v>
      </c>
      <c r="BH33" s="280">
        <v>0</v>
      </c>
      <c r="BI33" s="281">
        <v>35</v>
      </c>
      <c r="BJ33" s="281">
        <v>44</v>
      </c>
      <c r="BK33" s="281">
        <v>26</v>
      </c>
      <c r="BL33" s="281">
        <v>8</v>
      </c>
      <c r="BM33" s="281">
        <v>5</v>
      </c>
      <c r="BN33" s="278">
        <v>118</v>
      </c>
      <c r="BO33" s="283">
        <v>118</v>
      </c>
      <c r="BP33" s="277">
        <v>0</v>
      </c>
      <c r="BQ33" s="281">
        <v>1</v>
      </c>
      <c r="BR33" s="278">
        <v>1</v>
      </c>
      <c r="BS33" s="280">
        <v>0</v>
      </c>
      <c r="BT33" s="281">
        <v>3</v>
      </c>
      <c r="BU33" s="281">
        <v>8</v>
      </c>
      <c r="BV33" s="281">
        <v>4</v>
      </c>
      <c r="BW33" s="281">
        <v>3</v>
      </c>
      <c r="BX33" s="281">
        <v>2</v>
      </c>
      <c r="BY33" s="278">
        <v>20</v>
      </c>
      <c r="BZ33" s="283">
        <v>21</v>
      </c>
      <c r="CA33" s="277">
        <v>0</v>
      </c>
      <c r="CB33" s="281">
        <v>0</v>
      </c>
      <c r="CC33" s="278">
        <v>0</v>
      </c>
      <c r="CD33" s="280">
        <v>0</v>
      </c>
      <c r="CE33" s="281">
        <v>2</v>
      </c>
      <c r="CF33" s="281">
        <v>8</v>
      </c>
      <c r="CG33" s="281">
        <v>12</v>
      </c>
      <c r="CH33" s="281">
        <v>4</v>
      </c>
      <c r="CI33" s="281">
        <v>1</v>
      </c>
      <c r="CJ33" s="278">
        <v>27</v>
      </c>
      <c r="CK33" s="283">
        <v>27</v>
      </c>
      <c r="CL33" s="277">
        <v>0</v>
      </c>
      <c r="CM33" s="281">
        <v>0</v>
      </c>
      <c r="CN33" s="278">
        <v>0</v>
      </c>
      <c r="CO33" s="280">
        <v>0</v>
      </c>
      <c r="CP33" s="281">
        <v>0</v>
      </c>
      <c r="CQ33" s="281">
        <v>0</v>
      </c>
      <c r="CR33" s="281">
        <v>0</v>
      </c>
      <c r="CS33" s="281">
        <v>0</v>
      </c>
      <c r="CT33" s="281">
        <v>0</v>
      </c>
      <c r="CU33" s="278">
        <v>0</v>
      </c>
      <c r="CV33" s="283">
        <v>0</v>
      </c>
      <c r="CW33" s="277">
        <v>0</v>
      </c>
      <c r="CX33" s="281">
        <v>0</v>
      </c>
      <c r="CY33" s="278">
        <v>0</v>
      </c>
      <c r="CZ33" s="280">
        <v>0</v>
      </c>
      <c r="DA33" s="281">
        <v>0</v>
      </c>
      <c r="DB33" s="281">
        <v>0</v>
      </c>
      <c r="DC33" s="281">
        <v>0</v>
      </c>
      <c r="DD33" s="281">
        <v>0</v>
      </c>
      <c r="DE33" s="281">
        <v>0</v>
      </c>
      <c r="DF33" s="278">
        <v>0</v>
      </c>
      <c r="DG33" s="283">
        <v>0</v>
      </c>
      <c r="DH33" s="277">
        <v>0</v>
      </c>
      <c r="DI33" s="281">
        <v>0</v>
      </c>
      <c r="DJ33" s="278">
        <v>0</v>
      </c>
      <c r="DK33" s="280">
        <v>0</v>
      </c>
      <c r="DL33" s="281">
        <v>0</v>
      </c>
      <c r="DM33" s="281">
        <v>0</v>
      </c>
      <c r="DN33" s="281">
        <v>0</v>
      </c>
      <c r="DO33" s="281">
        <v>0</v>
      </c>
      <c r="DP33" s="281">
        <v>0</v>
      </c>
      <c r="DQ33" s="278">
        <v>0</v>
      </c>
      <c r="DR33" s="283">
        <v>0</v>
      </c>
      <c r="DS33" s="277">
        <v>22</v>
      </c>
      <c r="DT33" s="281">
        <v>45</v>
      </c>
      <c r="DU33" s="278">
        <v>67</v>
      </c>
      <c r="DV33" s="280">
        <v>0</v>
      </c>
      <c r="DW33" s="281">
        <v>56</v>
      </c>
      <c r="DX33" s="281">
        <v>67</v>
      </c>
      <c r="DY33" s="281">
        <v>47</v>
      </c>
      <c r="DZ33" s="281">
        <v>19</v>
      </c>
      <c r="EA33" s="281">
        <v>17</v>
      </c>
      <c r="EB33" s="278">
        <v>206</v>
      </c>
      <c r="EC33" s="283">
        <v>273</v>
      </c>
      <c r="ED33" s="277">
        <v>1</v>
      </c>
      <c r="EE33" s="281">
        <v>2</v>
      </c>
      <c r="EF33" s="278">
        <v>3</v>
      </c>
      <c r="EG33" s="280">
        <v>0</v>
      </c>
      <c r="EH33" s="281">
        <v>9</v>
      </c>
      <c r="EI33" s="281">
        <v>8</v>
      </c>
      <c r="EJ33" s="281">
        <v>6</v>
      </c>
      <c r="EK33" s="281">
        <v>2</v>
      </c>
      <c r="EL33" s="281">
        <v>2</v>
      </c>
      <c r="EM33" s="278">
        <v>27</v>
      </c>
      <c r="EN33" s="283">
        <v>30</v>
      </c>
      <c r="EO33" s="277">
        <v>25</v>
      </c>
      <c r="EP33" s="281">
        <v>48</v>
      </c>
      <c r="EQ33" s="278">
        <v>73</v>
      </c>
      <c r="ER33" s="280">
        <v>0</v>
      </c>
      <c r="ES33" s="281">
        <v>95</v>
      </c>
      <c r="ET33" s="281">
        <v>93</v>
      </c>
      <c r="EU33" s="281">
        <v>53</v>
      </c>
      <c r="EV33" s="281">
        <v>20</v>
      </c>
      <c r="EW33" s="281">
        <v>16</v>
      </c>
      <c r="EX33" s="278">
        <v>277</v>
      </c>
      <c r="EY33" s="283">
        <v>350</v>
      </c>
    </row>
    <row r="34" spans="1:155" ht="19.5" customHeight="1" x14ac:dyDescent="0.2">
      <c r="A34" s="262" t="s">
        <v>32</v>
      </c>
      <c r="B34" s="277">
        <v>0</v>
      </c>
      <c r="C34" s="281">
        <v>0</v>
      </c>
      <c r="D34" s="385">
        <v>0</v>
      </c>
      <c r="E34" s="280">
        <v>0</v>
      </c>
      <c r="F34" s="281">
        <v>35</v>
      </c>
      <c r="G34" s="281">
        <v>17</v>
      </c>
      <c r="H34" s="281">
        <v>15</v>
      </c>
      <c r="I34" s="281">
        <v>9</v>
      </c>
      <c r="J34" s="281">
        <v>11</v>
      </c>
      <c r="K34" s="282">
        <v>87</v>
      </c>
      <c r="L34" s="283">
        <v>87</v>
      </c>
      <c r="M34" s="277">
        <v>0</v>
      </c>
      <c r="N34" s="281">
        <v>0</v>
      </c>
      <c r="O34" s="278">
        <v>0</v>
      </c>
      <c r="P34" s="280">
        <v>0</v>
      </c>
      <c r="Q34" s="281">
        <v>0</v>
      </c>
      <c r="R34" s="281">
        <v>1</v>
      </c>
      <c r="S34" s="281">
        <v>1</v>
      </c>
      <c r="T34" s="281">
        <v>3</v>
      </c>
      <c r="U34" s="281">
        <v>9</v>
      </c>
      <c r="V34" s="278">
        <v>14</v>
      </c>
      <c r="W34" s="283">
        <v>14</v>
      </c>
      <c r="X34" s="277">
        <v>5</v>
      </c>
      <c r="Y34" s="281">
        <v>7</v>
      </c>
      <c r="Z34" s="278">
        <v>12</v>
      </c>
      <c r="AA34" s="280">
        <v>0</v>
      </c>
      <c r="AB34" s="281">
        <v>32</v>
      </c>
      <c r="AC34" s="281">
        <v>23</v>
      </c>
      <c r="AD34" s="281">
        <v>17</v>
      </c>
      <c r="AE34" s="281">
        <v>13</v>
      </c>
      <c r="AF34" s="281">
        <v>10</v>
      </c>
      <c r="AG34" s="278">
        <v>95</v>
      </c>
      <c r="AH34" s="283">
        <v>107</v>
      </c>
      <c r="AI34" s="277">
        <v>0</v>
      </c>
      <c r="AJ34" s="281">
        <v>1</v>
      </c>
      <c r="AK34" s="278">
        <v>1</v>
      </c>
      <c r="AL34" s="280">
        <v>0</v>
      </c>
      <c r="AM34" s="281">
        <v>5</v>
      </c>
      <c r="AN34" s="281">
        <v>0</v>
      </c>
      <c r="AO34" s="281">
        <v>2</v>
      </c>
      <c r="AP34" s="281">
        <v>1</v>
      </c>
      <c r="AQ34" s="281">
        <v>4</v>
      </c>
      <c r="AR34" s="278">
        <v>12</v>
      </c>
      <c r="AS34" s="283">
        <v>13</v>
      </c>
      <c r="AT34" s="277">
        <v>2</v>
      </c>
      <c r="AU34" s="281">
        <v>0</v>
      </c>
      <c r="AV34" s="278">
        <v>2</v>
      </c>
      <c r="AW34" s="280">
        <v>0</v>
      </c>
      <c r="AX34" s="281">
        <v>13</v>
      </c>
      <c r="AY34" s="281">
        <v>18</v>
      </c>
      <c r="AZ34" s="281">
        <v>20</v>
      </c>
      <c r="BA34" s="281">
        <v>24</v>
      </c>
      <c r="BB34" s="281">
        <v>17</v>
      </c>
      <c r="BC34" s="282">
        <v>92</v>
      </c>
      <c r="BD34" s="283">
        <v>94</v>
      </c>
      <c r="BE34" s="277">
        <v>0</v>
      </c>
      <c r="BF34" s="281">
        <v>0</v>
      </c>
      <c r="BG34" s="278">
        <v>0</v>
      </c>
      <c r="BH34" s="280">
        <v>0</v>
      </c>
      <c r="BI34" s="281">
        <v>46</v>
      </c>
      <c r="BJ34" s="281">
        <v>51</v>
      </c>
      <c r="BK34" s="281">
        <v>22</v>
      </c>
      <c r="BL34" s="281">
        <v>16</v>
      </c>
      <c r="BM34" s="281">
        <v>3</v>
      </c>
      <c r="BN34" s="278">
        <v>138</v>
      </c>
      <c r="BO34" s="283">
        <v>138</v>
      </c>
      <c r="BP34" s="277">
        <v>0</v>
      </c>
      <c r="BQ34" s="281">
        <v>1</v>
      </c>
      <c r="BR34" s="278">
        <v>1</v>
      </c>
      <c r="BS34" s="280">
        <v>0</v>
      </c>
      <c r="BT34" s="281">
        <v>8</v>
      </c>
      <c r="BU34" s="281">
        <v>14</v>
      </c>
      <c r="BV34" s="281">
        <v>5</v>
      </c>
      <c r="BW34" s="281">
        <v>5</v>
      </c>
      <c r="BX34" s="281">
        <v>3</v>
      </c>
      <c r="BY34" s="278">
        <v>35</v>
      </c>
      <c r="BZ34" s="283">
        <v>36</v>
      </c>
      <c r="CA34" s="277">
        <v>1</v>
      </c>
      <c r="CB34" s="281">
        <v>0</v>
      </c>
      <c r="CC34" s="278">
        <v>1</v>
      </c>
      <c r="CD34" s="280">
        <v>0</v>
      </c>
      <c r="CE34" s="281">
        <v>4</v>
      </c>
      <c r="CF34" s="281">
        <v>14</v>
      </c>
      <c r="CG34" s="281">
        <v>10</v>
      </c>
      <c r="CH34" s="281">
        <v>4</v>
      </c>
      <c r="CI34" s="281">
        <v>0</v>
      </c>
      <c r="CJ34" s="278">
        <v>32</v>
      </c>
      <c r="CK34" s="283">
        <v>33</v>
      </c>
      <c r="CL34" s="277">
        <v>0</v>
      </c>
      <c r="CM34" s="281">
        <v>0</v>
      </c>
      <c r="CN34" s="278">
        <v>0</v>
      </c>
      <c r="CO34" s="280">
        <v>0</v>
      </c>
      <c r="CP34" s="281">
        <v>1</v>
      </c>
      <c r="CQ34" s="281">
        <v>2</v>
      </c>
      <c r="CR34" s="281">
        <v>2</v>
      </c>
      <c r="CS34" s="281">
        <v>2</v>
      </c>
      <c r="CT34" s="281">
        <v>1</v>
      </c>
      <c r="CU34" s="278">
        <v>8</v>
      </c>
      <c r="CV34" s="283">
        <v>8</v>
      </c>
      <c r="CW34" s="277">
        <v>0</v>
      </c>
      <c r="CX34" s="281">
        <v>0</v>
      </c>
      <c r="CY34" s="278">
        <v>0</v>
      </c>
      <c r="CZ34" s="280">
        <v>0</v>
      </c>
      <c r="DA34" s="281">
        <v>0</v>
      </c>
      <c r="DB34" s="281">
        <v>0</v>
      </c>
      <c r="DC34" s="281">
        <v>0</v>
      </c>
      <c r="DD34" s="281">
        <v>0</v>
      </c>
      <c r="DE34" s="281">
        <v>0</v>
      </c>
      <c r="DF34" s="278">
        <v>0</v>
      </c>
      <c r="DG34" s="283">
        <v>0</v>
      </c>
      <c r="DH34" s="277">
        <v>0</v>
      </c>
      <c r="DI34" s="281">
        <v>0</v>
      </c>
      <c r="DJ34" s="278">
        <v>0</v>
      </c>
      <c r="DK34" s="280">
        <v>0</v>
      </c>
      <c r="DL34" s="281">
        <v>0</v>
      </c>
      <c r="DM34" s="281">
        <v>0</v>
      </c>
      <c r="DN34" s="281">
        <v>0</v>
      </c>
      <c r="DO34" s="281">
        <v>0</v>
      </c>
      <c r="DP34" s="281">
        <v>0</v>
      </c>
      <c r="DQ34" s="278">
        <v>0</v>
      </c>
      <c r="DR34" s="283">
        <v>0</v>
      </c>
      <c r="DS34" s="277">
        <v>23</v>
      </c>
      <c r="DT34" s="281">
        <v>43</v>
      </c>
      <c r="DU34" s="278">
        <v>66</v>
      </c>
      <c r="DV34" s="280">
        <v>0</v>
      </c>
      <c r="DW34" s="281">
        <v>71</v>
      </c>
      <c r="DX34" s="281">
        <v>76</v>
      </c>
      <c r="DY34" s="281">
        <v>44</v>
      </c>
      <c r="DZ34" s="281">
        <v>27</v>
      </c>
      <c r="EA34" s="281">
        <v>18</v>
      </c>
      <c r="EB34" s="278">
        <v>236</v>
      </c>
      <c r="EC34" s="283">
        <v>302</v>
      </c>
      <c r="ED34" s="277">
        <v>3</v>
      </c>
      <c r="EE34" s="281">
        <v>3</v>
      </c>
      <c r="EF34" s="278">
        <v>6</v>
      </c>
      <c r="EG34" s="280">
        <v>0</v>
      </c>
      <c r="EH34" s="281">
        <v>5</v>
      </c>
      <c r="EI34" s="281">
        <v>5</v>
      </c>
      <c r="EJ34" s="281">
        <v>7</v>
      </c>
      <c r="EK34" s="281">
        <v>8</v>
      </c>
      <c r="EL34" s="281">
        <v>3</v>
      </c>
      <c r="EM34" s="278">
        <v>28</v>
      </c>
      <c r="EN34" s="283">
        <v>34</v>
      </c>
      <c r="EO34" s="277">
        <v>25</v>
      </c>
      <c r="EP34" s="281">
        <v>48</v>
      </c>
      <c r="EQ34" s="278">
        <v>73</v>
      </c>
      <c r="ER34" s="280">
        <v>0</v>
      </c>
      <c r="ES34" s="281">
        <v>142</v>
      </c>
      <c r="ET34" s="281">
        <v>107</v>
      </c>
      <c r="EU34" s="281">
        <v>51</v>
      </c>
      <c r="EV34" s="281">
        <v>28</v>
      </c>
      <c r="EW34" s="281">
        <v>19</v>
      </c>
      <c r="EX34" s="278">
        <v>347</v>
      </c>
      <c r="EY34" s="283">
        <v>420</v>
      </c>
    </row>
    <row r="35" spans="1:155" ht="19.5" customHeight="1" x14ac:dyDescent="0.2">
      <c r="A35" s="262" t="s">
        <v>33</v>
      </c>
      <c r="B35" s="277">
        <v>0</v>
      </c>
      <c r="C35" s="281">
        <v>0</v>
      </c>
      <c r="D35" s="385">
        <v>0</v>
      </c>
      <c r="E35" s="280">
        <v>0</v>
      </c>
      <c r="F35" s="281">
        <v>23</v>
      </c>
      <c r="G35" s="281">
        <v>16</v>
      </c>
      <c r="H35" s="281">
        <v>9</v>
      </c>
      <c r="I35" s="281">
        <v>12</v>
      </c>
      <c r="J35" s="281">
        <v>8</v>
      </c>
      <c r="K35" s="282">
        <v>68</v>
      </c>
      <c r="L35" s="283">
        <v>68</v>
      </c>
      <c r="M35" s="277">
        <v>0</v>
      </c>
      <c r="N35" s="281">
        <v>0</v>
      </c>
      <c r="O35" s="278">
        <v>0</v>
      </c>
      <c r="P35" s="280">
        <v>0</v>
      </c>
      <c r="Q35" s="281">
        <v>0</v>
      </c>
      <c r="R35" s="281">
        <v>1</v>
      </c>
      <c r="S35" s="281">
        <v>2</v>
      </c>
      <c r="T35" s="281">
        <v>2</v>
      </c>
      <c r="U35" s="281">
        <v>4</v>
      </c>
      <c r="V35" s="278">
        <v>9</v>
      </c>
      <c r="W35" s="283">
        <v>9</v>
      </c>
      <c r="X35" s="277">
        <v>2</v>
      </c>
      <c r="Y35" s="281">
        <v>1</v>
      </c>
      <c r="Z35" s="278">
        <v>3</v>
      </c>
      <c r="AA35" s="280">
        <v>0</v>
      </c>
      <c r="AB35" s="281">
        <v>14</v>
      </c>
      <c r="AC35" s="281">
        <v>12</v>
      </c>
      <c r="AD35" s="281">
        <v>3</v>
      </c>
      <c r="AE35" s="281">
        <v>11</v>
      </c>
      <c r="AF35" s="281">
        <v>7</v>
      </c>
      <c r="AG35" s="278">
        <v>47</v>
      </c>
      <c r="AH35" s="283">
        <v>50</v>
      </c>
      <c r="AI35" s="277">
        <v>10</v>
      </c>
      <c r="AJ35" s="281">
        <v>27</v>
      </c>
      <c r="AK35" s="278">
        <v>37</v>
      </c>
      <c r="AL35" s="280">
        <v>0</v>
      </c>
      <c r="AM35" s="281">
        <v>28</v>
      </c>
      <c r="AN35" s="281">
        <v>13</v>
      </c>
      <c r="AO35" s="281">
        <v>4</v>
      </c>
      <c r="AP35" s="281">
        <v>7</v>
      </c>
      <c r="AQ35" s="281">
        <v>3</v>
      </c>
      <c r="AR35" s="278">
        <v>55</v>
      </c>
      <c r="AS35" s="283">
        <v>92</v>
      </c>
      <c r="AT35" s="277">
        <v>5</v>
      </c>
      <c r="AU35" s="281">
        <v>8</v>
      </c>
      <c r="AV35" s="278">
        <v>13</v>
      </c>
      <c r="AW35" s="280">
        <v>0</v>
      </c>
      <c r="AX35" s="281">
        <v>26</v>
      </c>
      <c r="AY35" s="281">
        <v>31</v>
      </c>
      <c r="AZ35" s="281">
        <v>21</v>
      </c>
      <c r="BA35" s="281">
        <v>12</v>
      </c>
      <c r="BB35" s="281">
        <v>11</v>
      </c>
      <c r="BC35" s="282">
        <v>101</v>
      </c>
      <c r="BD35" s="283">
        <v>114</v>
      </c>
      <c r="BE35" s="277">
        <v>0</v>
      </c>
      <c r="BF35" s="281">
        <v>0</v>
      </c>
      <c r="BG35" s="278">
        <v>0</v>
      </c>
      <c r="BH35" s="280">
        <v>0</v>
      </c>
      <c r="BI35" s="281">
        <v>11</v>
      </c>
      <c r="BJ35" s="281">
        <v>3</v>
      </c>
      <c r="BK35" s="281">
        <v>3</v>
      </c>
      <c r="BL35" s="281">
        <v>5</v>
      </c>
      <c r="BM35" s="281">
        <v>2</v>
      </c>
      <c r="BN35" s="278">
        <v>24</v>
      </c>
      <c r="BO35" s="283">
        <v>24</v>
      </c>
      <c r="BP35" s="277">
        <v>11</v>
      </c>
      <c r="BQ35" s="281">
        <v>11</v>
      </c>
      <c r="BR35" s="278">
        <v>22</v>
      </c>
      <c r="BS35" s="280">
        <v>0</v>
      </c>
      <c r="BT35" s="281">
        <v>25</v>
      </c>
      <c r="BU35" s="281">
        <v>23</v>
      </c>
      <c r="BV35" s="281">
        <v>5</v>
      </c>
      <c r="BW35" s="281">
        <v>2</v>
      </c>
      <c r="BX35" s="281">
        <v>2</v>
      </c>
      <c r="BY35" s="278">
        <v>57</v>
      </c>
      <c r="BZ35" s="283">
        <v>79</v>
      </c>
      <c r="CA35" s="277">
        <v>0</v>
      </c>
      <c r="CB35" s="281">
        <v>0</v>
      </c>
      <c r="CC35" s="278">
        <v>0</v>
      </c>
      <c r="CD35" s="280">
        <v>0</v>
      </c>
      <c r="CE35" s="281">
        <v>4</v>
      </c>
      <c r="CF35" s="281">
        <v>2</v>
      </c>
      <c r="CG35" s="281">
        <v>6</v>
      </c>
      <c r="CH35" s="281">
        <v>5</v>
      </c>
      <c r="CI35" s="281">
        <v>1</v>
      </c>
      <c r="CJ35" s="278">
        <v>18</v>
      </c>
      <c r="CK35" s="283">
        <v>18</v>
      </c>
      <c r="CL35" s="277">
        <v>0</v>
      </c>
      <c r="CM35" s="281">
        <v>0</v>
      </c>
      <c r="CN35" s="278">
        <v>0</v>
      </c>
      <c r="CO35" s="280">
        <v>0</v>
      </c>
      <c r="CP35" s="281">
        <v>2</v>
      </c>
      <c r="CQ35" s="281">
        <v>2</v>
      </c>
      <c r="CR35" s="281">
        <v>2</v>
      </c>
      <c r="CS35" s="281">
        <v>0</v>
      </c>
      <c r="CT35" s="281">
        <v>0</v>
      </c>
      <c r="CU35" s="278">
        <v>6</v>
      </c>
      <c r="CV35" s="283">
        <v>6</v>
      </c>
      <c r="CW35" s="277">
        <v>0</v>
      </c>
      <c r="CX35" s="281">
        <v>0</v>
      </c>
      <c r="CY35" s="278">
        <v>0</v>
      </c>
      <c r="CZ35" s="280">
        <v>0</v>
      </c>
      <c r="DA35" s="281">
        <v>0</v>
      </c>
      <c r="DB35" s="281">
        <v>0</v>
      </c>
      <c r="DC35" s="281">
        <v>0</v>
      </c>
      <c r="DD35" s="281">
        <v>0</v>
      </c>
      <c r="DE35" s="281">
        <v>0</v>
      </c>
      <c r="DF35" s="278">
        <v>0</v>
      </c>
      <c r="DG35" s="283">
        <v>0</v>
      </c>
      <c r="DH35" s="277">
        <v>0</v>
      </c>
      <c r="DI35" s="281">
        <v>0</v>
      </c>
      <c r="DJ35" s="278">
        <v>0</v>
      </c>
      <c r="DK35" s="280">
        <v>0</v>
      </c>
      <c r="DL35" s="281">
        <v>0</v>
      </c>
      <c r="DM35" s="281">
        <v>0</v>
      </c>
      <c r="DN35" s="281">
        <v>0</v>
      </c>
      <c r="DO35" s="281">
        <v>0</v>
      </c>
      <c r="DP35" s="281">
        <v>0</v>
      </c>
      <c r="DQ35" s="278">
        <v>0</v>
      </c>
      <c r="DR35" s="283">
        <v>0</v>
      </c>
      <c r="DS35" s="277">
        <v>25</v>
      </c>
      <c r="DT35" s="281">
        <v>38</v>
      </c>
      <c r="DU35" s="278">
        <v>63</v>
      </c>
      <c r="DV35" s="280">
        <v>0</v>
      </c>
      <c r="DW35" s="281">
        <v>58</v>
      </c>
      <c r="DX35" s="281">
        <v>49</v>
      </c>
      <c r="DY35" s="281">
        <v>21</v>
      </c>
      <c r="DZ35" s="281">
        <v>19</v>
      </c>
      <c r="EA35" s="281">
        <v>15</v>
      </c>
      <c r="EB35" s="278">
        <v>162</v>
      </c>
      <c r="EC35" s="283">
        <v>225</v>
      </c>
      <c r="ED35" s="277">
        <v>5</v>
      </c>
      <c r="EE35" s="281">
        <v>7</v>
      </c>
      <c r="EF35" s="278">
        <v>12</v>
      </c>
      <c r="EG35" s="280">
        <v>0</v>
      </c>
      <c r="EH35" s="281">
        <v>15</v>
      </c>
      <c r="EI35" s="281">
        <v>17</v>
      </c>
      <c r="EJ35" s="281">
        <v>7</v>
      </c>
      <c r="EK35" s="281">
        <v>9</v>
      </c>
      <c r="EL35" s="281">
        <v>3</v>
      </c>
      <c r="EM35" s="278">
        <v>51</v>
      </c>
      <c r="EN35" s="283">
        <v>63</v>
      </c>
      <c r="EO35" s="277">
        <v>42</v>
      </c>
      <c r="EP35" s="281">
        <v>56</v>
      </c>
      <c r="EQ35" s="278">
        <v>98</v>
      </c>
      <c r="ER35" s="280">
        <v>0</v>
      </c>
      <c r="ES35" s="281">
        <v>103</v>
      </c>
      <c r="ET35" s="281">
        <v>65</v>
      </c>
      <c r="EU35" s="281">
        <v>25</v>
      </c>
      <c r="EV35" s="281">
        <v>24</v>
      </c>
      <c r="EW35" s="281">
        <v>16</v>
      </c>
      <c r="EX35" s="278">
        <v>233</v>
      </c>
      <c r="EY35" s="283">
        <v>331</v>
      </c>
    </row>
    <row r="36" spans="1:155" ht="19.5" customHeight="1" x14ac:dyDescent="0.2">
      <c r="A36" s="262" t="s">
        <v>34</v>
      </c>
      <c r="B36" s="277">
        <v>0</v>
      </c>
      <c r="C36" s="281">
        <v>0</v>
      </c>
      <c r="D36" s="385">
        <v>0</v>
      </c>
      <c r="E36" s="280">
        <v>0</v>
      </c>
      <c r="F36" s="281">
        <v>16</v>
      </c>
      <c r="G36" s="281">
        <v>10</v>
      </c>
      <c r="H36" s="281">
        <v>6</v>
      </c>
      <c r="I36" s="281">
        <v>7</v>
      </c>
      <c r="J36" s="281">
        <v>2</v>
      </c>
      <c r="K36" s="282">
        <v>41</v>
      </c>
      <c r="L36" s="283">
        <v>41</v>
      </c>
      <c r="M36" s="277">
        <v>0</v>
      </c>
      <c r="N36" s="281">
        <v>0</v>
      </c>
      <c r="O36" s="278">
        <v>0</v>
      </c>
      <c r="P36" s="280">
        <v>0</v>
      </c>
      <c r="Q36" s="281">
        <v>0</v>
      </c>
      <c r="R36" s="281">
        <v>1</v>
      </c>
      <c r="S36" s="281">
        <v>0</v>
      </c>
      <c r="T36" s="281">
        <v>1</v>
      </c>
      <c r="U36" s="281">
        <v>5</v>
      </c>
      <c r="V36" s="278">
        <v>7</v>
      </c>
      <c r="W36" s="283">
        <v>7</v>
      </c>
      <c r="X36" s="277">
        <v>2</v>
      </c>
      <c r="Y36" s="281">
        <v>3</v>
      </c>
      <c r="Z36" s="278">
        <v>5</v>
      </c>
      <c r="AA36" s="280">
        <v>0</v>
      </c>
      <c r="AB36" s="281">
        <v>7</v>
      </c>
      <c r="AC36" s="281">
        <v>12</v>
      </c>
      <c r="AD36" s="281">
        <v>5</v>
      </c>
      <c r="AE36" s="281">
        <v>1</v>
      </c>
      <c r="AF36" s="281">
        <v>3</v>
      </c>
      <c r="AG36" s="278">
        <v>28</v>
      </c>
      <c r="AH36" s="283">
        <v>33</v>
      </c>
      <c r="AI36" s="277">
        <v>0</v>
      </c>
      <c r="AJ36" s="281">
        <v>1</v>
      </c>
      <c r="AK36" s="278">
        <v>1</v>
      </c>
      <c r="AL36" s="280">
        <v>0</v>
      </c>
      <c r="AM36" s="281">
        <v>4</v>
      </c>
      <c r="AN36" s="281">
        <v>2</v>
      </c>
      <c r="AO36" s="281">
        <v>2</v>
      </c>
      <c r="AP36" s="281">
        <v>1</v>
      </c>
      <c r="AQ36" s="281">
        <v>1</v>
      </c>
      <c r="AR36" s="278">
        <v>10</v>
      </c>
      <c r="AS36" s="283">
        <v>11</v>
      </c>
      <c r="AT36" s="277">
        <v>4</v>
      </c>
      <c r="AU36" s="281">
        <v>3</v>
      </c>
      <c r="AV36" s="278">
        <v>7</v>
      </c>
      <c r="AW36" s="280">
        <v>0</v>
      </c>
      <c r="AX36" s="281">
        <v>25</v>
      </c>
      <c r="AY36" s="281">
        <v>26</v>
      </c>
      <c r="AZ36" s="281">
        <v>19</v>
      </c>
      <c r="BA36" s="281">
        <v>17</v>
      </c>
      <c r="BB36" s="281">
        <v>14</v>
      </c>
      <c r="BC36" s="282">
        <v>101</v>
      </c>
      <c r="BD36" s="283">
        <v>108</v>
      </c>
      <c r="BE36" s="277">
        <v>0</v>
      </c>
      <c r="BF36" s="281">
        <v>0</v>
      </c>
      <c r="BG36" s="278">
        <v>0</v>
      </c>
      <c r="BH36" s="280">
        <v>0</v>
      </c>
      <c r="BI36" s="281">
        <v>33</v>
      </c>
      <c r="BJ36" s="281">
        <v>20</v>
      </c>
      <c r="BK36" s="281">
        <v>11</v>
      </c>
      <c r="BL36" s="281">
        <v>9</v>
      </c>
      <c r="BM36" s="281">
        <v>3</v>
      </c>
      <c r="BN36" s="278">
        <v>76</v>
      </c>
      <c r="BO36" s="283">
        <v>76</v>
      </c>
      <c r="BP36" s="277">
        <v>2</v>
      </c>
      <c r="BQ36" s="281">
        <v>5</v>
      </c>
      <c r="BR36" s="278">
        <v>7</v>
      </c>
      <c r="BS36" s="280">
        <v>0</v>
      </c>
      <c r="BT36" s="281">
        <v>10</v>
      </c>
      <c r="BU36" s="281">
        <v>4</v>
      </c>
      <c r="BV36" s="281">
        <v>2</v>
      </c>
      <c r="BW36" s="281">
        <v>3</v>
      </c>
      <c r="BX36" s="281">
        <v>0</v>
      </c>
      <c r="BY36" s="278">
        <v>19</v>
      </c>
      <c r="BZ36" s="283">
        <v>26</v>
      </c>
      <c r="CA36" s="277">
        <v>0</v>
      </c>
      <c r="CB36" s="281">
        <v>0</v>
      </c>
      <c r="CC36" s="278">
        <v>0</v>
      </c>
      <c r="CD36" s="280">
        <v>0</v>
      </c>
      <c r="CE36" s="281">
        <v>5</v>
      </c>
      <c r="CF36" s="281">
        <v>0</v>
      </c>
      <c r="CG36" s="281">
        <v>3</v>
      </c>
      <c r="CH36" s="281">
        <v>5</v>
      </c>
      <c r="CI36" s="281">
        <v>0</v>
      </c>
      <c r="CJ36" s="278">
        <v>13</v>
      </c>
      <c r="CK36" s="283">
        <v>13</v>
      </c>
      <c r="CL36" s="277">
        <v>0</v>
      </c>
      <c r="CM36" s="281">
        <v>0</v>
      </c>
      <c r="CN36" s="278">
        <v>0</v>
      </c>
      <c r="CO36" s="280">
        <v>0</v>
      </c>
      <c r="CP36" s="281">
        <v>0</v>
      </c>
      <c r="CQ36" s="281">
        <v>0</v>
      </c>
      <c r="CR36" s="281">
        <v>1</v>
      </c>
      <c r="CS36" s="281">
        <v>1</v>
      </c>
      <c r="CT36" s="281">
        <v>0</v>
      </c>
      <c r="CU36" s="278">
        <v>2</v>
      </c>
      <c r="CV36" s="283">
        <v>2</v>
      </c>
      <c r="CW36" s="277">
        <v>0</v>
      </c>
      <c r="CX36" s="281">
        <v>0</v>
      </c>
      <c r="CY36" s="278">
        <v>0</v>
      </c>
      <c r="CZ36" s="280">
        <v>0</v>
      </c>
      <c r="DA36" s="281">
        <v>0</v>
      </c>
      <c r="DB36" s="281">
        <v>0</v>
      </c>
      <c r="DC36" s="281">
        <v>0</v>
      </c>
      <c r="DD36" s="281">
        <v>0</v>
      </c>
      <c r="DE36" s="281">
        <v>0</v>
      </c>
      <c r="DF36" s="278">
        <v>0</v>
      </c>
      <c r="DG36" s="283">
        <v>0</v>
      </c>
      <c r="DH36" s="277">
        <v>0</v>
      </c>
      <c r="DI36" s="281">
        <v>0</v>
      </c>
      <c r="DJ36" s="278">
        <v>0</v>
      </c>
      <c r="DK36" s="280">
        <v>0</v>
      </c>
      <c r="DL36" s="281">
        <v>0</v>
      </c>
      <c r="DM36" s="281">
        <v>0</v>
      </c>
      <c r="DN36" s="281">
        <v>0</v>
      </c>
      <c r="DO36" s="281">
        <v>0</v>
      </c>
      <c r="DP36" s="281">
        <v>0</v>
      </c>
      <c r="DQ36" s="278">
        <v>0</v>
      </c>
      <c r="DR36" s="283">
        <v>0</v>
      </c>
      <c r="DS36" s="277">
        <v>12</v>
      </c>
      <c r="DT36" s="281">
        <v>18</v>
      </c>
      <c r="DU36" s="278">
        <v>30</v>
      </c>
      <c r="DV36" s="280">
        <v>0</v>
      </c>
      <c r="DW36" s="281">
        <v>53</v>
      </c>
      <c r="DX36" s="281">
        <v>48</v>
      </c>
      <c r="DY36" s="281">
        <v>26</v>
      </c>
      <c r="DZ36" s="281">
        <v>25</v>
      </c>
      <c r="EA36" s="281">
        <v>9</v>
      </c>
      <c r="EB36" s="278">
        <v>161</v>
      </c>
      <c r="EC36" s="283">
        <v>191</v>
      </c>
      <c r="ED36" s="277">
        <v>4</v>
      </c>
      <c r="EE36" s="281">
        <v>1</v>
      </c>
      <c r="EF36" s="278">
        <v>5</v>
      </c>
      <c r="EG36" s="280">
        <v>0</v>
      </c>
      <c r="EH36" s="281">
        <v>8</v>
      </c>
      <c r="EI36" s="281">
        <v>5</v>
      </c>
      <c r="EJ36" s="281">
        <v>4</v>
      </c>
      <c r="EK36" s="281">
        <v>6</v>
      </c>
      <c r="EL36" s="281">
        <v>2</v>
      </c>
      <c r="EM36" s="278">
        <v>25</v>
      </c>
      <c r="EN36" s="283">
        <v>30</v>
      </c>
      <c r="EO36" s="277">
        <v>15</v>
      </c>
      <c r="EP36" s="281">
        <v>23</v>
      </c>
      <c r="EQ36" s="278">
        <v>38</v>
      </c>
      <c r="ER36" s="280">
        <v>0</v>
      </c>
      <c r="ES36" s="281">
        <v>79</v>
      </c>
      <c r="ET36" s="281">
        <v>45</v>
      </c>
      <c r="EU36" s="281">
        <v>29</v>
      </c>
      <c r="EV36" s="281">
        <v>22</v>
      </c>
      <c r="EW36" s="281">
        <v>9</v>
      </c>
      <c r="EX36" s="278">
        <v>184</v>
      </c>
      <c r="EY36" s="283">
        <v>222</v>
      </c>
    </row>
    <row r="37" spans="1:155" ht="19.5" customHeight="1" x14ac:dyDescent="0.2">
      <c r="A37" s="262" t="s">
        <v>35</v>
      </c>
      <c r="B37" s="277">
        <v>0</v>
      </c>
      <c r="C37" s="281">
        <v>0</v>
      </c>
      <c r="D37" s="385">
        <v>0</v>
      </c>
      <c r="E37" s="280">
        <v>0</v>
      </c>
      <c r="F37" s="281">
        <v>97</v>
      </c>
      <c r="G37" s="281">
        <v>57</v>
      </c>
      <c r="H37" s="281">
        <v>33</v>
      </c>
      <c r="I37" s="281">
        <v>26</v>
      </c>
      <c r="J37" s="281">
        <v>16</v>
      </c>
      <c r="K37" s="282">
        <v>229</v>
      </c>
      <c r="L37" s="283">
        <v>229</v>
      </c>
      <c r="M37" s="277">
        <v>0</v>
      </c>
      <c r="N37" s="281">
        <v>0</v>
      </c>
      <c r="O37" s="278">
        <v>0</v>
      </c>
      <c r="P37" s="280">
        <v>0</v>
      </c>
      <c r="Q37" s="281">
        <v>0</v>
      </c>
      <c r="R37" s="281">
        <v>5</v>
      </c>
      <c r="S37" s="281">
        <v>2</v>
      </c>
      <c r="T37" s="281">
        <v>10</v>
      </c>
      <c r="U37" s="281">
        <v>10</v>
      </c>
      <c r="V37" s="278">
        <v>27</v>
      </c>
      <c r="W37" s="283">
        <v>27</v>
      </c>
      <c r="X37" s="277">
        <v>1</v>
      </c>
      <c r="Y37" s="281">
        <v>6</v>
      </c>
      <c r="Z37" s="278">
        <v>7</v>
      </c>
      <c r="AA37" s="280">
        <v>0</v>
      </c>
      <c r="AB37" s="281">
        <v>35</v>
      </c>
      <c r="AC37" s="281">
        <v>36</v>
      </c>
      <c r="AD37" s="281">
        <v>15</v>
      </c>
      <c r="AE37" s="281">
        <v>17</v>
      </c>
      <c r="AF37" s="281">
        <v>7</v>
      </c>
      <c r="AG37" s="278">
        <v>110</v>
      </c>
      <c r="AH37" s="283">
        <v>117</v>
      </c>
      <c r="AI37" s="277">
        <v>0</v>
      </c>
      <c r="AJ37" s="281">
        <v>1</v>
      </c>
      <c r="AK37" s="278">
        <v>1</v>
      </c>
      <c r="AL37" s="280">
        <v>0</v>
      </c>
      <c r="AM37" s="281">
        <v>15</v>
      </c>
      <c r="AN37" s="281">
        <v>10</v>
      </c>
      <c r="AO37" s="281">
        <v>4</v>
      </c>
      <c r="AP37" s="281">
        <v>5</v>
      </c>
      <c r="AQ37" s="281">
        <v>2</v>
      </c>
      <c r="AR37" s="278">
        <v>36</v>
      </c>
      <c r="AS37" s="283">
        <v>37</v>
      </c>
      <c r="AT37" s="277">
        <v>27</v>
      </c>
      <c r="AU37" s="281">
        <v>22</v>
      </c>
      <c r="AV37" s="278">
        <v>49</v>
      </c>
      <c r="AW37" s="280">
        <v>0</v>
      </c>
      <c r="AX37" s="281">
        <v>88</v>
      </c>
      <c r="AY37" s="281">
        <v>83</v>
      </c>
      <c r="AZ37" s="281">
        <v>78</v>
      </c>
      <c r="BA37" s="281">
        <v>73</v>
      </c>
      <c r="BB37" s="281">
        <v>34</v>
      </c>
      <c r="BC37" s="282">
        <v>356</v>
      </c>
      <c r="BD37" s="283">
        <v>405</v>
      </c>
      <c r="BE37" s="277">
        <v>0</v>
      </c>
      <c r="BF37" s="281">
        <v>0</v>
      </c>
      <c r="BG37" s="278">
        <v>0</v>
      </c>
      <c r="BH37" s="280">
        <v>0</v>
      </c>
      <c r="BI37" s="281">
        <v>135</v>
      </c>
      <c r="BJ37" s="281">
        <v>88</v>
      </c>
      <c r="BK37" s="281">
        <v>52</v>
      </c>
      <c r="BL37" s="281">
        <v>23</v>
      </c>
      <c r="BM37" s="281">
        <v>12</v>
      </c>
      <c r="BN37" s="278">
        <v>310</v>
      </c>
      <c r="BO37" s="283">
        <v>310</v>
      </c>
      <c r="BP37" s="277">
        <v>5</v>
      </c>
      <c r="BQ37" s="281">
        <v>23</v>
      </c>
      <c r="BR37" s="278">
        <v>28</v>
      </c>
      <c r="BS37" s="280">
        <v>0</v>
      </c>
      <c r="BT37" s="281">
        <v>54</v>
      </c>
      <c r="BU37" s="281">
        <v>29</v>
      </c>
      <c r="BV37" s="281">
        <v>16</v>
      </c>
      <c r="BW37" s="281">
        <v>10</v>
      </c>
      <c r="BX37" s="281">
        <v>1</v>
      </c>
      <c r="BY37" s="278">
        <v>110</v>
      </c>
      <c r="BZ37" s="283">
        <v>138</v>
      </c>
      <c r="CA37" s="277">
        <v>0</v>
      </c>
      <c r="CB37" s="281">
        <v>0</v>
      </c>
      <c r="CC37" s="278">
        <v>0</v>
      </c>
      <c r="CD37" s="280">
        <v>0</v>
      </c>
      <c r="CE37" s="281">
        <v>4</v>
      </c>
      <c r="CF37" s="281">
        <v>10</v>
      </c>
      <c r="CG37" s="281">
        <v>9</v>
      </c>
      <c r="CH37" s="281">
        <v>7</v>
      </c>
      <c r="CI37" s="281">
        <v>2</v>
      </c>
      <c r="CJ37" s="278">
        <v>32</v>
      </c>
      <c r="CK37" s="283">
        <v>32</v>
      </c>
      <c r="CL37" s="277">
        <v>0</v>
      </c>
      <c r="CM37" s="281">
        <v>0</v>
      </c>
      <c r="CN37" s="278">
        <v>0</v>
      </c>
      <c r="CO37" s="280">
        <v>0</v>
      </c>
      <c r="CP37" s="281">
        <v>1</v>
      </c>
      <c r="CQ37" s="281">
        <v>2</v>
      </c>
      <c r="CR37" s="281">
        <v>1</v>
      </c>
      <c r="CS37" s="281">
        <v>1</v>
      </c>
      <c r="CT37" s="281">
        <v>0</v>
      </c>
      <c r="CU37" s="278">
        <v>5</v>
      </c>
      <c r="CV37" s="283">
        <v>5</v>
      </c>
      <c r="CW37" s="277">
        <v>0</v>
      </c>
      <c r="CX37" s="281">
        <v>0</v>
      </c>
      <c r="CY37" s="278">
        <v>0</v>
      </c>
      <c r="CZ37" s="280">
        <v>0</v>
      </c>
      <c r="DA37" s="281">
        <v>0</v>
      </c>
      <c r="DB37" s="281">
        <v>0</v>
      </c>
      <c r="DC37" s="281">
        <v>0</v>
      </c>
      <c r="DD37" s="281">
        <v>0</v>
      </c>
      <c r="DE37" s="281">
        <v>0</v>
      </c>
      <c r="DF37" s="278">
        <v>0</v>
      </c>
      <c r="DG37" s="283">
        <v>0</v>
      </c>
      <c r="DH37" s="277">
        <v>0</v>
      </c>
      <c r="DI37" s="281">
        <v>0</v>
      </c>
      <c r="DJ37" s="278">
        <v>0</v>
      </c>
      <c r="DK37" s="280">
        <v>0</v>
      </c>
      <c r="DL37" s="281">
        <v>0</v>
      </c>
      <c r="DM37" s="281">
        <v>0</v>
      </c>
      <c r="DN37" s="281">
        <v>0</v>
      </c>
      <c r="DO37" s="281">
        <v>0</v>
      </c>
      <c r="DP37" s="281">
        <v>0</v>
      </c>
      <c r="DQ37" s="278">
        <v>0</v>
      </c>
      <c r="DR37" s="283">
        <v>0</v>
      </c>
      <c r="DS37" s="277">
        <v>35</v>
      </c>
      <c r="DT37" s="281">
        <v>77</v>
      </c>
      <c r="DU37" s="278">
        <v>112</v>
      </c>
      <c r="DV37" s="280">
        <v>0</v>
      </c>
      <c r="DW37" s="281">
        <v>154</v>
      </c>
      <c r="DX37" s="281">
        <v>156</v>
      </c>
      <c r="DY37" s="281">
        <v>81</v>
      </c>
      <c r="DZ37" s="281">
        <v>62</v>
      </c>
      <c r="EA37" s="281">
        <v>29</v>
      </c>
      <c r="EB37" s="278">
        <v>482</v>
      </c>
      <c r="EC37" s="283">
        <v>594</v>
      </c>
      <c r="ED37" s="277">
        <v>23</v>
      </c>
      <c r="EE37" s="281">
        <v>13</v>
      </c>
      <c r="EF37" s="278">
        <v>36</v>
      </c>
      <c r="EG37" s="280">
        <v>0</v>
      </c>
      <c r="EH37" s="281">
        <v>43</v>
      </c>
      <c r="EI37" s="281">
        <v>25</v>
      </c>
      <c r="EJ37" s="281">
        <v>22</v>
      </c>
      <c r="EK37" s="281">
        <v>26</v>
      </c>
      <c r="EL37" s="281">
        <v>10</v>
      </c>
      <c r="EM37" s="278">
        <v>126</v>
      </c>
      <c r="EN37" s="283">
        <v>162</v>
      </c>
      <c r="EO37" s="277">
        <v>39</v>
      </c>
      <c r="EP37" s="281">
        <v>93</v>
      </c>
      <c r="EQ37" s="278">
        <v>132</v>
      </c>
      <c r="ER37" s="280">
        <v>0</v>
      </c>
      <c r="ES37" s="281">
        <v>291</v>
      </c>
      <c r="ET37" s="281">
        <v>201</v>
      </c>
      <c r="EU37" s="281">
        <v>97</v>
      </c>
      <c r="EV37" s="281">
        <v>71</v>
      </c>
      <c r="EW37" s="281">
        <v>29</v>
      </c>
      <c r="EX37" s="278">
        <v>689</v>
      </c>
      <c r="EY37" s="283">
        <v>821</v>
      </c>
    </row>
    <row r="38" spans="1:155" ht="19.5" customHeight="1" x14ac:dyDescent="0.2">
      <c r="A38" s="262" t="s">
        <v>36</v>
      </c>
      <c r="B38" s="277">
        <v>0</v>
      </c>
      <c r="C38" s="281">
        <v>0</v>
      </c>
      <c r="D38" s="385">
        <v>0</v>
      </c>
      <c r="E38" s="280">
        <v>0</v>
      </c>
      <c r="F38" s="281">
        <v>68</v>
      </c>
      <c r="G38" s="281">
        <v>56</v>
      </c>
      <c r="H38" s="281">
        <v>35</v>
      </c>
      <c r="I38" s="281">
        <v>29</v>
      </c>
      <c r="J38" s="281">
        <v>24</v>
      </c>
      <c r="K38" s="282">
        <v>212</v>
      </c>
      <c r="L38" s="283">
        <v>212</v>
      </c>
      <c r="M38" s="277">
        <v>0</v>
      </c>
      <c r="N38" s="281">
        <v>0</v>
      </c>
      <c r="O38" s="278">
        <v>0</v>
      </c>
      <c r="P38" s="280">
        <v>0</v>
      </c>
      <c r="Q38" s="281">
        <v>4</v>
      </c>
      <c r="R38" s="281">
        <v>4</v>
      </c>
      <c r="S38" s="281">
        <v>1</v>
      </c>
      <c r="T38" s="281">
        <v>11</v>
      </c>
      <c r="U38" s="281">
        <v>10</v>
      </c>
      <c r="V38" s="278">
        <v>30</v>
      </c>
      <c r="W38" s="283">
        <v>30</v>
      </c>
      <c r="X38" s="277">
        <v>14</v>
      </c>
      <c r="Y38" s="281">
        <v>19</v>
      </c>
      <c r="Z38" s="278">
        <v>33</v>
      </c>
      <c r="AA38" s="280">
        <v>0</v>
      </c>
      <c r="AB38" s="281">
        <v>57</v>
      </c>
      <c r="AC38" s="281">
        <v>57</v>
      </c>
      <c r="AD38" s="281">
        <v>35</v>
      </c>
      <c r="AE38" s="281">
        <v>29</v>
      </c>
      <c r="AF38" s="281">
        <v>25</v>
      </c>
      <c r="AG38" s="278">
        <v>203</v>
      </c>
      <c r="AH38" s="283">
        <v>236</v>
      </c>
      <c r="AI38" s="277">
        <v>2</v>
      </c>
      <c r="AJ38" s="281">
        <v>0</v>
      </c>
      <c r="AK38" s="278">
        <v>2</v>
      </c>
      <c r="AL38" s="280">
        <v>0</v>
      </c>
      <c r="AM38" s="281">
        <v>1</v>
      </c>
      <c r="AN38" s="281">
        <v>0</v>
      </c>
      <c r="AO38" s="281">
        <v>2</v>
      </c>
      <c r="AP38" s="281">
        <v>2</v>
      </c>
      <c r="AQ38" s="281">
        <v>2</v>
      </c>
      <c r="AR38" s="278">
        <v>7</v>
      </c>
      <c r="AS38" s="283">
        <v>9</v>
      </c>
      <c r="AT38" s="277">
        <v>4</v>
      </c>
      <c r="AU38" s="281">
        <v>10</v>
      </c>
      <c r="AV38" s="278">
        <v>14</v>
      </c>
      <c r="AW38" s="280">
        <v>0</v>
      </c>
      <c r="AX38" s="281">
        <v>34</v>
      </c>
      <c r="AY38" s="281">
        <v>59</v>
      </c>
      <c r="AZ38" s="281">
        <v>77</v>
      </c>
      <c r="BA38" s="281">
        <v>46</v>
      </c>
      <c r="BB38" s="281">
        <v>39</v>
      </c>
      <c r="BC38" s="282">
        <v>255</v>
      </c>
      <c r="BD38" s="283">
        <v>269</v>
      </c>
      <c r="BE38" s="277">
        <v>0</v>
      </c>
      <c r="BF38" s="281">
        <v>0</v>
      </c>
      <c r="BG38" s="278">
        <v>0</v>
      </c>
      <c r="BH38" s="280">
        <v>0</v>
      </c>
      <c r="BI38" s="281">
        <v>88</v>
      </c>
      <c r="BJ38" s="281">
        <v>79</v>
      </c>
      <c r="BK38" s="281">
        <v>47</v>
      </c>
      <c r="BL38" s="281">
        <v>28</v>
      </c>
      <c r="BM38" s="281">
        <v>13</v>
      </c>
      <c r="BN38" s="278">
        <v>255</v>
      </c>
      <c r="BO38" s="283">
        <v>255</v>
      </c>
      <c r="BP38" s="277">
        <v>3</v>
      </c>
      <c r="BQ38" s="281">
        <v>12</v>
      </c>
      <c r="BR38" s="278">
        <v>15</v>
      </c>
      <c r="BS38" s="280">
        <v>0</v>
      </c>
      <c r="BT38" s="281">
        <v>28</v>
      </c>
      <c r="BU38" s="281">
        <v>22</v>
      </c>
      <c r="BV38" s="281">
        <v>17</v>
      </c>
      <c r="BW38" s="281">
        <v>3</v>
      </c>
      <c r="BX38" s="281">
        <v>1</v>
      </c>
      <c r="BY38" s="278">
        <v>71</v>
      </c>
      <c r="BZ38" s="283">
        <v>86</v>
      </c>
      <c r="CA38" s="277">
        <v>0</v>
      </c>
      <c r="CB38" s="281">
        <v>1</v>
      </c>
      <c r="CC38" s="278">
        <v>1</v>
      </c>
      <c r="CD38" s="280">
        <v>0</v>
      </c>
      <c r="CE38" s="281">
        <v>13</v>
      </c>
      <c r="CF38" s="281">
        <v>25</v>
      </c>
      <c r="CG38" s="281">
        <v>28</v>
      </c>
      <c r="CH38" s="281">
        <v>12</v>
      </c>
      <c r="CI38" s="281">
        <v>9</v>
      </c>
      <c r="CJ38" s="278">
        <v>87</v>
      </c>
      <c r="CK38" s="283">
        <v>88</v>
      </c>
      <c r="CL38" s="277">
        <v>0</v>
      </c>
      <c r="CM38" s="281">
        <v>0</v>
      </c>
      <c r="CN38" s="278">
        <v>0</v>
      </c>
      <c r="CO38" s="280">
        <v>0</v>
      </c>
      <c r="CP38" s="281">
        <v>0</v>
      </c>
      <c r="CQ38" s="281">
        <v>1</v>
      </c>
      <c r="CR38" s="281">
        <v>3</v>
      </c>
      <c r="CS38" s="281">
        <v>1</v>
      </c>
      <c r="CT38" s="281">
        <v>0</v>
      </c>
      <c r="CU38" s="278">
        <v>5</v>
      </c>
      <c r="CV38" s="283">
        <v>5</v>
      </c>
      <c r="CW38" s="277">
        <v>0</v>
      </c>
      <c r="CX38" s="281">
        <v>0</v>
      </c>
      <c r="CY38" s="278">
        <v>0</v>
      </c>
      <c r="CZ38" s="280">
        <v>0</v>
      </c>
      <c r="DA38" s="281">
        <v>0</v>
      </c>
      <c r="DB38" s="281">
        <v>0</v>
      </c>
      <c r="DC38" s="281">
        <v>0</v>
      </c>
      <c r="DD38" s="281">
        <v>0</v>
      </c>
      <c r="DE38" s="281">
        <v>0</v>
      </c>
      <c r="DF38" s="278">
        <v>0</v>
      </c>
      <c r="DG38" s="283">
        <v>0</v>
      </c>
      <c r="DH38" s="277">
        <v>0</v>
      </c>
      <c r="DI38" s="281">
        <v>0</v>
      </c>
      <c r="DJ38" s="278">
        <v>0</v>
      </c>
      <c r="DK38" s="280">
        <v>0</v>
      </c>
      <c r="DL38" s="281">
        <v>0</v>
      </c>
      <c r="DM38" s="281">
        <v>0</v>
      </c>
      <c r="DN38" s="281">
        <v>0</v>
      </c>
      <c r="DO38" s="281">
        <v>0</v>
      </c>
      <c r="DP38" s="281">
        <v>0</v>
      </c>
      <c r="DQ38" s="278">
        <v>0</v>
      </c>
      <c r="DR38" s="283">
        <v>0</v>
      </c>
      <c r="DS38" s="277">
        <v>34</v>
      </c>
      <c r="DT38" s="281">
        <v>92</v>
      </c>
      <c r="DU38" s="278">
        <v>126</v>
      </c>
      <c r="DV38" s="280">
        <v>0</v>
      </c>
      <c r="DW38" s="281">
        <v>157</v>
      </c>
      <c r="DX38" s="281">
        <v>166</v>
      </c>
      <c r="DY38" s="281">
        <v>97</v>
      </c>
      <c r="DZ38" s="281">
        <v>74</v>
      </c>
      <c r="EA38" s="281">
        <v>41</v>
      </c>
      <c r="EB38" s="278">
        <v>535</v>
      </c>
      <c r="EC38" s="283">
        <v>661</v>
      </c>
      <c r="ED38" s="277">
        <v>2</v>
      </c>
      <c r="EE38" s="281">
        <v>2</v>
      </c>
      <c r="EF38" s="278">
        <v>4</v>
      </c>
      <c r="EG38" s="280">
        <v>0</v>
      </c>
      <c r="EH38" s="281">
        <v>7</v>
      </c>
      <c r="EI38" s="281">
        <v>16</v>
      </c>
      <c r="EJ38" s="281">
        <v>18</v>
      </c>
      <c r="EK38" s="281">
        <v>6</v>
      </c>
      <c r="EL38" s="281">
        <v>7</v>
      </c>
      <c r="EM38" s="278">
        <v>54</v>
      </c>
      <c r="EN38" s="283">
        <v>58</v>
      </c>
      <c r="EO38" s="277">
        <v>50</v>
      </c>
      <c r="EP38" s="281">
        <v>113</v>
      </c>
      <c r="EQ38" s="278">
        <v>163</v>
      </c>
      <c r="ER38" s="280">
        <v>0</v>
      </c>
      <c r="ES38" s="281">
        <v>273</v>
      </c>
      <c r="ET38" s="281">
        <v>233</v>
      </c>
      <c r="EU38" s="281">
        <v>136</v>
      </c>
      <c r="EV38" s="281">
        <v>87</v>
      </c>
      <c r="EW38" s="281">
        <v>53</v>
      </c>
      <c r="EX38" s="278">
        <v>782</v>
      </c>
      <c r="EY38" s="283">
        <v>945</v>
      </c>
    </row>
    <row r="39" spans="1:155" ht="19.5" customHeight="1" thickBot="1" x14ac:dyDescent="0.25">
      <c r="A39" s="263" t="s">
        <v>37</v>
      </c>
      <c r="B39" s="284">
        <v>0</v>
      </c>
      <c r="C39" s="288">
        <v>0</v>
      </c>
      <c r="D39" s="386">
        <v>0</v>
      </c>
      <c r="E39" s="287">
        <v>0</v>
      </c>
      <c r="F39" s="288">
        <v>5</v>
      </c>
      <c r="G39" s="288">
        <v>5</v>
      </c>
      <c r="H39" s="288">
        <v>6</v>
      </c>
      <c r="I39" s="288">
        <v>2</v>
      </c>
      <c r="J39" s="288">
        <v>3</v>
      </c>
      <c r="K39" s="289">
        <v>21</v>
      </c>
      <c r="L39" s="290">
        <v>21</v>
      </c>
      <c r="M39" s="284">
        <v>0</v>
      </c>
      <c r="N39" s="288">
        <v>0</v>
      </c>
      <c r="O39" s="285">
        <v>0</v>
      </c>
      <c r="P39" s="287">
        <v>0</v>
      </c>
      <c r="Q39" s="288">
        <v>0</v>
      </c>
      <c r="R39" s="288">
        <v>0</v>
      </c>
      <c r="S39" s="288">
        <v>1</v>
      </c>
      <c r="T39" s="288">
        <v>0</v>
      </c>
      <c r="U39" s="288">
        <v>0</v>
      </c>
      <c r="V39" s="285">
        <v>1</v>
      </c>
      <c r="W39" s="290">
        <v>1</v>
      </c>
      <c r="X39" s="284">
        <v>1</v>
      </c>
      <c r="Y39" s="288">
        <v>1</v>
      </c>
      <c r="Z39" s="285">
        <v>2</v>
      </c>
      <c r="AA39" s="287">
        <v>0</v>
      </c>
      <c r="AB39" s="288">
        <v>5</v>
      </c>
      <c r="AC39" s="288">
        <v>4</v>
      </c>
      <c r="AD39" s="288">
        <v>3</v>
      </c>
      <c r="AE39" s="288">
        <v>5</v>
      </c>
      <c r="AF39" s="288">
        <v>1</v>
      </c>
      <c r="AG39" s="285">
        <v>18</v>
      </c>
      <c r="AH39" s="290">
        <v>20</v>
      </c>
      <c r="AI39" s="284">
        <v>0</v>
      </c>
      <c r="AJ39" s="288">
        <v>0</v>
      </c>
      <c r="AK39" s="285">
        <v>0</v>
      </c>
      <c r="AL39" s="287">
        <v>0</v>
      </c>
      <c r="AM39" s="288">
        <v>1</v>
      </c>
      <c r="AN39" s="288">
        <v>1</v>
      </c>
      <c r="AO39" s="288">
        <v>0</v>
      </c>
      <c r="AP39" s="288">
        <v>1</v>
      </c>
      <c r="AQ39" s="288">
        <v>0</v>
      </c>
      <c r="AR39" s="285">
        <v>3</v>
      </c>
      <c r="AS39" s="290">
        <v>3</v>
      </c>
      <c r="AT39" s="284">
        <v>0</v>
      </c>
      <c r="AU39" s="288">
        <v>0</v>
      </c>
      <c r="AV39" s="285">
        <v>0</v>
      </c>
      <c r="AW39" s="287">
        <v>0</v>
      </c>
      <c r="AX39" s="288">
        <v>3</v>
      </c>
      <c r="AY39" s="288">
        <v>2</v>
      </c>
      <c r="AZ39" s="288">
        <v>6</v>
      </c>
      <c r="BA39" s="288">
        <v>4</v>
      </c>
      <c r="BB39" s="288">
        <v>3</v>
      </c>
      <c r="BC39" s="289">
        <v>18</v>
      </c>
      <c r="BD39" s="290">
        <v>18</v>
      </c>
      <c r="BE39" s="284">
        <v>0</v>
      </c>
      <c r="BF39" s="288">
        <v>0</v>
      </c>
      <c r="BG39" s="285">
        <v>0</v>
      </c>
      <c r="BH39" s="287">
        <v>0</v>
      </c>
      <c r="BI39" s="288">
        <v>7</v>
      </c>
      <c r="BJ39" s="288">
        <v>3</v>
      </c>
      <c r="BK39" s="288">
        <v>5</v>
      </c>
      <c r="BL39" s="288">
        <v>1</v>
      </c>
      <c r="BM39" s="288">
        <v>1</v>
      </c>
      <c r="BN39" s="285">
        <v>17</v>
      </c>
      <c r="BO39" s="290">
        <v>17</v>
      </c>
      <c r="BP39" s="284">
        <v>0</v>
      </c>
      <c r="BQ39" s="288">
        <v>0</v>
      </c>
      <c r="BR39" s="285">
        <v>0</v>
      </c>
      <c r="BS39" s="287">
        <v>0</v>
      </c>
      <c r="BT39" s="288">
        <v>5</v>
      </c>
      <c r="BU39" s="288">
        <v>3</v>
      </c>
      <c r="BV39" s="288">
        <v>4</v>
      </c>
      <c r="BW39" s="288">
        <v>2</v>
      </c>
      <c r="BX39" s="288">
        <v>0</v>
      </c>
      <c r="BY39" s="285">
        <v>14</v>
      </c>
      <c r="BZ39" s="290">
        <v>14</v>
      </c>
      <c r="CA39" s="284">
        <v>0</v>
      </c>
      <c r="CB39" s="288">
        <v>0</v>
      </c>
      <c r="CC39" s="285">
        <v>0</v>
      </c>
      <c r="CD39" s="287">
        <v>0</v>
      </c>
      <c r="CE39" s="288">
        <v>1</v>
      </c>
      <c r="CF39" s="288">
        <v>1</v>
      </c>
      <c r="CG39" s="288">
        <v>4</v>
      </c>
      <c r="CH39" s="288">
        <v>2</v>
      </c>
      <c r="CI39" s="288">
        <v>1</v>
      </c>
      <c r="CJ39" s="285">
        <v>9</v>
      </c>
      <c r="CK39" s="290">
        <v>9</v>
      </c>
      <c r="CL39" s="284">
        <v>0</v>
      </c>
      <c r="CM39" s="288">
        <v>0</v>
      </c>
      <c r="CN39" s="285">
        <v>0</v>
      </c>
      <c r="CO39" s="287">
        <v>0</v>
      </c>
      <c r="CP39" s="288">
        <v>0</v>
      </c>
      <c r="CQ39" s="288">
        <v>0</v>
      </c>
      <c r="CR39" s="288">
        <v>1</v>
      </c>
      <c r="CS39" s="288">
        <v>2</v>
      </c>
      <c r="CT39" s="288">
        <v>0</v>
      </c>
      <c r="CU39" s="285">
        <v>3</v>
      </c>
      <c r="CV39" s="290">
        <v>3</v>
      </c>
      <c r="CW39" s="284">
        <v>0</v>
      </c>
      <c r="CX39" s="288">
        <v>0</v>
      </c>
      <c r="CY39" s="285">
        <v>0</v>
      </c>
      <c r="CZ39" s="287">
        <v>0</v>
      </c>
      <c r="DA39" s="288">
        <v>0</v>
      </c>
      <c r="DB39" s="288">
        <v>0</v>
      </c>
      <c r="DC39" s="288">
        <v>0</v>
      </c>
      <c r="DD39" s="288">
        <v>0</v>
      </c>
      <c r="DE39" s="288">
        <v>0</v>
      </c>
      <c r="DF39" s="285">
        <v>0</v>
      </c>
      <c r="DG39" s="290">
        <v>0</v>
      </c>
      <c r="DH39" s="284">
        <v>0</v>
      </c>
      <c r="DI39" s="288">
        <v>0</v>
      </c>
      <c r="DJ39" s="285">
        <v>0</v>
      </c>
      <c r="DK39" s="287">
        <v>0</v>
      </c>
      <c r="DL39" s="288">
        <v>0</v>
      </c>
      <c r="DM39" s="288">
        <v>0</v>
      </c>
      <c r="DN39" s="288">
        <v>0</v>
      </c>
      <c r="DO39" s="288">
        <v>0</v>
      </c>
      <c r="DP39" s="288">
        <v>0</v>
      </c>
      <c r="DQ39" s="285">
        <v>0</v>
      </c>
      <c r="DR39" s="290">
        <v>0</v>
      </c>
      <c r="DS39" s="284">
        <v>7</v>
      </c>
      <c r="DT39" s="288">
        <v>5</v>
      </c>
      <c r="DU39" s="285">
        <v>12</v>
      </c>
      <c r="DV39" s="287">
        <v>0</v>
      </c>
      <c r="DW39" s="288">
        <v>25</v>
      </c>
      <c r="DX39" s="288">
        <v>15</v>
      </c>
      <c r="DY39" s="288">
        <v>17</v>
      </c>
      <c r="DZ39" s="288">
        <v>8</v>
      </c>
      <c r="EA39" s="288">
        <v>3</v>
      </c>
      <c r="EB39" s="285">
        <v>68</v>
      </c>
      <c r="EC39" s="290">
        <v>80</v>
      </c>
      <c r="ED39" s="284">
        <v>0</v>
      </c>
      <c r="EE39" s="288">
        <v>0</v>
      </c>
      <c r="EF39" s="285">
        <v>0</v>
      </c>
      <c r="EG39" s="287">
        <v>0</v>
      </c>
      <c r="EH39" s="288">
        <v>0</v>
      </c>
      <c r="EI39" s="288">
        <v>0</v>
      </c>
      <c r="EJ39" s="288">
        <v>0</v>
      </c>
      <c r="EK39" s="288">
        <v>1</v>
      </c>
      <c r="EL39" s="288">
        <v>1</v>
      </c>
      <c r="EM39" s="285">
        <v>2</v>
      </c>
      <c r="EN39" s="290">
        <v>2</v>
      </c>
      <c r="EO39" s="284">
        <v>10</v>
      </c>
      <c r="EP39" s="288">
        <v>6</v>
      </c>
      <c r="EQ39" s="285">
        <v>16</v>
      </c>
      <c r="ER39" s="287">
        <v>0</v>
      </c>
      <c r="ES39" s="288">
        <v>37</v>
      </c>
      <c r="ET39" s="288">
        <v>19</v>
      </c>
      <c r="EU39" s="288">
        <v>19</v>
      </c>
      <c r="EV39" s="288">
        <v>9</v>
      </c>
      <c r="EW39" s="288">
        <v>3</v>
      </c>
      <c r="EX39" s="285">
        <v>87</v>
      </c>
      <c r="EY39" s="290">
        <v>103</v>
      </c>
    </row>
  </sheetData>
  <mergeCells count="59">
    <mergeCell ref="EO3:EY3"/>
    <mergeCell ref="ED3:EN3"/>
    <mergeCell ref="ER4:EX4"/>
    <mergeCell ref="EY4:EY5"/>
    <mergeCell ref="EC4:EC5"/>
    <mergeCell ref="ED4:EF4"/>
    <mergeCell ref="EG4:EM4"/>
    <mergeCell ref="EN4:EN5"/>
    <mergeCell ref="EO4:EQ4"/>
    <mergeCell ref="DS3:EC3"/>
    <mergeCell ref="DS4:DU4"/>
    <mergeCell ref="DV4:EB4"/>
    <mergeCell ref="DH3:DR3"/>
    <mergeCell ref="DH4:DJ4"/>
    <mergeCell ref="DK4:DQ4"/>
    <mergeCell ref="DR4:DR5"/>
    <mergeCell ref="BH4:BN4"/>
    <mergeCell ref="CW3:DG3"/>
    <mergeCell ref="CL3:CV3"/>
    <mergeCell ref="CW4:CY4"/>
    <mergeCell ref="CZ4:DF4"/>
    <mergeCell ref="DG4:DG5"/>
    <mergeCell ref="H1:I1"/>
    <mergeCell ref="K1:L1"/>
    <mergeCell ref="BE3:BO3"/>
    <mergeCell ref="BP3:BZ3"/>
    <mergeCell ref="CA3:CK3"/>
    <mergeCell ref="A3:A5"/>
    <mergeCell ref="M3:W3"/>
    <mergeCell ref="X3:AH3"/>
    <mergeCell ref="AI3:AS3"/>
    <mergeCell ref="AT3:BD3"/>
    <mergeCell ref="B3:L3"/>
    <mergeCell ref="B4:D4"/>
    <mergeCell ref="E4:K4"/>
    <mergeCell ref="L4:L5"/>
    <mergeCell ref="BD4:BD5"/>
    <mergeCell ref="M4:O4"/>
    <mergeCell ref="P4:V4"/>
    <mergeCell ref="AI4:AK4"/>
    <mergeCell ref="AL4:AR4"/>
    <mergeCell ref="AS4:AS5"/>
    <mergeCell ref="AT4:AV4"/>
    <mergeCell ref="W4:W5"/>
    <mergeCell ref="X4:Z4"/>
    <mergeCell ref="AA4:AG4"/>
    <mergeCell ref="AH4:AH5"/>
    <mergeCell ref="CV4:CV5"/>
    <mergeCell ref="BP4:BR4"/>
    <mergeCell ref="BS4:BY4"/>
    <mergeCell ref="BO4:BO5"/>
    <mergeCell ref="CA4:CC4"/>
    <mergeCell ref="CD4:CJ4"/>
    <mergeCell ref="CK4:CK5"/>
    <mergeCell ref="CL4:CN4"/>
    <mergeCell ref="CO4:CU4"/>
    <mergeCell ref="BZ4:BZ5"/>
    <mergeCell ref="AW4:BC4"/>
    <mergeCell ref="BE4:BG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26"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10.21875" style="256" customWidth="1"/>
    <col min="7" max="7" width="10.44140625" style="256" customWidth="1"/>
    <col min="8" max="15" width="9" style="256"/>
    <col min="16" max="16" width="7.21875" style="256" customWidth="1"/>
    <col min="17" max="26" width="9" style="256"/>
    <col min="27" max="27" width="7.6640625" style="256" customWidth="1"/>
    <col min="28" max="37" width="9" style="256"/>
    <col min="38" max="38" width="7.6640625" style="256" customWidth="1"/>
    <col min="39" max="48" width="9" style="256"/>
    <col min="49" max="49" width="7.21875" style="256" customWidth="1"/>
    <col min="50" max="59" width="9" style="256"/>
    <col min="60" max="60" width="7.21875" style="256" customWidth="1"/>
    <col min="61" max="70" width="9" style="256"/>
    <col min="71" max="71" width="7.33203125" style="256" customWidth="1"/>
    <col min="72" max="81" width="9" style="256"/>
    <col min="82" max="82" width="7.44140625" style="256" customWidth="1"/>
    <col min="83" max="92" width="9" style="256"/>
    <col min="93" max="93" width="7.6640625" style="256" customWidth="1"/>
    <col min="94" max="103" width="9" style="256"/>
    <col min="104" max="104" width="7.44140625" style="256" customWidth="1"/>
    <col min="105" max="114" width="9" style="256"/>
    <col min="115" max="115" width="7.44140625" style="256" customWidth="1"/>
    <col min="116" max="125" width="9" style="256"/>
    <col min="126" max="126" width="7.44140625" style="256" customWidth="1"/>
    <col min="127" max="136" width="9" style="256"/>
    <col min="137" max="137" width="7.33203125" style="256" customWidth="1"/>
    <col min="138" max="147" width="9" style="256"/>
    <col min="148" max="148" width="7.77734375" style="256" customWidth="1"/>
    <col min="149" max="16384" width="9" style="256"/>
  </cols>
  <sheetData>
    <row r="1" spans="1:155" ht="24" customHeight="1" x14ac:dyDescent="0.2">
      <c r="A1" s="291" t="s">
        <v>122</v>
      </c>
      <c r="H1" s="528">
        <f>第１表!F2</f>
        <v>4</v>
      </c>
      <c r="I1" s="528"/>
      <c r="J1" s="248">
        <f>第１表!G2</f>
        <v>5</v>
      </c>
      <c r="K1" s="529">
        <f>IF(J1&lt;3,J1+12-2,J1-2)</f>
        <v>3</v>
      </c>
      <c r="L1" s="529"/>
    </row>
    <row r="2" spans="1:155" ht="21" customHeight="1" thickBot="1" x14ac:dyDescent="0.25">
      <c r="A2" s="291" t="s">
        <v>131</v>
      </c>
      <c r="F2" s="247"/>
      <c r="G2" s="248"/>
      <c r="I2" s="323"/>
      <c r="J2" s="323"/>
    </row>
    <row r="3" spans="1:155" ht="23.25" customHeight="1" thickBot="1" x14ac:dyDescent="0.25">
      <c r="A3" s="537"/>
      <c r="B3" s="540" t="s">
        <v>70</v>
      </c>
      <c r="C3" s="541"/>
      <c r="D3" s="541"/>
      <c r="E3" s="541"/>
      <c r="F3" s="541"/>
      <c r="G3" s="541"/>
      <c r="H3" s="541"/>
      <c r="I3" s="541"/>
      <c r="J3" s="541"/>
      <c r="K3" s="541"/>
      <c r="L3" s="542"/>
      <c r="M3" s="540" t="s">
        <v>71</v>
      </c>
      <c r="N3" s="541"/>
      <c r="O3" s="541"/>
      <c r="P3" s="541"/>
      <c r="Q3" s="541"/>
      <c r="R3" s="541"/>
      <c r="S3" s="541"/>
      <c r="T3" s="541"/>
      <c r="U3" s="541"/>
      <c r="V3" s="541"/>
      <c r="W3" s="542"/>
      <c r="X3" s="540" t="s">
        <v>72</v>
      </c>
      <c r="Y3" s="541"/>
      <c r="Z3" s="541"/>
      <c r="AA3" s="541"/>
      <c r="AB3" s="541"/>
      <c r="AC3" s="541"/>
      <c r="AD3" s="541"/>
      <c r="AE3" s="541"/>
      <c r="AF3" s="541"/>
      <c r="AG3" s="541"/>
      <c r="AH3" s="542"/>
      <c r="AI3" s="540" t="s">
        <v>73</v>
      </c>
      <c r="AJ3" s="541"/>
      <c r="AK3" s="541"/>
      <c r="AL3" s="541"/>
      <c r="AM3" s="541"/>
      <c r="AN3" s="541"/>
      <c r="AO3" s="541"/>
      <c r="AP3" s="541"/>
      <c r="AQ3" s="541"/>
      <c r="AR3" s="541"/>
      <c r="AS3" s="542"/>
      <c r="AT3" s="540" t="s">
        <v>74</v>
      </c>
      <c r="AU3" s="541"/>
      <c r="AV3" s="541"/>
      <c r="AW3" s="541"/>
      <c r="AX3" s="541"/>
      <c r="AY3" s="541"/>
      <c r="AZ3" s="541"/>
      <c r="BA3" s="541"/>
      <c r="BB3" s="541"/>
      <c r="BC3" s="541"/>
      <c r="BD3" s="542"/>
      <c r="BE3" s="540" t="s">
        <v>75</v>
      </c>
      <c r="BF3" s="541"/>
      <c r="BG3" s="541"/>
      <c r="BH3" s="541"/>
      <c r="BI3" s="541"/>
      <c r="BJ3" s="541"/>
      <c r="BK3" s="541"/>
      <c r="BL3" s="541"/>
      <c r="BM3" s="541"/>
      <c r="BN3" s="541"/>
      <c r="BO3" s="542"/>
      <c r="BP3" s="540" t="s">
        <v>76</v>
      </c>
      <c r="BQ3" s="541"/>
      <c r="BR3" s="541"/>
      <c r="BS3" s="541"/>
      <c r="BT3" s="541"/>
      <c r="BU3" s="541"/>
      <c r="BV3" s="541"/>
      <c r="BW3" s="541"/>
      <c r="BX3" s="541"/>
      <c r="BY3" s="541"/>
      <c r="BZ3" s="542"/>
      <c r="CA3" s="540" t="s">
        <v>77</v>
      </c>
      <c r="CB3" s="541"/>
      <c r="CC3" s="541"/>
      <c r="CD3" s="541"/>
      <c r="CE3" s="541"/>
      <c r="CF3" s="541"/>
      <c r="CG3" s="541"/>
      <c r="CH3" s="541"/>
      <c r="CI3" s="541"/>
      <c r="CJ3" s="541"/>
      <c r="CK3" s="542"/>
      <c r="CL3" s="540" t="s">
        <v>78</v>
      </c>
      <c r="CM3" s="541"/>
      <c r="CN3" s="541"/>
      <c r="CO3" s="541"/>
      <c r="CP3" s="541"/>
      <c r="CQ3" s="541"/>
      <c r="CR3" s="541"/>
      <c r="CS3" s="541"/>
      <c r="CT3" s="541"/>
      <c r="CU3" s="541"/>
      <c r="CV3" s="542"/>
      <c r="CW3" s="540" t="s">
        <v>79</v>
      </c>
      <c r="CX3" s="541"/>
      <c r="CY3" s="541"/>
      <c r="CZ3" s="541"/>
      <c r="DA3" s="541"/>
      <c r="DB3" s="541"/>
      <c r="DC3" s="541"/>
      <c r="DD3" s="541"/>
      <c r="DE3" s="541"/>
      <c r="DF3" s="541"/>
      <c r="DG3" s="542"/>
      <c r="DH3" s="540" t="s">
        <v>152</v>
      </c>
      <c r="DI3" s="541"/>
      <c r="DJ3" s="541"/>
      <c r="DK3" s="541"/>
      <c r="DL3" s="541"/>
      <c r="DM3" s="541"/>
      <c r="DN3" s="541"/>
      <c r="DO3" s="541"/>
      <c r="DP3" s="541"/>
      <c r="DQ3" s="541"/>
      <c r="DR3" s="542"/>
      <c r="DS3" s="540" t="s">
        <v>80</v>
      </c>
      <c r="DT3" s="541"/>
      <c r="DU3" s="541"/>
      <c r="DV3" s="541"/>
      <c r="DW3" s="541"/>
      <c r="DX3" s="541"/>
      <c r="DY3" s="541"/>
      <c r="DZ3" s="541"/>
      <c r="EA3" s="541"/>
      <c r="EB3" s="541"/>
      <c r="EC3" s="542"/>
      <c r="ED3" s="540" t="s">
        <v>68</v>
      </c>
      <c r="EE3" s="541"/>
      <c r="EF3" s="541"/>
      <c r="EG3" s="541"/>
      <c r="EH3" s="541"/>
      <c r="EI3" s="541"/>
      <c r="EJ3" s="541"/>
      <c r="EK3" s="541"/>
      <c r="EL3" s="541"/>
      <c r="EM3" s="541"/>
      <c r="EN3" s="542"/>
      <c r="EO3" s="543" t="s">
        <v>69</v>
      </c>
      <c r="EP3" s="544"/>
      <c r="EQ3" s="544"/>
      <c r="ER3" s="544"/>
      <c r="ES3" s="544"/>
      <c r="ET3" s="544"/>
      <c r="EU3" s="544"/>
      <c r="EV3" s="544"/>
      <c r="EW3" s="544"/>
      <c r="EX3" s="544"/>
      <c r="EY3" s="545"/>
    </row>
    <row r="4" spans="1:155"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4"/>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c r="DH4" s="532" t="s">
        <v>61</v>
      </c>
      <c r="DI4" s="533"/>
      <c r="DJ4" s="534"/>
      <c r="DK4" s="535" t="s">
        <v>62</v>
      </c>
      <c r="DL4" s="533"/>
      <c r="DM4" s="533"/>
      <c r="DN4" s="533"/>
      <c r="DO4" s="533"/>
      <c r="DP4" s="533"/>
      <c r="DQ4" s="534"/>
      <c r="DR4" s="530" t="s">
        <v>52</v>
      </c>
      <c r="DS4" s="532" t="s">
        <v>61</v>
      </c>
      <c r="DT4" s="533"/>
      <c r="DU4" s="534"/>
      <c r="DV4" s="535" t="s">
        <v>62</v>
      </c>
      <c r="DW4" s="533"/>
      <c r="DX4" s="533"/>
      <c r="DY4" s="533"/>
      <c r="DZ4" s="533"/>
      <c r="EA4" s="533"/>
      <c r="EB4" s="534"/>
      <c r="EC4" s="530" t="s">
        <v>52</v>
      </c>
      <c r="ED4" s="532" t="s">
        <v>61</v>
      </c>
      <c r="EE4" s="533"/>
      <c r="EF4" s="534"/>
      <c r="EG4" s="535" t="s">
        <v>62</v>
      </c>
      <c r="EH4" s="533"/>
      <c r="EI4" s="533"/>
      <c r="EJ4" s="533"/>
      <c r="EK4" s="533"/>
      <c r="EL4" s="533"/>
      <c r="EM4" s="534"/>
      <c r="EN4" s="530" t="s">
        <v>52</v>
      </c>
      <c r="EO4" s="532" t="s">
        <v>61</v>
      </c>
      <c r="EP4" s="533"/>
      <c r="EQ4" s="534"/>
      <c r="ER4" s="535" t="s">
        <v>62</v>
      </c>
      <c r="ES4" s="533"/>
      <c r="ET4" s="533"/>
      <c r="EU4" s="533"/>
      <c r="EV4" s="533"/>
      <c r="EW4" s="533"/>
      <c r="EX4" s="534"/>
      <c r="EY4" s="530" t="s">
        <v>52</v>
      </c>
    </row>
    <row r="5" spans="1:155" ht="34.5" customHeight="1" thickBot="1" x14ac:dyDescent="0.25">
      <c r="A5" s="539"/>
      <c r="B5" s="324" t="s">
        <v>43</v>
      </c>
      <c r="C5" s="260" t="s">
        <v>44</v>
      </c>
      <c r="D5" s="383" t="s">
        <v>45</v>
      </c>
      <c r="E5" s="268" t="s">
        <v>83</v>
      </c>
      <c r="F5" s="260" t="s">
        <v>47</v>
      </c>
      <c r="G5" s="260" t="s">
        <v>48</v>
      </c>
      <c r="H5" s="260" t="s">
        <v>49</v>
      </c>
      <c r="I5" s="260" t="s">
        <v>50</v>
      </c>
      <c r="J5" s="260" t="s">
        <v>51</v>
      </c>
      <c r="K5" s="269" t="s">
        <v>45</v>
      </c>
      <c r="L5" s="531"/>
      <c r="M5" s="324" t="s">
        <v>43</v>
      </c>
      <c r="N5" s="260" t="s">
        <v>44</v>
      </c>
      <c r="O5" s="266" t="s">
        <v>45</v>
      </c>
      <c r="P5" s="268" t="s">
        <v>83</v>
      </c>
      <c r="Q5" s="260" t="s">
        <v>47</v>
      </c>
      <c r="R5" s="260" t="s">
        <v>48</v>
      </c>
      <c r="S5" s="260" t="s">
        <v>49</v>
      </c>
      <c r="T5" s="260" t="s">
        <v>50</v>
      </c>
      <c r="U5" s="260" t="s">
        <v>51</v>
      </c>
      <c r="V5" s="266" t="s">
        <v>45</v>
      </c>
      <c r="W5" s="531"/>
      <c r="X5" s="324" t="s">
        <v>43</v>
      </c>
      <c r="Y5" s="260" t="s">
        <v>44</v>
      </c>
      <c r="Z5" s="266" t="s">
        <v>45</v>
      </c>
      <c r="AA5" s="268" t="s">
        <v>83</v>
      </c>
      <c r="AB5" s="260" t="s">
        <v>47</v>
      </c>
      <c r="AC5" s="260" t="s">
        <v>48</v>
      </c>
      <c r="AD5" s="260" t="s">
        <v>49</v>
      </c>
      <c r="AE5" s="260" t="s">
        <v>50</v>
      </c>
      <c r="AF5" s="260" t="s">
        <v>51</v>
      </c>
      <c r="AG5" s="266" t="s">
        <v>45</v>
      </c>
      <c r="AH5" s="531"/>
      <c r="AI5" s="324" t="s">
        <v>43</v>
      </c>
      <c r="AJ5" s="260" t="s">
        <v>44</v>
      </c>
      <c r="AK5" s="266" t="s">
        <v>45</v>
      </c>
      <c r="AL5" s="268" t="s">
        <v>83</v>
      </c>
      <c r="AM5" s="260" t="s">
        <v>47</v>
      </c>
      <c r="AN5" s="260" t="s">
        <v>48</v>
      </c>
      <c r="AO5" s="260" t="s">
        <v>49</v>
      </c>
      <c r="AP5" s="260" t="s">
        <v>50</v>
      </c>
      <c r="AQ5" s="260" t="s">
        <v>51</v>
      </c>
      <c r="AR5" s="266" t="s">
        <v>45</v>
      </c>
      <c r="AS5" s="531"/>
      <c r="AT5" s="324" t="s">
        <v>43</v>
      </c>
      <c r="AU5" s="260" t="s">
        <v>44</v>
      </c>
      <c r="AV5" s="266" t="s">
        <v>45</v>
      </c>
      <c r="AW5" s="268" t="s">
        <v>83</v>
      </c>
      <c r="AX5" s="260" t="s">
        <v>47</v>
      </c>
      <c r="AY5" s="260" t="s">
        <v>48</v>
      </c>
      <c r="AZ5" s="260" t="s">
        <v>49</v>
      </c>
      <c r="BA5" s="260" t="s">
        <v>50</v>
      </c>
      <c r="BB5" s="260" t="s">
        <v>51</v>
      </c>
      <c r="BC5" s="269" t="s">
        <v>45</v>
      </c>
      <c r="BD5" s="531"/>
      <c r="BE5" s="324" t="s">
        <v>43</v>
      </c>
      <c r="BF5" s="260" t="s">
        <v>44</v>
      </c>
      <c r="BG5" s="266" t="s">
        <v>45</v>
      </c>
      <c r="BH5" s="268" t="s">
        <v>83</v>
      </c>
      <c r="BI5" s="260" t="s">
        <v>47</v>
      </c>
      <c r="BJ5" s="260" t="s">
        <v>48</v>
      </c>
      <c r="BK5" s="260" t="s">
        <v>49</v>
      </c>
      <c r="BL5" s="260" t="s">
        <v>50</v>
      </c>
      <c r="BM5" s="260" t="s">
        <v>51</v>
      </c>
      <c r="BN5" s="266" t="s">
        <v>45</v>
      </c>
      <c r="BO5" s="531"/>
      <c r="BP5" s="324" t="s">
        <v>43</v>
      </c>
      <c r="BQ5" s="260" t="s">
        <v>44</v>
      </c>
      <c r="BR5" s="266" t="s">
        <v>45</v>
      </c>
      <c r="BS5" s="268" t="s">
        <v>83</v>
      </c>
      <c r="BT5" s="260" t="s">
        <v>47</v>
      </c>
      <c r="BU5" s="260" t="s">
        <v>48</v>
      </c>
      <c r="BV5" s="260" t="s">
        <v>49</v>
      </c>
      <c r="BW5" s="260" t="s">
        <v>50</v>
      </c>
      <c r="BX5" s="260" t="s">
        <v>51</v>
      </c>
      <c r="BY5" s="266" t="s">
        <v>45</v>
      </c>
      <c r="BZ5" s="531"/>
      <c r="CA5" s="324" t="s">
        <v>43</v>
      </c>
      <c r="CB5" s="260" t="s">
        <v>44</v>
      </c>
      <c r="CC5" s="266" t="s">
        <v>45</v>
      </c>
      <c r="CD5" s="268" t="s">
        <v>83</v>
      </c>
      <c r="CE5" s="260" t="s">
        <v>47</v>
      </c>
      <c r="CF5" s="260" t="s">
        <v>48</v>
      </c>
      <c r="CG5" s="260" t="s">
        <v>49</v>
      </c>
      <c r="CH5" s="260" t="s">
        <v>50</v>
      </c>
      <c r="CI5" s="260" t="s">
        <v>51</v>
      </c>
      <c r="CJ5" s="266" t="s">
        <v>45</v>
      </c>
      <c r="CK5" s="531"/>
      <c r="CL5" s="324" t="s">
        <v>43</v>
      </c>
      <c r="CM5" s="260" t="s">
        <v>44</v>
      </c>
      <c r="CN5" s="266" t="s">
        <v>45</v>
      </c>
      <c r="CO5" s="268" t="s">
        <v>83</v>
      </c>
      <c r="CP5" s="260" t="s">
        <v>47</v>
      </c>
      <c r="CQ5" s="260" t="s">
        <v>48</v>
      </c>
      <c r="CR5" s="260" t="s">
        <v>49</v>
      </c>
      <c r="CS5" s="260" t="s">
        <v>50</v>
      </c>
      <c r="CT5" s="260" t="s">
        <v>51</v>
      </c>
      <c r="CU5" s="266" t="s">
        <v>45</v>
      </c>
      <c r="CV5" s="531"/>
      <c r="CW5" s="324" t="s">
        <v>43</v>
      </c>
      <c r="CX5" s="260" t="s">
        <v>44</v>
      </c>
      <c r="CY5" s="266" t="s">
        <v>45</v>
      </c>
      <c r="CZ5" s="268" t="s">
        <v>83</v>
      </c>
      <c r="DA5" s="260" t="s">
        <v>47</v>
      </c>
      <c r="DB5" s="260" t="s">
        <v>48</v>
      </c>
      <c r="DC5" s="260" t="s">
        <v>49</v>
      </c>
      <c r="DD5" s="260" t="s">
        <v>50</v>
      </c>
      <c r="DE5" s="260" t="s">
        <v>51</v>
      </c>
      <c r="DF5" s="266" t="s">
        <v>45</v>
      </c>
      <c r="DG5" s="531"/>
      <c r="DH5" s="345" t="s">
        <v>43</v>
      </c>
      <c r="DI5" s="260" t="s">
        <v>44</v>
      </c>
      <c r="DJ5" s="266" t="s">
        <v>45</v>
      </c>
      <c r="DK5" s="268" t="s">
        <v>83</v>
      </c>
      <c r="DL5" s="260" t="s">
        <v>47</v>
      </c>
      <c r="DM5" s="260" t="s">
        <v>48</v>
      </c>
      <c r="DN5" s="260" t="s">
        <v>49</v>
      </c>
      <c r="DO5" s="260" t="s">
        <v>50</v>
      </c>
      <c r="DP5" s="260" t="s">
        <v>51</v>
      </c>
      <c r="DQ5" s="266" t="s">
        <v>45</v>
      </c>
      <c r="DR5" s="531"/>
      <c r="DS5" s="324" t="s">
        <v>43</v>
      </c>
      <c r="DT5" s="260" t="s">
        <v>44</v>
      </c>
      <c r="DU5" s="266" t="s">
        <v>45</v>
      </c>
      <c r="DV5" s="268" t="s">
        <v>83</v>
      </c>
      <c r="DW5" s="260" t="s">
        <v>47</v>
      </c>
      <c r="DX5" s="260" t="s">
        <v>48</v>
      </c>
      <c r="DY5" s="260" t="s">
        <v>49</v>
      </c>
      <c r="DZ5" s="260" t="s">
        <v>50</v>
      </c>
      <c r="EA5" s="260" t="s">
        <v>51</v>
      </c>
      <c r="EB5" s="266" t="s">
        <v>45</v>
      </c>
      <c r="EC5" s="531"/>
      <c r="ED5" s="324" t="s">
        <v>43</v>
      </c>
      <c r="EE5" s="260" t="s">
        <v>44</v>
      </c>
      <c r="EF5" s="266" t="s">
        <v>45</v>
      </c>
      <c r="EG5" s="268" t="s">
        <v>83</v>
      </c>
      <c r="EH5" s="260" t="s">
        <v>47</v>
      </c>
      <c r="EI5" s="260" t="s">
        <v>48</v>
      </c>
      <c r="EJ5" s="260" t="s">
        <v>49</v>
      </c>
      <c r="EK5" s="260" t="s">
        <v>50</v>
      </c>
      <c r="EL5" s="260" t="s">
        <v>51</v>
      </c>
      <c r="EM5" s="266" t="s">
        <v>45</v>
      </c>
      <c r="EN5" s="531"/>
      <c r="EO5" s="324" t="s">
        <v>43</v>
      </c>
      <c r="EP5" s="260" t="s">
        <v>44</v>
      </c>
      <c r="EQ5" s="266" t="s">
        <v>45</v>
      </c>
      <c r="ER5" s="268" t="s">
        <v>83</v>
      </c>
      <c r="ES5" s="260" t="s">
        <v>47</v>
      </c>
      <c r="ET5" s="260" t="s">
        <v>48</v>
      </c>
      <c r="EU5" s="260" t="s">
        <v>49</v>
      </c>
      <c r="EV5" s="260" t="s">
        <v>50</v>
      </c>
      <c r="EW5" s="260" t="s">
        <v>51</v>
      </c>
      <c r="EX5" s="266" t="s">
        <v>45</v>
      </c>
      <c r="EY5" s="531"/>
    </row>
    <row r="6" spans="1:155" ht="19.5" customHeight="1" x14ac:dyDescent="0.2">
      <c r="A6" s="261" t="s">
        <v>4</v>
      </c>
      <c r="B6" s="270">
        <v>0</v>
      </c>
      <c r="C6" s="274">
        <v>0</v>
      </c>
      <c r="D6" s="384">
        <v>0</v>
      </c>
      <c r="E6" s="273">
        <v>0</v>
      </c>
      <c r="F6" s="274">
        <v>1303</v>
      </c>
      <c r="G6" s="274">
        <v>1345</v>
      </c>
      <c r="H6" s="274">
        <v>812</v>
      </c>
      <c r="I6" s="274">
        <v>576</v>
      </c>
      <c r="J6" s="274">
        <v>396</v>
      </c>
      <c r="K6" s="275">
        <v>4432</v>
      </c>
      <c r="L6" s="276">
        <v>4432</v>
      </c>
      <c r="M6" s="270">
        <v>1</v>
      </c>
      <c r="N6" s="274">
        <v>3</v>
      </c>
      <c r="O6" s="271">
        <v>4</v>
      </c>
      <c r="P6" s="273">
        <v>0</v>
      </c>
      <c r="Q6" s="274">
        <v>11</v>
      </c>
      <c r="R6" s="274">
        <v>29</v>
      </c>
      <c r="S6" s="274">
        <v>60</v>
      </c>
      <c r="T6" s="274">
        <v>132</v>
      </c>
      <c r="U6" s="274">
        <v>210</v>
      </c>
      <c r="V6" s="271">
        <v>442</v>
      </c>
      <c r="W6" s="276">
        <v>446</v>
      </c>
      <c r="X6" s="270">
        <v>198</v>
      </c>
      <c r="Y6" s="274">
        <v>375</v>
      </c>
      <c r="Z6" s="271">
        <v>573</v>
      </c>
      <c r="AA6" s="273">
        <v>0</v>
      </c>
      <c r="AB6" s="274">
        <v>920</v>
      </c>
      <c r="AC6" s="274">
        <v>1173</v>
      </c>
      <c r="AD6" s="274">
        <v>705</v>
      </c>
      <c r="AE6" s="274">
        <v>571</v>
      </c>
      <c r="AF6" s="274">
        <v>357</v>
      </c>
      <c r="AG6" s="271">
        <v>3726</v>
      </c>
      <c r="AH6" s="276">
        <v>4299</v>
      </c>
      <c r="AI6" s="270">
        <v>23</v>
      </c>
      <c r="AJ6" s="274">
        <v>53</v>
      </c>
      <c r="AK6" s="271">
        <v>76</v>
      </c>
      <c r="AL6" s="273">
        <v>0</v>
      </c>
      <c r="AM6" s="274">
        <v>64</v>
      </c>
      <c r="AN6" s="274">
        <v>112</v>
      </c>
      <c r="AO6" s="274">
        <v>70</v>
      </c>
      <c r="AP6" s="274">
        <v>72</v>
      </c>
      <c r="AQ6" s="274">
        <v>39</v>
      </c>
      <c r="AR6" s="271">
        <v>357</v>
      </c>
      <c r="AS6" s="276">
        <v>433</v>
      </c>
      <c r="AT6" s="270">
        <v>312</v>
      </c>
      <c r="AU6" s="274">
        <v>327</v>
      </c>
      <c r="AV6" s="271">
        <v>639</v>
      </c>
      <c r="AW6" s="273">
        <v>0</v>
      </c>
      <c r="AX6" s="274">
        <v>1338</v>
      </c>
      <c r="AY6" s="274">
        <v>1624</v>
      </c>
      <c r="AZ6" s="274">
        <v>1440</v>
      </c>
      <c r="BA6" s="274">
        <v>1217</v>
      </c>
      <c r="BB6" s="274">
        <v>800</v>
      </c>
      <c r="BC6" s="275">
        <v>6419</v>
      </c>
      <c r="BD6" s="276">
        <v>7058</v>
      </c>
      <c r="BE6" s="270">
        <v>0</v>
      </c>
      <c r="BF6" s="274">
        <v>0</v>
      </c>
      <c r="BG6" s="271">
        <v>0</v>
      </c>
      <c r="BH6" s="273">
        <v>0</v>
      </c>
      <c r="BI6" s="274">
        <v>1585</v>
      </c>
      <c r="BJ6" s="274">
        <v>1333</v>
      </c>
      <c r="BK6" s="274">
        <v>808</v>
      </c>
      <c r="BL6" s="274">
        <v>380</v>
      </c>
      <c r="BM6" s="274">
        <v>155</v>
      </c>
      <c r="BN6" s="271">
        <v>4261</v>
      </c>
      <c r="BO6" s="276">
        <v>4261</v>
      </c>
      <c r="BP6" s="270">
        <v>119</v>
      </c>
      <c r="BQ6" s="274">
        <v>153</v>
      </c>
      <c r="BR6" s="271">
        <v>272</v>
      </c>
      <c r="BS6" s="273">
        <v>0</v>
      </c>
      <c r="BT6" s="274">
        <v>372</v>
      </c>
      <c r="BU6" s="274">
        <v>505</v>
      </c>
      <c r="BV6" s="274">
        <v>304</v>
      </c>
      <c r="BW6" s="274">
        <v>171</v>
      </c>
      <c r="BX6" s="274">
        <v>49</v>
      </c>
      <c r="BY6" s="271">
        <v>1401</v>
      </c>
      <c r="BZ6" s="276">
        <v>1673</v>
      </c>
      <c r="CA6" s="270">
        <v>5</v>
      </c>
      <c r="CB6" s="274">
        <v>19</v>
      </c>
      <c r="CC6" s="271">
        <v>24</v>
      </c>
      <c r="CD6" s="273">
        <v>0</v>
      </c>
      <c r="CE6" s="274">
        <v>170</v>
      </c>
      <c r="CF6" s="274">
        <v>189</v>
      </c>
      <c r="CG6" s="274">
        <v>274</v>
      </c>
      <c r="CH6" s="274">
        <v>217</v>
      </c>
      <c r="CI6" s="274">
        <v>81</v>
      </c>
      <c r="CJ6" s="271">
        <v>931</v>
      </c>
      <c r="CK6" s="276">
        <v>955</v>
      </c>
      <c r="CL6" s="270">
        <v>0</v>
      </c>
      <c r="CM6" s="274">
        <v>1</v>
      </c>
      <c r="CN6" s="271">
        <v>1</v>
      </c>
      <c r="CO6" s="273">
        <v>0</v>
      </c>
      <c r="CP6" s="274">
        <v>25</v>
      </c>
      <c r="CQ6" s="274">
        <v>41</v>
      </c>
      <c r="CR6" s="274">
        <v>43</v>
      </c>
      <c r="CS6" s="274">
        <v>34</v>
      </c>
      <c r="CT6" s="274">
        <v>21</v>
      </c>
      <c r="CU6" s="271">
        <v>164</v>
      </c>
      <c r="CV6" s="276">
        <v>165</v>
      </c>
      <c r="CW6" s="270">
        <v>0</v>
      </c>
      <c r="CX6" s="274">
        <v>0</v>
      </c>
      <c r="CY6" s="271">
        <v>0</v>
      </c>
      <c r="CZ6" s="273">
        <v>0</v>
      </c>
      <c r="DA6" s="274">
        <v>0</v>
      </c>
      <c r="DB6" s="274">
        <v>0</v>
      </c>
      <c r="DC6" s="274">
        <v>0</v>
      </c>
      <c r="DD6" s="274">
        <v>0</v>
      </c>
      <c r="DE6" s="274">
        <v>0</v>
      </c>
      <c r="DF6" s="271">
        <v>0</v>
      </c>
      <c r="DG6" s="276">
        <v>0</v>
      </c>
      <c r="DH6" s="270">
        <v>0</v>
      </c>
      <c r="DI6" s="274">
        <v>0</v>
      </c>
      <c r="DJ6" s="271">
        <v>0</v>
      </c>
      <c r="DK6" s="273">
        <v>0</v>
      </c>
      <c r="DL6" s="274">
        <v>0</v>
      </c>
      <c r="DM6" s="274">
        <v>0</v>
      </c>
      <c r="DN6" s="274">
        <v>0</v>
      </c>
      <c r="DO6" s="274">
        <v>0</v>
      </c>
      <c r="DP6" s="274">
        <v>0</v>
      </c>
      <c r="DQ6" s="271">
        <v>0</v>
      </c>
      <c r="DR6" s="276">
        <v>0</v>
      </c>
      <c r="DS6" s="270">
        <v>629</v>
      </c>
      <c r="DT6" s="274">
        <v>1180</v>
      </c>
      <c r="DU6" s="271">
        <v>1809</v>
      </c>
      <c r="DV6" s="273">
        <v>0</v>
      </c>
      <c r="DW6" s="274">
        <v>1825</v>
      </c>
      <c r="DX6" s="274">
        <v>3022</v>
      </c>
      <c r="DY6" s="274">
        <v>1888</v>
      </c>
      <c r="DZ6" s="274">
        <v>1336</v>
      </c>
      <c r="EA6" s="274">
        <v>728</v>
      </c>
      <c r="EB6" s="271">
        <v>8799</v>
      </c>
      <c r="EC6" s="276">
        <v>10608</v>
      </c>
      <c r="ED6" s="270">
        <v>195</v>
      </c>
      <c r="EE6" s="274">
        <v>143</v>
      </c>
      <c r="EF6" s="271">
        <v>338</v>
      </c>
      <c r="EG6" s="273">
        <v>0</v>
      </c>
      <c r="EH6" s="274">
        <v>569</v>
      </c>
      <c r="EI6" s="274">
        <v>529</v>
      </c>
      <c r="EJ6" s="274">
        <v>463</v>
      </c>
      <c r="EK6" s="274">
        <v>432</v>
      </c>
      <c r="EL6" s="274">
        <v>247</v>
      </c>
      <c r="EM6" s="271">
        <v>2240</v>
      </c>
      <c r="EN6" s="276">
        <v>2578</v>
      </c>
      <c r="EO6" s="270">
        <v>915</v>
      </c>
      <c r="EP6" s="274">
        <v>1529</v>
      </c>
      <c r="EQ6" s="271">
        <v>2444</v>
      </c>
      <c r="ER6" s="273">
        <v>0</v>
      </c>
      <c r="ES6" s="274">
        <v>4263</v>
      </c>
      <c r="ET6" s="274">
        <v>4210</v>
      </c>
      <c r="EU6" s="274">
        <v>2280</v>
      </c>
      <c r="EV6" s="274">
        <v>1440</v>
      </c>
      <c r="EW6" s="274">
        <v>745</v>
      </c>
      <c r="EX6" s="271">
        <v>12938</v>
      </c>
      <c r="EY6" s="276">
        <v>15382</v>
      </c>
    </row>
    <row r="7" spans="1:155" ht="19.5" customHeight="1" x14ac:dyDescent="0.2">
      <c r="A7" s="262" t="s">
        <v>5</v>
      </c>
      <c r="B7" s="277">
        <v>0</v>
      </c>
      <c r="C7" s="281">
        <v>0</v>
      </c>
      <c r="D7" s="385">
        <v>0</v>
      </c>
      <c r="E7" s="280">
        <v>0</v>
      </c>
      <c r="F7" s="281">
        <v>525</v>
      </c>
      <c r="G7" s="281">
        <v>688</v>
      </c>
      <c r="H7" s="281">
        <v>388</v>
      </c>
      <c r="I7" s="281">
        <v>242</v>
      </c>
      <c r="J7" s="281">
        <v>165</v>
      </c>
      <c r="K7" s="282">
        <v>2008</v>
      </c>
      <c r="L7" s="283">
        <v>2008</v>
      </c>
      <c r="M7" s="277">
        <v>1</v>
      </c>
      <c r="N7" s="281">
        <v>3</v>
      </c>
      <c r="O7" s="278">
        <v>4</v>
      </c>
      <c r="P7" s="280">
        <v>0</v>
      </c>
      <c r="Q7" s="281">
        <v>4</v>
      </c>
      <c r="R7" s="281">
        <v>16</v>
      </c>
      <c r="S7" s="281">
        <v>28</v>
      </c>
      <c r="T7" s="281">
        <v>54</v>
      </c>
      <c r="U7" s="281">
        <v>90</v>
      </c>
      <c r="V7" s="278">
        <v>192</v>
      </c>
      <c r="W7" s="283">
        <v>196</v>
      </c>
      <c r="X7" s="277">
        <v>88</v>
      </c>
      <c r="Y7" s="281">
        <v>206</v>
      </c>
      <c r="Z7" s="278">
        <v>294</v>
      </c>
      <c r="AA7" s="280">
        <v>0</v>
      </c>
      <c r="AB7" s="281">
        <v>344</v>
      </c>
      <c r="AC7" s="281">
        <v>626</v>
      </c>
      <c r="AD7" s="281">
        <v>361</v>
      </c>
      <c r="AE7" s="281">
        <v>258</v>
      </c>
      <c r="AF7" s="281">
        <v>159</v>
      </c>
      <c r="AG7" s="278">
        <v>1748</v>
      </c>
      <c r="AH7" s="283">
        <v>2042</v>
      </c>
      <c r="AI7" s="277">
        <v>10</v>
      </c>
      <c r="AJ7" s="281">
        <v>30</v>
      </c>
      <c r="AK7" s="278">
        <v>40</v>
      </c>
      <c r="AL7" s="280">
        <v>0</v>
      </c>
      <c r="AM7" s="281">
        <v>14</v>
      </c>
      <c r="AN7" s="281">
        <v>56</v>
      </c>
      <c r="AO7" s="281">
        <v>28</v>
      </c>
      <c r="AP7" s="281">
        <v>28</v>
      </c>
      <c r="AQ7" s="281">
        <v>16</v>
      </c>
      <c r="AR7" s="278">
        <v>142</v>
      </c>
      <c r="AS7" s="283">
        <v>182</v>
      </c>
      <c r="AT7" s="277">
        <v>138</v>
      </c>
      <c r="AU7" s="281">
        <v>159</v>
      </c>
      <c r="AV7" s="278">
        <v>297</v>
      </c>
      <c r="AW7" s="280">
        <v>0</v>
      </c>
      <c r="AX7" s="281">
        <v>468</v>
      </c>
      <c r="AY7" s="281">
        <v>769</v>
      </c>
      <c r="AZ7" s="281">
        <v>640</v>
      </c>
      <c r="BA7" s="281">
        <v>501</v>
      </c>
      <c r="BB7" s="281">
        <v>349</v>
      </c>
      <c r="BC7" s="282">
        <v>2727</v>
      </c>
      <c r="BD7" s="283">
        <v>3024</v>
      </c>
      <c r="BE7" s="277">
        <v>0</v>
      </c>
      <c r="BF7" s="281">
        <v>0</v>
      </c>
      <c r="BG7" s="278">
        <v>0</v>
      </c>
      <c r="BH7" s="280">
        <v>0</v>
      </c>
      <c r="BI7" s="281">
        <v>590</v>
      </c>
      <c r="BJ7" s="281">
        <v>598</v>
      </c>
      <c r="BK7" s="281">
        <v>332</v>
      </c>
      <c r="BL7" s="281">
        <v>139</v>
      </c>
      <c r="BM7" s="281">
        <v>58</v>
      </c>
      <c r="BN7" s="278">
        <v>1717</v>
      </c>
      <c r="BO7" s="283">
        <v>1717</v>
      </c>
      <c r="BP7" s="277">
        <v>61</v>
      </c>
      <c r="BQ7" s="281">
        <v>84</v>
      </c>
      <c r="BR7" s="278">
        <v>145</v>
      </c>
      <c r="BS7" s="280">
        <v>0</v>
      </c>
      <c r="BT7" s="281">
        <v>138</v>
      </c>
      <c r="BU7" s="281">
        <v>224</v>
      </c>
      <c r="BV7" s="281">
        <v>149</v>
      </c>
      <c r="BW7" s="281">
        <v>70</v>
      </c>
      <c r="BX7" s="281">
        <v>21</v>
      </c>
      <c r="BY7" s="278">
        <v>602</v>
      </c>
      <c r="BZ7" s="283">
        <v>747</v>
      </c>
      <c r="CA7" s="277">
        <v>2</v>
      </c>
      <c r="CB7" s="281">
        <v>11</v>
      </c>
      <c r="CC7" s="278">
        <v>13</v>
      </c>
      <c r="CD7" s="280">
        <v>0</v>
      </c>
      <c r="CE7" s="281">
        <v>51</v>
      </c>
      <c r="CF7" s="281">
        <v>64</v>
      </c>
      <c r="CG7" s="281">
        <v>110</v>
      </c>
      <c r="CH7" s="281">
        <v>79</v>
      </c>
      <c r="CI7" s="281">
        <v>32</v>
      </c>
      <c r="CJ7" s="278">
        <v>336</v>
      </c>
      <c r="CK7" s="283">
        <v>349</v>
      </c>
      <c r="CL7" s="277">
        <v>0</v>
      </c>
      <c r="CM7" s="281">
        <v>1</v>
      </c>
      <c r="CN7" s="278">
        <v>1</v>
      </c>
      <c r="CO7" s="280">
        <v>0</v>
      </c>
      <c r="CP7" s="281">
        <v>15</v>
      </c>
      <c r="CQ7" s="281">
        <v>25</v>
      </c>
      <c r="CR7" s="281">
        <v>28</v>
      </c>
      <c r="CS7" s="281">
        <v>20</v>
      </c>
      <c r="CT7" s="281">
        <v>12</v>
      </c>
      <c r="CU7" s="278">
        <v>100</v>
      </c>
      <c r="CV7" s="283">
        <v>101</v>
      </c>
      <c r="CW7" s="277">
        <v>0</v>
      </c>
      <c r="CX7" s="281">
        <v>0</v>
      </c>
      <c r="CY7" s="278">
        <v>0</v>
      </c>
      <c r="CZ7" s="280">
        <v>0</v>
      </c>
      <c r="DA7" s="281">
        <v>0</v>
      </c>
      <c r="DB7" s="281">
        <v>0</v>
      </c>
      <c r="DC7" s="281">
        <v>0</v>
      </c>
      <c r="DD7" s="281">
        <v>0</v>
      </c>
      <c r="DE7" s="281">
        <v>0</v>
      </c>
      <c r="DF7" s="278">
        <v>0</v>
      </c>
      <c r="DG7" s="283">
        <v>0</v>
      </c>
      <c r="DH7" s="277">
        <v>0</v>
      </c>
      <c r="DI7" s="281">
        <v>0</v>
      </c>
      <c r="DJ7" s="278">
        <v>0</v>
      </c>
      <c r="DK7" s="280">
        <v>0</v>
      </c>
      <c r="DL7" s="281">
        <v>0</v>
      </c>
      <c r="DM7" s="281">
        <v>0</v>
      </c>
      <c r="DN7" s="281">
        <v>0</v>
      </c>
      <c r="DO7" s="281">
        <v>0</v>
      </c>
      <c r="DP7" s="281">
        <v>0</v>
      </c>
      <c r="DQ7" s="278">
        <v>0</v>
      </c>
      <c r="DR7" s="283">
        <v>0</v>
      </c>
      <c r="DS7" s="277">
        <v>243</v>
      </c>
      <c r="DT7" s="281">
        <v>560</v>
      </c>
      <c r="DU7" s="278">
        <v>803</v>
      </c>
      <c r="DV7" s="280">
        <v>0</v>
      </c>
      <c r="DW7" s="281">
        <v>564</v>
      </c>
      <c r="DX7" s="281">
        <v>1362</v>
      </c>
      <c r="DY7" s="281">
        <v>840</v>
      </c>
      <c r="DZ7" s="281">
        <v>550</v>
      </c>
      <c r="EA7" s="281">
        <v>312</v>
      </c>
      <c r="EB7" s="278">
        <v>3628</v>
      </c>
      <c r="EC7" s="283">
        <v>4431</v>
      </c>
      <c r="ED7" s="277">
        <v>81</v>
      </c>
      <c r="EE7" s="281">
        <v>59</v>
      </c>
      <c r="EF7" s="278">
        <v>140</v>
      </c>
      <c r="EG7" s="280">
        <v>0</v>
      </c>
      <c r="EH7" s="281">
        <v>211</v>
      </c>
      <c r="EI7" s="281">
        <v>253</v>
      </c>
      <c r="EJ7" s="281">
        <v>234</v>
      </c>
      <c r="EK7" s="281">
        <v>192</v>
      </c>
      <c r="EL7" s="281">
        <v>113</v>
      </c>
      <c r="EM7" s="278">
        <v>1003</v>
      </c>
      <c r="EN7" s="283">
        <v>1143</v>
      </c>
      <c r="EO7" s="277">
        <v>375</v>
      </c>
      <c r="EP7" s="281">
        <v>756</v>
      </c>
      <c r="EQ7" s="278">
        <v>1131</v>
      </c>
      <c r="ER7" s="280">
        <v>0</v>
      </c>
      <c r="ES7" s="281">
        <v>1580</v>
      </c>
      <c r="ET7" s="281">
        <v>1988</v>
      </c>
      <c r="EU7" s="281">
        <v>1023</v>
      </c>
      <c r="EV7" s="281">
        <v>596</v>
      </c>
      <c r="EW7" s="281">
        <v>312</v>
      </c>
      <c r="EX7" s="278">
        <v>5499</v>
      </c>
      <c r="EY7" s="283">
        <v>6630</v>
      </c>
    </row>
    <row r="8" spans="1:155" ht="19.5" customHeight="1" x14ac:dyDescent="0.2">
      <c r="A8" s="262" t="s">
        <v>6</v>
      </c>
      <c r="B8" s="277">
        <v>0</v>
      </c>
      <c r="C8" s="281">
        <v>0</v>
      </c>
      <c r="D8" s="385">
        <v>0</v>
      </c>
      <c r="E8" s="280">
        <v>0</v>
      </c>
      <c r="F8" s="281">
        <v>186</v>
      </c>
      <c r="G8" s="281">
        <v>139</v>
      </c>
      <c r="H8" s="281">
        <v>91</v>
      </c>
      <c r="I8" s="281">
        <v>85</v>
      </c>
      <c r="J8" s="281">
        <v>61</v>
      </c>
      <c r="K8" s="282">
        <v>562</v>
      </c>
      <c r="L8" s="283">
        <v>562</v>
      </c>
      <c r="M8" s="277">
        <v>0</v>
      </c>
      <c r="N8" s="281">
        <v>0</v>
      </c>
      <c r="O8" s="278">
        <v>0</v>
      </c>
      <c r="P8" s="280">
        <v>0</v>
      </c>
      <c r="Q8" s="281">
        <v>1</v>
      </c>
      <c r="R8" s="281">
        <v>2</v>
      </c>
      <c r="S8" s="281">
        <v>4</v>
      </c>
      <c r="T8" s="281">
        <v>13</v>
      </c>
      <c r="U8" s="281">
        <v>29</v>
      </c>
      <c r="V8" s="278">
        <v>49</v>
      </c>
      <c r="W8" s="283">
        <v>49</v>
      </c>
      <c r="X8" s="277">
        <v>24</v>
      </c>
      <c r="Y8" s="281">
        <v>37</v>
      </c>
      <c r="Z8" s="278">
        <v>61</v>
      </c>
      <c r="AA8" s="280">
        <v>0</v>
      </c>
      <c r="AB8" s="281">
        <v>132</v>
      </c>
      <c r="AC8" s="281">
        <v>122</v>
      </c>
      <c r="AD8" s="281">
        <v>75</v>
      </c>
      <c r="AE8" s="281">
        <v>81</v>
      </c>
      <c r="AF8" s="281">
        <v>59</v>
      </c>
      <c r="AG8" s="278">
        <v>469</v>
      </c>
      <c r="AH8" s="283">
        <v>530</v>
      </c>
      <c r="AI8" s="277">
        <v>2</v>
      </c>
      <c r="AJ8" s="281">
        <v>1</v>
      </c>
      <c r="AK8" s="278">
        <v>3</v>
      </c>
      <c r="AL8" s="280">
        <v>0</v>
      </c>
      <c r="AM8" s="281">
        <v>12</v>
      </c>
      <c r="AN8" s="281">
        <v>14</v>
      </c>
      <c r="AO8" s="281">
        <v>7</v>
      </c>
      <c r="AP8" s="281">
        <v>8</v>
      </c>
      <c r="AQ8" s="281">
        <v>7</v>
      </c>
      <c r="AR8" s="278">
        <v>48</v>
      </c>
      <c r="AS8" s="283">
        <v>51</v>
      </c>
      <c r="AT8" s="277">
        <v>59</v>
      </c>
      <c r="AU8" s="281">
        <v>43</v>
      </c>
      <c r="AV8" s="278">
        <v>102</v>
      </c>
      <c r="AW8" s="280">
        <v>0</v>
      </c>
      <c r="AX8" s="281">
        <v>209</v>
      </c>
      <c r="AY8" s="281">
        <v>210</v>
      </c>
      <c r="AZ8" s="281">
        <v>198</v>
      </c>
      <c r="BA8" s="281">
        <v>200</v>
      </c>
      <c r="BB8" s="281">
        <v>128</v>
      </c>
      <c r="BC8" s="282">
        <v>945</v>
      </c>
      <c r="BD8" s="283">
        <v>1047</v>
      </c>
      <c r="BE8" s="277">
        <v>0</v>
      </c>
      <c r="BF8" s="281">
        <v>0</v>
      </c>
      <c r="BG8" s="278">
        <v>0</v>
      </c>
      <c r="BH8" s="280">
        <v>0</v>
      </c>
      <c r="BI8" s="281">
        <v>211</v>
      </c>
      <c r="BJ8" s="281">
        <v>144</v>
      </c>
      <c r="BK8" s="281">
        <v>98</v>
      </c>
      <c r="BL8" s="281">
        <v>55</v>
      </c>
      <c r="BM8" s="281">
        <v>26</v>
      </c>
      <c r="BN8" s="278">
        <v>534</v>
      </c>
      <c r="BO8" s="283">
        <v>534</v>
      </c>
      <c r="BP8" s="277">
        <v>4</v>
      </c>
      <c r="BQ8" s="281">
        <v>11</v>
      </c>
      <c r="BR8" s="278">
        <v>15</v>
      </c>
      <c r="BS8" s="280">
        <v>0</v>
      </c>
      <c r="BT8" s="281">
        <v>49</v>
      </c>
      <c r="BU8" s="281">
        <v>57</v>
      </c>
      <c r="BV8" s="281">
        <v>34</v>
      </c>
      <c r="BW8" s="281">
        <v>21</v>
      </c>
      <c r="BX8" s="281">
        <v>10</v>
      </c>
      <c r="BY8" s="278">
        <v>171</v>
      </c>
      <c r="BZ8" s="283">
        <v>186</v>
      </c>
      <c r="CA8" s="277">
        <v>0</v>
      </c>
      <c r="CB8" s="281">
        <v>2</v>
      </c>
      <c r="CC8" s="278">
        <v>2</v>
      </c>
      <c r="CD8" s="280">
        <v>0</v>
      </c>
      <c r="CE8" s="281">
        <v>19</v>
      </c>
      <c r="CF8" s="281">
        <v>20</v>
      </c>
      <c r="CG8" s="281">
        <v>24</v>
      </c>
      <c r="CH8" s="281">
        <v>24</v>
      </c>
      <c r="CI8" s="281">
        <v>12</v>
      </c>
      <c r="CJ8" s="278">
        <v>99</v>
      </c>
      <c r="CK8" s="283">
        <v>101</v>
      </c>
      <c r="CL8" s="277">
        <v>0</v>
      </c>
      <c r="CM8" s="281">
        <v>0</v>
      </c>
      <c r="CN8" s="278">
        <v>0</v>
      </c>
      <c r="CO8" s="280">
        <v>0</v>
      </c>
      <c r="CP8" s="281">
        <v>3</v>
      </c>
      <c r="CQ8" s="281">
        <v>3</v>
      </c>
      <c r="CR8" s="281">
        <v>3</v>
      </c>
      <c r="CS8" s="281">
        <v>5</v>
      </c>
      <c r="CT8" s="281">
        <v>5</v>
      </c>
      <c r="CU8" s="278">
        <v>19</v>
      </c>
      <c r="CV8" s="283">
        <v>19</v>
      </c>
      <c r="CW8" s="277">
        <v>0</v>
      </c>
      <c r="CX8" s="281">
        <v>0</v>
      </c>
      <c r="CY8" s="278">
        <v>0</v>
      </c>
      <c r="CZ8" s="280">
        <v>0</v>
      </c>
      <c r="DA8" s="281">
        <v>0</v>
      </c>
      <c r="DB8" s="281">
        <v>0</v>
      </c>
      <c r="DC8" s="281">
        <v>0</v>
      </c>
      <c r="DD8" s="281">
        <v>0</v>
      </c>
      <c r="DE8" s="281">
        <v>0</v>
      </c>
      <c r="DF8" s="278">
        <v>0</v>
      </c>
      <c r="DG8" s="283">
        <v>0</v>
      </c>
      <c r="DH8" s="277">
        <v>0</v>
      </c>
      <c r="DI8" s="281">
        <v>0</v>
      </c>
      <c r="DJ8" s="278">
        <v>0</v>
      </c>
      <c r="DK8" s="280">
        <v>0</v>
      </c>
      <c r="DL8" s="281">
        <v>0</v>
      </c>
      <c r="DM8" s="281">
        <v>0</v>
      </c>
      <c r="DN8" s="281">
        <v>0</v>
      </c>
      <c r="DO8" s="281">
        <v>0</v>
      </c>
      <c r="DP8" s="281">
        <v>0</v>
      </c>
      <c r="DQ8" s="278">
        <v>0</v>
      </c>
      <c r="DR8" s="283">
        <v>0</v>
      </c>
      <c r="DS8" s="277">
        <v>78</v>
      </c>
      <c r="DT8" s="281">
        <v>121</v>
      </c>
      <c r="DU8" s="278">
        <v>199</v>
      </c>
      <c r="DV8" s="280">
        <v>0</v>
      </c>
      <c r="DW8" s="281">
        <v>296</v>
      </c>
      <c r="DX8" s="281">
        <v>330</v>
      </c>
      <c r="DY8" s="281">
        <v>216</v>
      </c>
      <c r="DZ8" s="281">
        <v>189</v>
      </c>
      <c r="EA8" s="281">
        <v>114</v>
      </c>
      <c r="EB8" s="278">
        <v>1145</v>
      </c>
      <c r="EC8" s="283">
        <v>1344</v>
      </c>
      <c r="ED8" s="277">
        <v>42</v>
      </c>
      <c r="EE8" s="281">
        <v>16</v>
      </c>
      <c r="EF8" s="278">
        <v>58</v>
      </c>
      <c r="EG8" s="280">
        <v>0</v>
      </c>
      <c r="EH8" s="281">
        <v>73</v>
      </c>
      <c r="EI8" s="281">
        <v>63</v>
      </c>
      <c r="EJ8" s="281">
        <v>51</v>
      </c>
      <c r="EK8" s="281">
        <v>57</v>
      </c>
      <c r="EL8" s="281">
        <v>30</v>
      </c>
      <c r="EM8" s="278">
        <v>274</v>
      </c>
      <c r="EN8" s="283">
        <v>332</v>
      </c>
      <c r="EO8" s="277">
        <v>101</v>
      </c>
      <c r="EP8" s="281">
        <v>153</v>
      </c>
      <c r="EQ8" s="278">
        <v>254</v>
      </c>
      <c r="ER8" s="280">
        <v>0</v>
      </c>
      <c r="ES8" s="281">
        <v>588</v>
      </c>
      <c r="ET8" s="281">
        <v>445</v>
      </c>
      <c r="EU8" s="281">
        <v>256</v>
      </c>
      <c r="EV8" s="281">
        <v>200</v>
      </c>
      <c r="EW8" s="281">
        <v>125</v>
      </c>
      <c r="EX8" s="278">
        <v>1614</v>
      </c>
      <c r="EY8" s="283">
        <v>1868</v>
      </c>
    </row>
    <row r="9" spans="1:155" ht="19.5" customHeight="1" x14ac:dyDescent="0.2">
      <c r="A9" s="262" t="s">
        <v>14</v>
      </c>
      <c r="B9" s="277">
        <v>0</v>
      </c>
      <c r="C9" s="281">
        <v>0</v>
      </c>
      <c r="D9" s="385">
        <v>0</v>
      </c>
      <c r="E9" s="280">
        <v>0</v>
      </c>
      <c r="F9" s="281">
        <v>79</v>
      </c>
      <c r="G9" s="281">
        <v>83</v>
      </c>
      <c r="H9" s="281">
        <v>46</v>
      </c>
      <c r="I9" s="281">
        <v>20</v>
      </c>
      <c r="J9" s="281">
        <v>28</v>
      </c>
      <c r="K9" s="282">
        <v>256</v>
      </c>
      <c r="L9" s="283">
        <v>256</v>
      </c>
      <c r="M9" s="277">
        <v>0</v>
      </c>
      <c r="N9" s="281">
        <v>0</v>
      </c>
      <c r="O9" s="278">
        <v>0</v>
      </c>
      <c r="P9" s="280">
        <v>0</v>
      </c>
      <c r="Q9" s="281">
        <v>0</v>
      </c>
      <c r="R9" s="281">
        <v>2</v>
      </c>
      <c r="S9" s="281">
        <v>1</v>
      </c>
      <c r="T9" s="281">
        <v>6</v>
      </c>
      <c r="U9" s="281">
        <v>7</v>
      </c>
      <c r="V9" s="278">
        <v>16</v>
      </c>
      <c r="W9" s="283">
        <v>16</v>
      </c>
      <c r="X9" s="277">
        <v>8</v>
      </c>
      <c r="Y9" s="281">
        <v>28</v>
      </c>
      <c r="Z9" s="278">
        <v>36</v>
      </c>
      <c r="AA9" s="280">
        <v>0</v>
      </c>
      <c r="AB9" s="281">
        <v>60</v>
      </c>
      <c r="AC9" s="281">
        <v>73</v>
      </c>
      <c r="AD9" s="281">
        <v>53</v>
      </c>
      <c r="AE9" s="281">
        <v>38</v>
      </c>
      <c r="AF9" s="281">
        <v>23</v>
      </c>
      <c r="AG9" s="278">
        <v>247</v>
      </c>
      <c r="AH9" s="283">
        <v>283</v>
      </c>
      <c r="AI9" s="277">
        <v>1</v>
      </c>
      <c r="AJ9" s="281">
        <v>3</v>
      </c>
      <c r="AK9" s="278">
        <v>4</v>
      </c>
      <c r="AL9" s="280">
        <v>0</v>
      </c>
      <c r="AM9" s="281">
        <v>0</v>
      </c>
      <c r="AN9" s="281">
        <v>0</v>
      </c>
      <c r="AO9" s="281">
        <v>3</v>
      </c>
      <c r="AP9" s="281">
        <v>3</v>
      </c>
      <c r="AQ9" s="281">
        <v>1</v>
      </c>
      <c r="AR9" s="278">
        <v>7</v>
      </c>
      <c r="AS9" s="283">
        <v>11</v>
      </c>
      <c r="AT9" s="277">
        <v>18</v>
      </c>
      <c r="AU9" s="281">
        <v>25</v>
      </c>
      <c r="AV9" s="278">
        <v>43</v>
      </c>
      <c r="AW9" s="280">
        <v>0</v>
      </c>
      <c r="AX9" s="281">
        <v>107</v>
      </c>
      <c r="AY9" s="281">
        <v>109</v>
      </c>
      <c r="AZ9" s="281">
        <v>96</v>
      </c>
      <c r="BA9" s="281">
        <v>69</v>
      </c>
      <c r="BB9" s="281">
        <v>59</v>
      </c>
      <c r="BC9" s="282">
        <v>440</v>
      </c>
      <c r="BD9" s="283">
        <v>483</v>
      </c>
      <c r="BE9" s="277">
        <v>0</v>
      </c>
      <c r="BF9" s="281">
        <v>0</v>
      </c>
      <c r="BG9" s="278">
        <v>0</v>
      </c>
      <c r="BH9" s="280">
        <v>0</v>
      </c>
      <c r="BI9" s="281">
        <v>108</v>
      </c>
      <c r="BJ9" s="281">
        <v>97</v>
      </c>
      <c r="BK9" s="281">
        <v>69</v>
      </c>
      <c r="BL9" s="281">
        <v>41</v>
      </c>
      <c r="BM9" s="281">
        <v>13</v>
      </c>
      <c r="BN9" s="278">
        <v>328</v>
      </c>
      <c r="BO9" s="283">
        <v>328</v>
      </c>
      <c r="BP9" s="277">
        <v>6</v>
      </c>
      <c r="BQ9" s="281">
        <v>11</v>
      </c>
      <c r="BR9" s="278">
        <v>17</v>
      </c>
      <c r="BS9" s="280">
        <v>0</v>
      </c>
      <c r="BT9" s="281">
        <v>6</v>
      </c>
      <c r="BU9" s="281">
        <v>28</v>
      </c>
      <c r="BV9" s="281">
        <v>22</v>
      </c>
      <c r="BW9" s="281">
        <v>8</v>
      </c>
      <c r="BX9" s="281">
        <v>2</v>
      </c>
      <c r="BY9" s="278">
        <v>66</v>
      </c>
      <c r="BZ9" s="283">
        <v>83</v>
      </c>
      <c r="CA9" s="277">
        <v>0</v>
      </c>
      <c r="CB9" s="281">
        <v>1</v>
      </c>
      <c r="CC9" s="278">
        <v>1</v>
      </c>
      <c r="CD9" s="280">
        <v>0</v>
      </c>
      <c r="CE9" s="281">
        <v>14</v>
      </c>
      <c r="CF9" s="281">
        <v>10</v>
      </c>
      <c r="CG9" s="281">
        <v>21</v>
      </c>
      <c r="CH9" s="281">
        <v>19</v>
      </c>
      <c r="CI9" s="281">
        <v>6</v>
      </c>
      <c r="CJ9" s="278">
        <v>70</v>
      </c>
      <c r="CK9" s="283">
        <v>71</v>
      </c>
      <c r="CL9" s="277">
        <v>0</v>
      </c>
      <c r="CM9" s="281">
        <v>0</v>
      </c>
      <c r="CN9" s="278">
        <v>0</v>
      </c>
      <c r="CO9" s="280">
        <v>0</v>
      </c>
      <c r="CP9" s="281">
        <v>1</v>
      </c>
      <c r="CQ9" s="281">
        <v>1</v>
      </c>
      <c r="CR9" s="281">
        <v>3</v>
      </c>
      <c r="CS9" s="281">
        <v>0</v>
      </c>
      <c r="CT9" s="281">
        <v>1</v>
      </c>
      <c r="CU9" s="278">
        <v>6</v>
      </c>
      <c r="CV9" s="283">
        <v>6</v>
      </c>
      <c r="CW9" s="277">
        <v>0</v>
      </c>
      <c r="CX9" s="281">
        <v>0</v>
      </c>
      <c r="CY9" s="278">
        <v>0</v>
      </c>
      <c r="CZ9" s="280">
        <v>0</v>
      </c>
      <c r="DA9" s="281">
        <v>0</v>
      </c>
      <c r="DB9" s="281">
        <v>0</v>
      </c>
      <c r="DC9" s="281">
        <v>0</v>
      </c>
      <c r="DD9" s="281">
        <v>0</v>
      </c>
      <c r="DE9" s="281">
        <v>0</v>
      </c>
      <c r="DF9" s="278">
        <v>0</v>
      </c>
      <c r="DG9" s="283">
        <v>0</v>
      </c>
      <c r="DH9" s="277">
        <v>0</v>
      </c>
      <c r="DI9" s="281">
        <v>0</v>
      </c>
      <c r="DJ9" s="278">
        <v>0</v>
      </c>
      <c r="DK9" s="280">
        <v>0</v>
      </c>
      <c r="DL9" s="281">
        <v>0</v>
      </c>
      <c r="DM9" s="281">
        <v>0</v>
      </c>
      <c r="DN9" s="281">
        <v>0</v>
      </c>
      <c r="DO9" s="281">
        <v>0</v>
      </c>
      <c r="DP9" s="281">
        <v>0</v>
      </c>
      <c r="DQ9" s="278">
        <v>0</v>
      </c>
      <c r="DR9" s="283">
        <v>0</v>
      </c>
      <c r="DS9" s="277">
        <v>39</v>
      </c>
      <c r="DT9" s="281">
        <v>99</v>
      </c>
      <c r="DU9" s="278">
        <v>138</v>
      </c>
      <c r="DV9" s="280">
        <v>0</v>
      </c>
      <c r="DW9" s="281">
        <v>113</v>
      </c>
      <c r="DX9" s="281">
        <v>215</v>
      </c>
      <c r="DY9" s="281">
        <v>145</v>
      </c>
      <c r="DZ9" s="281">
        <v>98</v>
      </c>
      <c r="EA9" s="281">
        <v>50</v>
      </c>
      <c r="EB9" s="278">
        <v>621</v>
      </c>
      <c r="EC9" s="283">
        <v>759</v>
      </c>
      <c r="ED9" s="277">
        <v>14</v>
      </c>
      <c r="EE9" s="281">
        <v>11</v>
      </c>
      <c r="EF9" s="278">
        <v>25</v>
      </c>
      <c r="EG9" s="280">
        <v>0</v>
      </c>
      <c r="EH9" s="281">
        <v>43</v>
      </c>
      <c r="EI9" s="281">
        <v>30</v>
      </c>
      <c r="EJ9" s="281">
        <v>25</v>
      </c>
      <c r="EK9" s="281">
        <v>19</v>
      </c>
      <c r="EL9" s="281">
        <v>20</v>
      </c>
      <c r="EM9" s="278">
        <v>137</v>
      </c>
      <c r="EN9" s="283">
        <v>162</v>
      </c>
      <c r="EO9" s="277">
        <v>52</v>
      </c>
      <c r="EP9" s="281">
        <v>119</v>
      </c>
      <c r="EQ9" s="278">
        <v>171</v>
      </c>
      <c r="ER9" s="280">
        <v>0</v>
      </c>
      <c r="ES9" s="281">
        <v>283</v>
      </c>
      <c r="ET9" s="281">
        <v>299</v>
      </c>
      <c r="EU9" s="281">
        <v>182</v>
      </c>
      <c r="EV9" s="281">
        <v>104</v>
      </c>
      <c r="EW9" s="281">
        <v>52</v>
      </c>
      <c r="EX9" s="278">
        <v>920</v>
      </c>
      <c r="EY9" s="283">
        <v>1091</v>
      </c>
    </row>
    <row r="10" spans="1:155" ht="19.5" customHeight="1" x14ac:dyDescent="0.2">
      <c r="A10" s="262" t="s">
        <v>7</v>
      </c>
      <c r="B10" s="277">
        <v>0</v>
      </c>
      <c r="C10" s="281">
        <v>0</v>
      </c>
      <c r="D10" s="385">
        <v>0</v>
      </c>
      <c r="E10" s="280">
        <v>0</v>
      </c>
      <c r="F10" s="281">
        <v>121</v>
      </c>
      <c r="G10" s="281">
        <v>93</v>
      </c>
      <c r="H10" s="281">
        <v>68</v>
      </c>
      <c r="I10" s="281">
        <v>40</v>
      </c>
      <c r="J10" s="281">
        <v>24</v>
      </c>
      <c r="K10" s="282">
        <v>346</v>
      </c>
      <c r="L10" s="283">
        <v>346</v>
      </c>
      <c r="M10" s="277">
        <v>0</v>
      </c>
      <c r="N10" s="281">
        <v>0</v>
      </c>
      <c r="O10" s="278">
        <v>0</v>
      </c>
      <c r="P10" s="280">
        <v>0</v>
      </c>
      <c r="Q10" s="281">
        <v>1</v>
      </c>
      <c r="R10" s="281">
        <v>4</v>
      </c>
      <c r="S10" s="281">
        <v>8</v>
      </c>
      <c r="T10" s="281">
        <v>8</v>
      </c>
      <c r="U10" s="281">
        <v>13</v>
      </c>
      <c r="V10" s="278">
        <v>34</v>
      </c>
      <c r="W10" s="283">
        <v>34</v>
      </c>
      <c r="X10" s="277">
        <v>3</v>
      </c>
      <c r="Y10" s="281">
        <v>4</v>
      </c>
      <c r="Z10" s="278">
        <v>7</v>
      </c>
      <c r="AA10" s="280">
        <v>0</v>
      </c>
      <c r="AB10" s="281">
        <v>54</v>
      </c>
      <c r="AC10" s="281">
        <v>48</v>
      </c>
      <c r="AD10" s="281">
        <v>40</v>
      </c>
      <c r="AE10" s="281">
        <v>26</v>
      </c>
      <c r="AF10" s="281">
        <v>14</v>
      </c>
      <c r="AG10" s="278">
        <v>182</v>
      </c>
      <c r="AH10" s="283">
        <v>189</v>
      </c>
      <c r="AI10" s="277">
        <v>0</v>
      </c>
      <c r="AJ10" s="281">
        <v>0</v>
      </c>
      <c r="AK10" s="278">
        <v>0</v>
      </c>
      <c r="AL10" s="280">
        <v>0</v>
      </c>
      <c r="AM10" s="281">
        <v>2</v>
      </c>
      <c r="AN10" s="281">
        <v>1</v>
      </c>
      <c r="AO10" s="281">
        <v>2</v>
      </c>
      <c r="AP10" s="281">
        <v>2</v>
      </c>
      <c r="AQ10" s="281">
        <v>0</v>
      </c>
      <c r="AR10" s="278">
        <v>7</v>
      </c>
      <c r="AS10" s="283">
        <v>7</v>
      </c>
      <c r="AT10" s="277">
        <v>15</v>
      </c>
      <c r="AU10" s="281">
        <v>7</v>
      </c>
      <c r="AV10" s="278">
        <v>22</v>
      </c>
      <c r="AW10" s="280">
        <v>0</v>
      </c>
      <c r="AX10" s="281">
        <v>121</v>
      </c>
      <c r="AY10" s="281">
        <v>96</v>
      </c>
      <c r="AZ10" s="281">
        <v>107</v>
      </c>
      <c r="BA10" s="281">
        <v>73</v>
      </c>
      <c r="BB10" s="281">
        <v>38</v>
      </c>
      <c r="BC10" s="282">
        <v>435</v>
      </c>
      <c r="BD10" s="283">
        <v>457</v>
      </c>
      <c r="BE10" s="277">
        <v>0</v>
      </c>
      <c r="BF10" s="281">
        <v>0</v>
      </c>
      <c r="BG10" s="278">
        <v>0</v>
      </c>
      <c r="BH10" s="280">
        <v>0</v>
      </c>
      <c r="BI10" s="281">
        <v>130</v>
      </c>
      <c r="BJ10" s="281">
        <v>100</v>
      </c>
      <c r="BK10" s="281">
        <v>54</v>
      </c>
      <c r="BL10" s="281">
        <v>25</v>
      </c>
      <c r="BM10" s="281">
        <v>6</v>
      </c>
      <c r="BN10" s="278">
        <v>315</v>
      </c>
      <c r="BO10" s="283">
        <v>315</v>
      </c>
      <c r="BP10" s="277">
        <v>5</v>
      </c>
      <c r="BQ10" s="281">
        <v>2</v>
      </c>
      <c r="BR10" s="278">
        <v>7</v>
      </c>
      <c r="BS10" s="280">
        <v>0</v>
      </c>
      <c r="BT10" s="281">
        <v>26</v>
      </c>
      <c r="BU10" s="281">
        <v>20</v>
      </c>
      <c r="BV10" s="281">
        <v>13</v>
      </c>
      <c r="BW10" s="281">
        <v>5</v>
      </c>
      <c r="BX10" s="281">
        <v>1</v>
      </c>
      <c r="BY10" s="278">
        <v>65</v>
      </c>
      <c r="BZ10" s="283">
        <v>72</v>
      </c>
      <c r="CA10" s="277">
        <v>0</v>
      </c>
      <c r="CB10" s="281">
        <v>0</v>
      </c>
      <c r="CC10" s="278">
        <v>0</v>
      </c>
      <c r="CD10" s="280">
        <v>0</v>
      </c>
      <c r="CE10" s="281">
        <v>21</v>
      </c>
      <c r="CF10" s="281">
        <v>21</v>
      </c>
      <c r="CG10" s="281">
        <v>18</v>
      </c>
      <c r="CH10" s="281">
        <v>14</v>
      </c>
      <c r="CI10" s="281">
        <v>7</v>
      </c>
      <c r="CJ10" s="278">
        <v>81</v>
      </c>
      <c r="CK10" s="283">
        <v>81</v>
      </c>
      <c r="CL10" s="277">
        <v>0</v>
      </c>
      <c r="CM10" s="281">
        <v>0</v>
      </c>
      <c r="CN10" s="278">
        <v>0</v>
      </c>
      <c r="CO10" s="280">
        <v>0</v>
      </c>
      <c r="CP10" s="281">
        <v>1</v>
      </c>
      <c r="CQ10" s="281">
        <v>0</v>
      </c>
      <c r="CR10" s="281">
        <v>0</v>
      </c>
      <c r="CS10" s="281">
        <v>0</v>
      </c>
      <c r="CT10" s="281">
        <v>0</v>
      </c>
      <c r="CU10" s="278">
        <v>1</v>
      </c>
      <c r="CV10" s="283">
        <v>1</v>
      </c>
      <c r="CW10" s="277">
        <v>0</v>
      </c>
      <c r="CX10" s="281">
        <v>0</v>
      </c>
      <c r="CY10" s="278">
        <v>0</v>
      </c>
      <c r="CZ10" s="280">
        <v>0</v>
      </c>
      <c r="DA10" s="281">
        <v>0</v>
      </c>
      <c r="DB10" s="281">
        <v>0</v>
      </c>
      <c r="DC10" s="281">
        <v>0</v>
      </c>
      <c r="DD10" s="281">
        <v>0</v>
      </c>
      <c r="DE10" s="281">
        <v>0</v>
      </c>
      <c r="DF10" s="278">
        <v>0</v>
      </c>
      <c r="DG10" s="283">
        <v>0</v>
      </c>
      <c r="DH10" s="277">
        <v>0</v>
      </c>
      <c r="DI10" s="281">
        <v>0</v>
      </c>
      <c r="DJ10" s="278">
        <v>0</v>
      </c>
      <c r="DK10" s="280">
        <v>0</v>
      </c>
      <c r="DL10" s="281">
        <v>0</v>
      </c>
      <c r="DM10" s="281">
        <v>0</v>
      </c>
      <c r="DN10" s="281">
        <v>0</v>
      </c>
      <c r="DO10" s="281">
        <v>0</v>
      </c>
      <c r="DP10" s="281">
        <v>0</v>
      </c>
      <c r="DQ10" s="278">
        <v>0</v>
      </c>
      <c r="DR10" s="283">
        <v>0</v>
      </c>
      <c r="DS10" s="277">
        <v>19</v>
      </c>
      <c r="DT10" s="281">
        <v>36</v>
      </c>
      <c r="DU10" s="278">
        <v>55</v>
      </c>
      <c r="DV10" s="280">
        <v>0</v>
      </c>
      <c r="DW10" s="281">
        <v>148</v>
      </c>
      <c r="DX10" s="281">
        <v>204</v>
      </c>
      <c r="DY10" s="281">
        <v>114</v>
      </c>
      <c r="DZ10" s="281">
        <v>74</v>
      </c>
      <c r="EA10" s="281">
        <v>36</v>
      </c>
      <c r="EB10" s="278">
        <v>576</v>
      </c>
      <c r="EC10" s="283">
        <v>631</v>
      </c>
      <c r="ED10" s="277">
        <v>7</v>
      </c>
      <c r="EE10" s="281">
        <v>4</v>
      </c>
      <c r="EF10" s="278">
        <v>11</v>
      </c>
      <c r="EG10" s="280">
        <v>0</v>
      </c>
      <c r="EH10" s="281">
        <v>56</v>
      </c>
      <c r="EI10" s="281">
        <v>36</v>
      </c>
      <c r="EJ10" s="281">
        <v>31</v>
      </c>
      <c r="EK10" s="281">
        <v>32</v>
      </c>
      <c r="EL10" s="281">
        <v>12</v>
      </c>
      <c r="EM10" s="278">
        <v>167</v>
      </c>
      <c r="EN10" s="283">
        <v>178</v>
      </c>
      <c r="EO10" s="277">
        <v>26</v>
      </c>
      <c r="EP10" s="281">
        <v>39</v>
      </c>
      <c r="EQ10" s="278">
        <v>65</v>
      </c>
      <c r="ER10" s="280">
        <v>0</v>
      </c>
      <c r="ES10" s="281">
        <v>349</v>
      </c>
      <c r="ET10" s="281">
        <v>269</v>
      </c>
      <c r="EU10" s="281">
        <v>145</v>
      </c>
      <c r="EV10" s="281">
        <v>84</v>
      </c>
      <c r="EW10" s="281">
        <v>38</v>
      </c>
      <c r="EX10" s="278">
        <v>885</v>
      </c>
      <c r="EY10" s="283">
        <v>950</v>
      </c>
    </row>
    <row r="11" spans="1:155" ht="19.5" customHeight="1" x14ac:dyDescent="0.2">
      <c r="A11" s="262" t="s">
        <v>8</v>
      </c>
      <c r="B11" s="277">
        <v>0</v>
      </c>
      <c r="C11" s="281">
        <v>0</v>
      </c>
      <c r="D11" s="385">
        <v>0</v>
      </c>
      <c r="E11" s="280">
        <v>0</v>
      </c>
      <c r="F11" s="281">
        <v>27</v>
      </c>
      <c r="G11" s="281">
        <v>32</v>
      </c>
      <c r="H11" s="281">
        <v>21</v>
      </c>
      <c r="I11" s="281">
        <v>8</v>
      </c>
      <c r="J11" s="281">
        <v>7</v>
      </c>
      <c r="K11" s="282">
        <v>95</v>
      </c>
      <c r="L11" s="283">
        <v>95</v>
      </c>
      <c r="M11" s="277">
        <v>0</v>
      </c>
      <c r="N11" s="281">
        <v>0</v>
      </c>
      <c r="O11" s="278">
        <v>0</v>
      </c>
      <c r="P11" s="280">
        <v>0</v>
      </c>
      <c r="Q11" s="281">
        <v>1</v>
      </c>
      <c r="R11" s="281">
        <v>1</v>
      </c>
      <c r="S11" s="281">
        <v>2</v>
      </c>
      <c r="T11" s="281">
        <v>5</v>
      </c>
      <c r="U11" s="281">
        <v>4</v>
      </c>
      <c r="V11" s="278">
        <v>13</v>
      </c>
      <c r="W11" s="283">
        <v>13</v>
      </c>
      <c r="X11" s="277">
        <v>2</v>
      </c>
      <c r="Y11" s="281">
        <v>9</v>
      </c>
      <c r="Z11" s="278">
        <v>11</v>
      </c>
      <c r="AA11" s="280">
        <v>0</v>
      </c>
      <c r="AB11" s="281">
        <v>23</v>
      </c>
      <c r="AC11" s="281">
        <v>18</v>
      </c>
      <c r="AD11" s="281">
        <v>18</v>
      </c>
      <c r="AE11" s="281">
        <v>15</v>
      </c>
      <c r="AF11" s="281">
        <v>6</v>
      </c>
      <c r="AG11" s="278">
        <v>80</v>
      </c>
      <c r="AH11" s="283">
        <v>91</v>
      </c>
      <c r="AI11" s="277">
        <v>0</v>
      </c>
      <c r="AJ11" s="281">
        <v>1</v>
      </c>
      <c r="AK11" s="278">
        <v>1</v>
      </c>
      <c r="AL11" s="280">
        <v>0</v>
      </c>
      <c r="AM11" s="281">
        <v>1</v>
      </c>
      <c r="AN11" s="281">
        <v>5</v>
      </c>
      <c r="AO11" s="281">
        <v>8</v>
      </c>
      <c r="AP11" s="281">
        <v>2</v>
      </c>
      <c r="AQ11" s="281">
        <v>1</v>
      </c>
      <c r="AR11" s="278">
        <v>17</v>
      </c>
      <c r="AS11" s="283">
        <v>18</v>
      </c>
      <c r="AT11" s="277">
        <v>9</v>
      </c>
      <c r="AU11" s="281">
        <v>5</v>
      </c>
      <c r="AV11" s="278">
        <v>14</v>
      </c>
      <c r="AW11" s="280">
        <v>0</v>
      </c>
      <c r="AX11" s="281">
        <v>32</v>
      </c>
      <c r="AY11" s="281">
        <v>36</v>
      </c>
      <c r="AZ11" s="281">
        <v>36</v>
      </c>
      <c r="BA11" s="281">
        <v>29</v>
      </c>
      <c r="BB11" s="281">
        <v>15</v>
      </c>
      <c r="BC11" s="282">
        <v>148</v>
      </c>
      <c r="BD11" s="283">
        <v>162</v>
      </c>
      <c r="BE11" s="277">
        <v>0</v>
      </c>
      <c r="BF11" s="281">
        <v>0</v>
      </c>
      <c r="BG11" s="278">
        <v>0</v>
      </c>
      <c r="BH11" s="280">
        <v>0</v>
      </c>
      <c r="BI11" s="281">
        <v>35</v>
      </c>
      <c r="BJ11" s="281">
        <v>35</v>
      </c>
      <c r="BK11" s="281">
        <v>22</v>
      </c>
      <c r="BL11" s="281">
        <v>9</v>
      </c>
      <c r="BM11" s="281">
        <v>3</v>
      </c>
      <c r="BN11" s="278">
        <v>104</v>
      </c>
      <c r="BO11" s="283">
        <v>104</v>
      </c>
      <c r="BP11" s="277">
        <v>6</v>
      </c>
      <c r="BQ11" s="281">
        <v>3</v>
      </c>
      <c r="BR11" s="278">
        <v>9</v>
      </c>
      <c r="BS11" s="280">
        <v>0</v>
      </c>
      <c r="BT11" s="281">
        <v>6</v>
      </c>
      <c r="BU11" s="281">
        <v>10</v>
      </c>
      <c r="BV11" s="281">
        <v>7</v>
      </c>
      <c r="BW11" s="281">
        <v>5</v>
      </c>
      <c r="BX11" s="281">
        <v>0</v>
      </c>
      <c r="BY11" s="278">
        <v>28</v>
      </c>
      <c r="BZ11" s="283">
        <v>37</v>
      </c>
      <c r="CA11" s="277">
        <v>0</v>
      </c>
      <c r="CB11" s="281">
        <v>1</v>
      </c>
      <c r="CC11" s="278">
        <v>1</v>
      </c>
      <c r="CD11" s="280">
        <v>0</v>
      </c>
      <c r="CE11" s="281">
        <v>2</v>
      </c>
      <c r="CF11" s="281">
        <v>6</v>
      </c>
      <c r="CG11" s="281">
        <v>8</v>
      </c>
      <c r="CH11" s="281">
        <v>6</v>
      </c>
      <c r="CI11" s="281">
        <v>2</v>
      </c>
      <c r="CJ11" s="278">
        <v>24</v>
      </c>
      <c r="CK11" s="283">
        <v>25</v>
      </c>
      <c r="CL11" s="277">
        <v>0</v>
      </c>
      <c r="CM11" s="281">
        <v>0</v>
      </c>
      <c r="CN11" s="278">
        <v>0</v>
      </c>
      <c r="CO11" s="280">
        <v>0</v>
      </c>
      <c r="CP11" s="281">
        <v>0</v>
      </c>
      <c r="CQ11" s="281">
        <v>1</v>
      </c>
      <c r="CR11" s="281">
        <v>1</v>
      </c>
      <c r="CS11" s="281">
        <v>1</v>
      </c>
      <c r="CT11" s="281">
        <v>0</v>
      </c>
      <c r="CU11" s="278">
        <v>3</v>
      </c>
      <c r="CV11" s="283">
        <v>3</v>
      </c>
      <c r="CW11" s="277">
        <v>0</v>
      </c>
      <c r="CX11" s="281">
        <v>0</v>
      </c>
      <c r="CY11" s="278">
        <v>0</v>
      </c>
      <c r="CZ11" s="280">
        <v>0</v>
      </c>
      <c r="DA11" s="281">
        <v>0</v>
      </c>
      <c r="DB11" s="281">
        <v>0</v>
      </c>
      <c r="DC11" s="281">
        <v>0</v>
      </c>
      <c r="DD11" s="281">
        <v>0</v>
      </c>
      <c r="DE11" s="281">
        <v>0</v>
      </c>
      <c r="DF11" s="278">
        <v>0</v>
      </c>
      <c r="DG11" s="283">
        <v>0</v>
      </c>
      <c r="DH11" s="277">
        <v>0</v>
      </c>
      <c r="DI11" s="281">
        <v>0</v>
      </c>
      <c r="DJ11" s="278">
        <v>0</v>
      </c>
      <c r="DK11" s="280">
        <v>0</v>
      </c>
      <c r="DL11" s="281">
        <v>0</v>
      </c>
      <c r="DM11" s="281">
        <v>0</v>
      </c>
      <c r="DN11" s="281">
        <v>0</v>
      </c>
      <c r="DO11" s="281">
        <v>0</v>
      </c>
      <c r="DP11" s="281">
        <v>0</v>
      </c>
      <c r="DQ11" s="278">
        <v>0</v>
      </c>
      <c r="DR11" s="283">
        <v>0</v>
      </c>
      <c r="DS11" s="277">
        <v>24</v>
      </c>
      <c r="DT11" s="281">
        <v>14</v>
      </c>
      <c r="DU11" s="278">
        <v>38</v>
      </c>
      <c r="DV11" s="280">
        <v>0</v>
      </c>
      <c r="DW11" s="281">
        <v>56</v>
      </c>
      <c r="DX11" s="281">
        <v>93</v>
      </c>
      <c r="DY11" s="281">
        <v>60</v>
      </c>
      <c r="DZ11" s="281">
        <v>34</v>
      </c>
      <c r="EA11" s="281">
        <v>16</v>
      </c>
      <c r="EB11" s="278">
        <v>259</v>
      </c>
      <c r="EC11" s="283">
        <v>297</v>
      </c>
      <c r="ED11" s="277">
        <v>6</v>
      </c>
      <c r="EE11" s="281">
        <v>5</v>
      </c>
      <c r="EF11" s="278">
        <v>11</v>
      </c>
      <c r="EG11" s="280">
        <v>0</v>
      </c>
      <c r="EH11" s="281">
        <v>12</v>
      </c>
      <c r="EI11" s="281">
        <v>10</v>
      </c>
      <c r="EJ11" s="281">
        <v>8</v>
      </c>
      <c r="EK11" s="281">
        <v>8</v>
      </c>
      <c r="EL11" s="281">
        <v>6</v>
      </c>
      <c r="EM11" s="278">
        <v>44</v>
      </c>
      <c r="EN11" s="283">
        <v>55</v>
      </c>
      <c r="EO11" s="277">
        <v>31</v>
      </c>
      <c r="EP11" s="281">
        <v>25</v>
      </c>
      <c r="EQ11" s="278">
        <v>56</v>
      </c>
      <c r="ER11" s="280">
        <v>0</v>
      </c>
      <c r="ES11" s="281">
        <v>106</v>
      </c>
      <c r="ET11" s="281">
        <v>113</v>
      </c>
      <c r="EU11" s="281">
        <v>66</v>
      </c>
      <c r="EV11" s="281">
        <v>32</v>
      </c>
      <c r="EW11" s="281">
        <v>16</v>
      </c>
      <c r="EX11" s="278">
        <v>333</v>
      </c>
      <c r="EY11" s="283">
        <v>389</v>
      </c>
    </row>
    <row r="12" spans="1:155" ht="19.5" customHeight="1" x14ac:dyDescent="0.2">
      <c r="A12" s="262" t="s">
        <v>9</v>
      </c>
      <c r="B12" s="277">
        <v>0</v>
      </c>
      <c r="C12" s="281">
        <v>0</v>
      </c>
      <c r="D12" s="385">
        <v>0</v>
      </c>
      <c r="E12" s="280">
        <v>0</v>
      </c>
      <c r="F12" s="281">
        <v>58</v>
      </c>
      <c r="G12" s="281">
        <v>45</v>
      </c>
      <c r="H12" s="281">
        <v>34</v>
      </c>
      <c r="I12" s="281">
        <v>30</v>
      </c>
      <c r="J12" s="281">
        <v>18</v>
      </c>
      <c r="K12" s="282">
        <v>185</v>
      </c>
      <c r="L12" s="283">
        <v>185</v>
      </c>
      <c r="M12" s="277">
        <v>0</v>
      </c>
      <c r="N12" s="281">
        <v>0</v>
      </c>
      <c r="O12" s="278">
        <v>0</v>
      </c>
      <c r="P12" s="280">
        <v>0</v>
      </c>
      <c r="Q12" s="281">
        <v>0</v>
      </c>
      <c r="R12" s="281">
        <v>1</v>
      </c>
      <c r="S12" s="281">
        <v>1</v>
      </c>
      <c r="T12" s="281">
        <v>2</v>
      </c>
      <c r="U12" s="281">
        <v>8</v>
      </c>
      <c r="V12" s="278">
        <v>12</v>
      </c>
      <c r="W12" s="283">
        <v>12</v>
      </c>
      <c r="X12" s="277">
        <v>0</v>
      </c>
      <c r="Y12" s="281">
        <v>6</v>
      </c>
      <c r="Z12" s="278">
        <v>6</v>
      </c>
      <c r="AA12" s="280">
        <v>0</v>
      </c>
      <c r="AB12" s="281">
        <v>32</v>
      </c>
      <c r="AC12" s="281">
        <v>25</v>
      </c>
      <c r="AD12" s="281">
        <v>19</v>
      </c>
      <c r="AE12" s="281">
        <v>21</v>
      </c>
      <c r="AF12" s="281">
        <v>13</v>
      </c>
      <c r="AG12" s="278">
        <v>110</v>
      </c>
      <c r="AH12" s="283">
        <v>116</v>
      </c>
      <c r="AI12" s="277">
        <v>1</v>
      </c>
      <c r="AJ12" s="281">
        <v>2</v>
      </c>
      <c r="AK12" s="278">
        <v>3</v>
      </c>
      <c r="AL12" s="280">
        <v>0</v>
      </c>
      <c r="AM12" s="281">
        <v>0</v>
      </c>
      <c r="AN12" s="281">
        <v>4</v>
      </c>
      <c r="AO12" s="281">
        <v>2</v>
      </c>
      <c r="AP12" s="281">
        <v>5</v>
      </c>
      <c r="AQ12" s="281">
        <v>2</v>
      </c>
      <c r="AR12" s="278">
        <v>13</v>
      </c>
      <c r="AS12" s="283">
        <v>16</v>
      </c>
      <c r="AT12" s="277">
        <v>14</v>
      </c>
      <c r="AU12" s="281">
        <v>11</v>
      </c>
      <c r="AV12" s="278">
        <v>25</v>
      </c>
      <c r="AW12" s="280">
        <v>0</v>
      </c>
      <c r="AX12" s="281">
        <v>58</v>
      </c>
      <c r="AY12" s="281">
        <v>48</v>
      </c>
      <c r="AZ12" s="281">
        <v>52</v>
      </c>
      <c r="BA12" s="281">
        <v>44</v>
      </c>
      <c r="BB12" s="281">
        <v>29</v>
      </c>
      <c r="BC12" s="282">
        <v>231</v>
      </c>
      <c r="BD12" s="283">
        <v>256</v>
      </c>
      <c r="BE12" s="277">
        <v>0</v>
      </c>
      <c r="BF12" s="281">
        <v>0</v>
      </c>
      <c r="BG12" s="278">
        <v>0</v>
      </c>
      <c r="BH12" s="280">
        <v>0</v>
      </c>
      <c r="BI12" s="281">
        <v>50</v>
      </c>
      <c r="BJ12" s="281">
        <v>35</v>
      </c>
      <c r="BK12" s="281">
        <v>32</v>
      </c>
      <c r="BL12" s="281">
        <v>15</v>
      </c>
      <c r="BM12" s="281">
        <v>8</v>
      </c>
      <c r="BN12" s="278">
        <v>140</v>
      </c>
      <c r="BO12" s="283">
        <v>140</v>
      </c>
      <c r="BP12" s="277">
        <v>5</v>
      </c>
      <c r="BQ12" s="281">
        <v>3</v>
      </c>
      <c r="BR12" s="278">
        <v>8</v>
      </c>
      <c r="BS12" s="280">
        <v>0</v>
      </c>
      <c r="BT12" s="281">
        <v>14</v>
      </c>
      <c r="BU12" s="281">
        <v>15</v>
      </c>
      <c r="BV12" s="281">
        <v>9</v>
      </c>
      <c r="BW12" s="281">
        <v>11</v>
      </c>
      <c r="BX12" s="281">
        <v>0</v>
      </c>
      <c r="BY12" s="278">
        <v>49</v>
      </c>
      <c r="BZ12" s="283">
        <v>57</v>
      </c>
      <c r="CA12" s="277">
        <v>2</v>
      </c>
      <c r="CB12" s="281">
        <v>0</v>
      </c>
      <c r="CC12" s="278">
        <v>2</v>
      </c>
      <c r="CD12" s="280">
        <v>0</v>
      </c>
      <c r="CE12" s="281">
        <v>7</v>
      </c>
      <c r="CF12" s="281">
        <v>4</v>
      </c>
      <c r="CG12" s="281">
        <v>10</v>
      </c>
      <c r="CH12" s="281">
        <v>7</v>
      </c>
      <c r="CI12" s="281">
        <v>4</v>
      </c>
      <c r="CJ12" s="278">
        <v>32</v>
      </c>
      <c r="CK12" s="283">
        <v>34</v>
      </c>
      <c r="CL12" s="277">
        <v>0</v>
      </c>
      <c r="CM12" s="281">
        <v>0</v>
      </c>
      <c r="CN12" s="278">
        <v>0</v>
      </c>
      <c r="CO12" s="280">
        <v>0</v>
      </c>
      <c r="CP12" s="281">
        <v>1</v>
      </c>
      <c r="CQ12" s="281">
        <v>2</v>
      </c>
      <c r="CR12" s="281">
        <v>0</v>
      </c>
      <c r="CS12" s="281">
        <v>1</v>
      </c>
      <c r="CT12" s="281">
        <v>1</v>
      </c>
      <c r="CU12" s="278">
        <v>5</v>
      </c>
      <c r="CV12" s="283">
        <v>5</v>
      </c>
      <c r="CW12" s="277">
        <v>0</v>
      </c>
      <c r="CX12" s="281">
        <v>0</v>
      </c>
      <c r="CY12" s="278">
        <v>0</v>
      </c>
      <c r="CZ12" s="280">
        <v>0</v>
      </c>
      <c r="DA12" s="281">
        <v>0</v>
      </c>
      <c r="DB12" s="281">
        <v>0</v>
      </c>
      <c r="DC12" s="281">
        <v>0</v>
      </c>
      <c r="DD12" s="281">
        <v>0</v>
      </c>
      <c r="DE12" s="281">
        <v>0</v>
      </c>
      <c r="DF12" s="278">
        <v>0</v>
      </c>
      <c r="DG12" s="283">
        <v>0</v>
      </c>
      <c r="DH12" s="277">
        <v>0</v>
      </c>
      <c r="DI12" s="281">
        <v>0</v>
      </c>
      <c r="DJ12" s="278">
        <v>0</v>
      </c>
      <c r="DK12" s="280">
        <v>0</v>
      </c>
      <c r="DL12" s="281">
        <v>0</v>
      </c>
      <c r="DM12" s="281">
        <v>0</v>
      </c>
      <c r="DN12" s="281">
        <v>0</v>
      </c>
      <c r="DO12" s="281">
        <v>0</v>
      </c>
      <c r="DP12" s="281">
        <v>0</v>
      </c>
      <c r="DQ12" s="278">
        <v>0</v>
      </c>
      <c r="DR12" s="283">
        <v>0</v>
      </c>
      <c r="DS12" s="277">
        <v>28</v>
      </c>
      <c r="DT12" s="281">
        <v>28</v>
      </c>
      <c r="DU12" s="278">
        <v>56</v>
      </c>
      <c r="DV12" s="280">
        <v>0</v>
      </c>
      <c r="DW12" s="281">
        <v>87</v>
      </c>
      <c r="DX12" s="281">
        <v>89</v>
      </c>
      <c r="DY12" s="281">
        <v>65</v>
      </c>
      <c r="DZ12" s="281">
        <v>50</v>
      </c>
      <c r="EA12" s="281">
        <v>32</v>
      </c>
      <c r="EB12" s="278">
        <v>323</v>
      </c>
      <c r="EC12" s="283">
        <v>379</v>
      </c>
      <c r="ED12" s="277">
        <v>9</v>
      </c>
      <c r="EE12" s="281">
        <v>6</v>
      </c>
      <c r="EF12" s="278">
        <v>15</v>
      </c>
      <c r="EG12" s="280">
        <v>0</v>
      </c>
      <c r="EH12" s="281">
        <v>23</v>
      </c>
      <c r="EI12" s="281">
        <v>18</v>
      </c>
      <c r="EJ12" s="281">
        <v>11</v>
      </c>
      <c r="EK12" s="281">
        <v>14</v>
      </c>
      <c r="EL12" s="281">
        <v>8</v>
      </c>
      <c r="EM12" s="278">
        <v>74</v>
      </c>
      <c r="EN12" s="283">
        <v>89</v>
      </c>
      <c r="EO12" s="277">
        <v>36</v>
      </c>
      <c r="EP12" s="281">
        <v>35</v>
      </c>
      <c r="EQ12" s="278">
        <v>71</v>
      </c>
      <c r="ER12" s="280">
        <v>0</v>
      </c>
      <c r="ES12" s="281">
        <v>160</v>
      </c>
      <c r="ET12" s="281">
        <v>120</v>
      </c>
      <c r="EU12" s="281">
        <v>78</v>
      </c>
      <c r="EV12" s="281">
        <v>55</v>
      </c>
      <c r="EW12" s="281">
        <v>33</v>
      </c>
      <c r="EX12" s="278">
        <v>446</v>
      </c>
      <c r="EY12" s="283">
        <v>517</v>
      </c>
    </row>
    <row r="13" spans="1:155" ht="19.5" customHeight="1" x14ac:dyDescent="0.2">
      <c r="A13" s="262" t="s">
        <v>10</v>
      </c>
      <c r="B13" s="277">
        <v>0</v>
      </c>
      <c r="C13" s="281">
        <v>0</v>
      </c>
      <c r="D13" s="385">
        <v>0</v>
      </c>
      <c r="E13" s="280">
        <v>0</v>
      </c>
      <c r="F13" s="281">
        <v>83</v>
      </c>
      <c r="G13" s="281">
        <v>48</v>
      </c>
      <c r="H13" s="281">
        <v>39</v>
      </c>
      <c r="I13" s="281">
        <v>27</v>
      </c>
      <c r="J13" s="281">
        <v>23</v>
      </c>
      <c r="K13" s="282">
        <v>220</v>
      </c>
      <c r="L13" s="283">
        <v>220</v>
      </c>
      <c r="M13" s="277">
        <v>0</v>
      </c>
      <c r="N13" s="281">
        <v>0</v>
      </c>
      <c r="O13" s="278">
        <v>0</v>
      </c>
      <c r="P13" s="280">
        <v>0</v>
      </c>
      <c r="Q13" s="281">
        <v>0</v>
      </c>
      <c r="R13" s="281">
        <v>0</v>
      </c>
      <c r="S13" s="281">
        <v>4</v>
      </c>
      <c r="T13" s="281">
        <v>10</v>
      </c>
      <c r="U13" s="281">
        <v>13</v>
      </c>
      <c r="V13" s="278">
        <v>27</v>
      </c>
      <c r="W13" s="283">
        <v>27</v>
      </c>
      <c r="X13" s="277">
        <v>23</v>
      </c>
      <c r="Y13" s="281">
        <v>25</v>
      </c>
      <c r="Z13" s="278">
        <v>48</v>
      </c>
      <c r="AA13" s="280">
        <v>0</v>
      </c>
      <c r="AB13" s="281">
        <v>61</v>
      </c>
      <c r="AC13" s="281">
        <v>43</v>
      </c>
      <c r="AD13" s="281">
        <v>23</v>
      </c>
      <c r="AE13" s="281">
        <v>23</v>
      </c>
      <c r="AF13" s="281">
        <v>15</v>
      </c>
      <c r="AG13" s="278">
        <v>165</v>
      </c>
      <c r="AH13" s="283">
        <v>213</v>
      </c>
      <c r="AI13" s="277">
        <v>2</v>
      </c>
      <c r="AJ13" s="281">
        <v>5</v>
      </c>
      <c r="AK13" s="278">
        <v>7</v>
      </c>
      <c r="AL13" s="280">
        <v>0</v>
      </c>
      <c r="AM13" s="281">
        <v>11</v>
      </c>
      <c r="AN13" s="281">
        <v>3</v>
      </c>
      <c r="AO13" s="281">
        <v>4</v>
      </c>
      <c r="AP13" s="281">
        <v>4</v>
      </c>
      <c r="AQ13" s="281">
        <v>2</v>
      </c>
      <c r="AR13" s="278">
        <v>24</v>
      </c>
      <c r="AS13" s="283">
        <v>31</v>
      </c>
      <c r="AT13" s="277">
        <v>12</v>
      </c>
      <c r="AU13" s="281">
        <v>25</v>
      </c>
      <c r="AV13" s="278">
        <v>37</v>
      </c>
      <c r="AW13" s="280">
        <v>0</v>
      </c>
      <c r="AX13" s="281">
        <v>88</v>
      </c>
      <c r="AY13" s="281">
        <v>78</v>
      </c>
      <c r="AZ13" s="281">
        <v>71</v>
      </c>
      <c r="BA13" s="281">
        <v>57</v>
      </c>
      <c r="BB13" s="281">
        <v>54</v>
      </c>
      <c r="BC13" s="282">
        <v>348</v>
      </c>
      <c r="BD13" s="283">
        <v>385</v>
      </c>
      <c r="BE13" s="277">
        <v>0</v>
      </c>
      <c r="BF13" s="281">
        <v>0</v>
      </c>
      <c r="BG13" s="278">
        <v>0</v>
      </c>
      <c r="BH13" s="280">
        <v>0</v>
      </c>
      <c r="BI13" s="281">
        <v>121</v>
      </c>
      <c r="BJ13" s="281">
        <v>63</v>
      </c>
      <c r="BK13" s="281">
        <v>41</v>
      </c>
      <c r="BL13" s="281">
        <v>16</v>
      </c>
      <c r="BM13" s="281">
        <v>7</v>
      </c>
      <c r="BN13" s="278">
        <v>248</v>
      </c>
      <c r="BO13" s="283">
        <v>248</v>
      </c>
      <c r="BP13" s="277">
        <v>3</v>
      </c>
      <c r="BQ13" s="281">
        <v>3</v>
      </c>
      <c r="BR13" s="278">
        <v>6</v>
      </c>
      <c r="BS13" s="280">
        <v>0</v>
      </c>
      <c r="BT13" s="281">
        <v>20</v>
      </c>
      <c r="BU13" s="281">
        <v>12</v>
      </c>
      <c r="BV13" s="281">
        <v>11</v>
      </c>
      <c r="BW13" s="281">
        <v>4</v>
      </c>
      <c r="BX13" s="281">
        <v>1</v>
      </c>
      <c r="BY13" s="278">
        <v>48</v>
      </c>
      <c r="BZ13" s="283">
        <v>54</v>
      </c>
      <c r="CA13" s="277">
        <v>0</v>
      </c>
      <c r="CB13" s="281">
        <v>1</v>
      </c>
      <c r="CC13" s="278">
        <v>1</v>
      </c>
      <c r="CD13" s="280">
        <v>0</v>
      </c>
      <c r="CE13" s="281">
        <v>13</v>
      </c>
      <c r="CF13" s="281">
        <v>19</v>
      </c>
      <c r="CG13" s="281">
        <v>20</v>
      </c>
      <c r="CH13" s="281">
        <v>8</v>
      </c>
      <c r="CI13" s="281">
        <v>4</v>
      </c>
      <c r="CJ13" s="278">
        <v>64</v>
      </c>
      <c r="CK13" s="283">
        <v>65</v>
      </c>
      <c r="CL13" s="277">
        <v>0</v>
      </c>
      <c r="CM13" s="281">
        <v>0</v>
      </c>
      <c r="CN13" s="278">
        <v>0</v>
      </c>
      <c r="CO13" s="280">
        <v>0</v>
      </c>
      <c r="CP13" s="281">
        <v>0</v>
      </c>
      <c r="CQ13" s="281">
        <v>3</v>
      </c>
      <c r="CR13" s="281">
        <v>4</v>
      </c>
      <c r="CS13" s="281">
        <v>0</v>
      </c>
      <c r="CT13" s="281">
        <v>0</v>
      </c>
      <c r="CU13" s="278">
        <v>7</v>
      </c>
      <c r="CV13" s="283">
        <v>7</v>
      </c>
      <c r="CW13" s="277">
        <v>0</v>
      </c>
      <c r="CX13" s="281">
        <v>0</v>
      </c>
      <c r="CY13" s="278">
        <v>0</v>
      </c>
      <c r="CZ13" s="280">
        <v>0</v>
      </c>
      <c r="DA13" s="281">
        <v>0</v>
      </c>
      <c r="DB13" s="281">
        <v>0</v>
      </c>
      <c r="DC13" s="281">
        <v>0</v>
      </c>
      <c r="DD13" s="281">
        <v>0</v>
      </c>
      <c r="DE13" s="281">
        <v>0</v>
      </c>
      <c r="DF13" s="278">
        <v>0</v>
      </c>
      <c r="DG13" s="283">
        <v>0</v>
      </c>
      <c r="DH13" s="277">
        <v>0</v>
      </c>
      <c r="DI13" s="281">
        <v>0</v>
      </c>
      <c r="DJ13" s="278">
        <v>0</v>
      </c>
      <c r="DK13" s="280">
        <v>0</v>
      </c>
      <c r="DL13" s="281">
        <v>0</v>
      </c>
      <c r="DM13" s="281">
        <v>0</v>
      </c>
      <c r="DN13" s="281">
        <v>0</v>
      </c>
      <c r="DO13" s="281">
        <v>0</v>
      </c>
      <c r="DP13" s="281">
        <v>0</v>
      </c>
      <c r="DQ13" s="278">
        <v>0</v>
      </c>
      <c r="DR13" s="283">
        <v>0</v>
      </c>
      <c r="DS13" s="277">
        <v>64</v>
      </c>
      <c r="DT13" s="281">
        <v>82</v>
      </c>
      <c r="DU13" s="278">
        <v>146</v>
      </c>
      <c r="DV13" s="280">
        <v>0</v>
      </c>
      <c r="DW13" s="281">
        <v>136</v>
      </c>
      <c r="DX13" s="281">
        <v>130</v>
      </c>
      <c r="DY13" s="281">
        <v>83</v>
      </c>
      <c r="DZ13" s="281">
        <v>57</v>
      </c>
      <c r="EA13" s="281">
        <v>37</v>
      </c>
      <c r="EB13" s="278">
        <v>443</v>
      </c>
      <c r="EC13" s="283">
        <v>589</v>
      </c>
      <c r="ED13" s="277">
        <v>8</v>
      </c>
      <c r="EE13" s="281">
        <v>9</v>
      </c>
      <c r="EF13" s="278">
        <v>17</v>
      </c>
      <c r="EG13" s="280">
        <v>0</v>
      </c>
      <c r="EH13" s="281">
        <v>33</v>
      </c>
      <c r="EI13" s="281">
        <v>17</v>
      </c>
      <c r="EJ13" s="281">
        <v>18</v>
      </c>
      <c r="EK13" s="281">
        <v>16</v>
      </c>
      <c r="EL13" s="281">
        <v>14</v>
      </c>
      <c r="EM13" s="278">
        <v>98</v>
      </c>
      <c r="EN13" s="283">
        <v>115</v>
      </c>
      <c r="EO13" s="277">
        <v>85</v>
      </c>
      <c r="EP13" s="281">
        <v>95</v>
      </c>
      <c r="EQ13" s="278">
        <v>180</v>
      </c>
      <c r="ER13" s="280">
        <v>0</v>
      </c>
      <c r="ES13" s="281">
        <v>262</v>
      </c>
      <c r="ET13" s="281">
        <v>159</v>
      </c>
      <c r="EU13" s="281">
        <v>88</v>
      </c>
      <c r="EV13" s="281">
        <v>59</v>
      </c>
      <c r="EW13" s="281">
        <v>35</v>
      </c>
      <c r="EX13" s="278">
        <v>603</v>
      </c>
      <c r="EY13" s="283">
        <v>783</v>
      </c>
    </row>
    <row r="14" spans="1:155" ht="19.5" customHeight="1" x14ac:dyDescent="0.2">
      <c r="A14" s="262" t="s">
        <v>11</v>
      </c>
      <c r="B14" s="277">
        <v>0</v>
      </c>
      <c r="C14" s="281">
        <v>0</v>
      </c>
      <c r="D14" s="385">
        <v>0</v>
      </c>
      <c r="E14" s="280">
        <v>0</v>
      </c>
      <c r="F14" s="281">
        <v>18</v>
      </c>
      <c r="G14" s="281">
        <v>14</v>
      </c>
      <c r="H14" s="281">
        <v>12</v>
      </c>
      <c r="I14" s="281">
        <v>14</v>
      </c>
      <c r="J14" s="281">
        <v>6</v>
      </c>
      <c r="K14" s="282">
        <v>64</v>
      </c>
      <c r="L14" s="283">
        <v>64</v>
      </c>
      <c r="M14" s="277">
        <v>0</v>
      </c>
      <c r="N14" s="281">
        <v>0</v>
      </c>
      <c r="O14" s="278">
        <v>0</v>
      </c>
      <c r="P14" s="280">
        <v>0</v>
      </c>
      <c r="Q14" s="281">
        <v>0</v>
      </c>
      <c r="R14" s="281">
        <v>0</v>
      </c>
      <c r="S14" s="281">
        <v>3</v>
      </c>
      <c r="T14" s="281">
        <v>4</v>
      </c>
      <c r="U14" s="281">
        <v>3</v>
      </c>
      <c r="V14" s="278">
        <v>10</v>
      </c>
      <c r="W14" s="283">
        <v>10</v>
      </c>
      <c r="X14" s="277">
        <v>4</v>
      </c>
      <c r="Y14" s="281">
        <v>4</v>
      </c>
      <c r="Z14" s="278">
        <v>8</v>
      </c>
      <c r="AA14" s="280">
        <v>0</v>
      </c>
      <c r="AB14" s="281">
        <v>22</v>
      </c>
      <c r="AC14" s="281">
        <v>17</v>
      </c>
      <c r="AD14" s="281">
        <v>15</v>
      </c>
      <c r="AE14" s="281">
        <v>13</v>
      </c>
      <c r="AF14" s="281">
        <v>8</v>
      </c>
      <c r="AG14" s="278">
        <v>75</v>
      </c>
      <c r="AH14" s="283">
        <v>83</v>
      </c>
      <c r="AI14" s="277">
        <v>0</v>
      </c>
      <c r="AJ14" s="281">
        <v>1</v>
      </c>
      <c r="AK14" s="278">
        <v>1</v>
      </c>
      <c r="AL14" s="280">
        <v>0</v>
      </c>
      <c r="AM14" s="281">
        <v>2</v>
      </c>
      <c r="AN14" s="281">
        <v>1</v>
      </c>
      <c r="AO14" s="281">
        <v>2</v>
      </c>
      <c r="AP14" s="281">
        <v>5</v>
      </c>
      <c r="AQ14" s="281">
        <v>0</v>
      </c>
      <c r="AR14" s="278">
        <v>10</v>
      </c>
      <c r="AS14" s="283">
        <v>11</v>
      </c>
      <c r="AT14" s="277">
        <v>6</v>
      </c>
      <c r="AU14" s="281">
        <v>7</v>
      </c>
      <c r="AV14" s="278">
        <v>13</v>
      </c>
      <c r="AW14" s="280">
        <v>0</v>
      </c>
      <c r="AX14" s="281">
        <v>28</v>
      </c>
      <c r="AY14" s="281">
        <v>28</v>
      </c>
      <c r="AZ14" s="281">
        <v>33</v>
      </c>
      <c r="BA14" s="281">
        <v>30</v>
      </c>
      <c r="BB14" s="281">
        <v>16</v>
      </c>
      <c r="BC14" s="282">
        <v>135</v>
      </c>
      <c r="BD14" s="283">
        <v>148</v>
      </c>
      <c r="BE14" s="277">
        <v>0</v>
      </c>
      <c r="BF14" s="281">
        <v>0</v>
      </c>
      <c r="BG14" s="278">
        <v>0</v>
      </c>
      <c r="BH14" s="280">
        <v>0</v>
      </c>
      <c r="BI14" s="281">
        <v>37</v>
      </c>
      <c r="BJ14" s="281">
        <v>21</v>
      </c>
      <c r="BK14" s="281">
        <v>15</v>
      </c>
      <c r="BL14" s="281">
        <v>11</v>
      </c>
      <c r="BM14" s="281">
        <v>2</v>
      </c>
      <c r="BN14" s="278">
        <v>86</v>
      </c>
      <c r="BO14" s="283">
        <v>86</v>
      </c>
      <c r="BP14" s="277">
        <v>3</v>
      </c>
      <c r="BQ14" s="281">
        <v>3</v>
      </c>
      <c r="BR14" s="278">
        <v>6</v>
      </c>
      <c r="BS14" s="280">
        <v>0</v>
      </c>
      <c r="BT14" s="281">
        <v>18</v>
      </c>
      <c r="BU14" s="281">
        <v>11</v>
      </c>
      <c r="BV14" s="281">
        <v>3</v>
      </c>
      <c r="BW14" s="281">
        <v>5</v>
      </c>
      <c r="BX14" s="281">
        <v>1</v>
      </c>
      <c r="BY14" s="278">
        <v>38</v>
      </c>
      <c r="BZ14" s="283">
        <v>44</v>
      </c>
      <c r="CA14" s="277">
        <v>1</v>
      </c>
      <c r="CB14" s="281">
        <v>0</v>
      </c>
      <c r="CC14" s="278">
        <v>1</v>
      </c>
      <c r="CD14" s="280">
        <v>0</v>
      </c>
      <c r="CE14" s="281">
        <v>8</v>
      </c>
      <c r="CF14" s="281">
        <v>5</v>
      </c>
      <c r="CG14" s="281">
        <v>5</v>
      </c>
      <c r="CH14" s="281">
        <v>10</v>
      </c>
      <c r="CI14" s="281">
        <v>0</v>
      </c>
      <c r="CJ14" s="278">
        <v>28</v>
      </c>
      <c r="CK14" s="283">
        <v>29</v>
      </c>
      <c r="CL14" s="277">
        <v>0</v>
      </c>
      <c r="CM14" s="281">
        <v>0</v>
      </c>
      <c r="CN14" s="278">
        <v>0</v>
      </c>
      <c r="CO14" s="280">
        <v>0</v>
      </c>
      <c r="CP14" s="281">
        <v>0</v>
      </c>
      <c r="CQ14" s="281">
        <v>1</v>
      </c>
      <c r="CR14" s="281">
        <v>0</v>
      </c>
      <c r="CS14" s="281">
        <v>2</v>
      </c>
      <c r="CT14" s="281">
        <v>0</v>
      </c>
      <c r="CU14" s="278">
        <v>3</v>
      </c>
      <c r="CV14" s="283">
        <v>3</v>
      </c>
      <c r="CW14" s="277">
        <v>0</v>
      </c>
      <c r="CX14" s="281">
        <v>0</v>
      </c>
      <c r="CY14" s="278">
        <v>0</v>
      </c>
      <c r="CZ14" s="280">
        <v>0</v>
      </c>
      <c r="DA14" s="281">
        <v>0</v>
      </c>
      <c r="DB14" s="281">
        <v>0</v>
      </c>
      <c r="DC14" s="281">
        <v>0</v>
      </c>
      <c r="DD14" s="281">
        <v>0</v>
      </c>
      <c r="DE14" s="281">
        <v>0</v>
      </c>
      <c r="DF14" s="278">
        <v>0</v>
      </c>
      <c r="DG14" s="283">
        <v>0</v>
      </c>
      <c r="DH14" s="277">
        <v>0</v>
      </c>
      <c r="DI14" s="281">
        <v>0</v>
      </c>
      <c r="DJ14" s="278">
        <v>0</v>
      </c>
      <c r="DK14" s="280">
        <v>0</v>
      </c>
      <c r="DL14" s="281">
        <v>0</v>
      </c>
      <c r="DM14" s="281">
        <v>0</v>
      </c>
      <c r="DN14" s="281">
        <v>0</v>
      </c>
      <c r="DO14" s="281">
        <v>0</v>
      </c>
      <c r="DP14" s="281">
        <v>0</v>
      </c>
      <c r="DQ14" s="278">
        <v>0</v>
      </c>
      <c r="DR14" s="283">
        <v>0</v>
      </c>
      <c r="DS14" s="277">
        <v>23</v>
      </c>
      <c r="DT14" s="281">
        <v>28</v>
      </c>
      <c r="DU14" s="278">
        <v>51</v>
      </c>
      <c r="DV14" s="280">
        <v>0</v>
      </c>
      <c r="DW14" s="281">
        <v>56</v>
      </c>
      <c r="DX14" s="281">
        <v>53</v>
      </c>
      <c r="DY14" s="281">
        <v>40</v>
      </c>
      <c r="DZ14" s="281">
        <v>31</v>
      </c>
      <c r="EA14" s="281">
        <v>11</v>
      </c>
      <c r="EB14" s="278">
        <v>191</v>
      </c>
      <c r="EC14" s="283">
        <v>242</v>
      </c>
      <c r="ED14" s="277">
        <v>5</v>
      </c>
      <c r="EE14" s="281">
        <v>4</v>
      </c>
      <c r="EF14" s="278">
        <v>9</v>
      </c>
      <c r="EG14" s="280">
        <v>0</v>
      </c>
      <c r="EH14" s="281">
        <v>20</v>
      </c>
      <c r="EI14" s="281">
        <v>19</v>
      </c>
      <c r="EJ14" s="281">
        <v>11</v>
      </c>
      <c r="EK14" s="281">
        <v>17</v>
      </c>
      <c r="EL14" s="281">
        <v>7</v>
      </c>
      <c r="EM14" s="278">
        <v>74</v>
      </c>
      <c r="EN14" s="283">
        <v>83</v>
      </c>
      <c r="EO14" s="277">
        <v>30</v>
      </c>
      <c r="EP14" s="281">
        <v>30</v>
      </c>
      <c r="EQ14" s="278">
        <v>60</v>
      </c>
      <c r="ER14" s="280">
        <v>0</v>
      </c>
      <c r="ES14" s="281">
        <v>108</v>
      </c>
      <c r="ET14" s="281">
        <v>63</v>
      </c>
      <c r="EU14" s="281">
        <v>51</v>
      </c>
      <c r="EV14" s="281">
        <v>36</v>
      </c>
      <c r="EW14" s="281">
        <v>12</v>
      </c>
      <c r="EX14" s="278">
        <v>270</v>
      </c>
      <c r="EY14" s="283">
        <v>330</v>
      </c>
    </row>
    <row r="15" spans="1:155" ht="19.5" customHeight="1" x14ac:dyDescent="0.2">
      <c r="A15" s="262" t="s">
        <v>12</v>
      </c>
      <c r="B15" s="277">
        <v>0</v>
      </c>
      <c r="C15" s="281">
        <v>0</v>
      </c>
      <c r="D15" s="385">
        <v>0</v>
      </c>
      <c r="E15" s="280">
        <v>0</v>
      </c>
      <c r="F15" s="281">
        <v>34</v>
      </c>
      <c r="G15" s="281">
        <v>31</v>
      </c>
      <c r="H15" s="281">
        <v>21</v>
      </c>
      <c r="I15" s="281">
        <v>22</v>
      </c>
      <c r="J15" s="281">
        <v>16</v>
      </c>
      <c r="K15" s="282">
        <v>124</v>
      </c>
      <c r="L15" s="283">
        <v>124</v>
      </c>
      <c r="M15" s="277">
        <v>0</v>
      </c>
      <c r="N15" s="281">
        <v>0</v>
      </c>
      <c r="O15" s="278">
        <v>0</v>
      </c>
      <c r="P15" s="280">
        <v>0</v>
      </c>
      <c r="Q15" s="281">
        <v>1</v>
      </c>
      <c r="R15" s="281">
        <v>0</v>
      </c>
      <c r="S15" s="281">
        <v>1</v>
      </c>
      <c r="T15" s="281">
        <v>1</v>
      </c>
      <c r="U15" s="281">
        <v>9</v>
      </c>
      <c r="V15" s="278">
        <v>12</v>
      </c>
      <c r="W15" s="283">
        <v>12</v>
      </c>
      <c r="X15" s="277">
        <v>22</v>
      </c>
      <c r="Y15" s="281">
        <v>14</v>
      </c>
      <c r="Z15" s="278">
        <v>36</v>
      </c>
      <c r="AA15" s="280">
        <v>0</v>
      </c>
      <c r="AB15" s="281">
        <v>32</v>
      </c>
      <c r="AC15" s="281">
        <v>33</v>
      </c>
      <c r="AD15" s="281">
        <v>19</v>
      </c>
      <c r="AE15" s="281">
        <v>10</v>
      </c>
      <c r="AF15" s="281">
        <v>11</v>
      </c>
      <c r="AG15" s="278">
        <v>105</v>
      </c>
      <c r="AH15" s="283">
        <v>141</v>
      </c>
      <c r="AI15" s="277">
        <v>0</v>
      </c>
      <c r="AJ15" s="281">
        <v>0</v>
      </c>
      <c r="AK15" s="278">
        <v>0</v>
      </c>
      <c r="AL15" s="280">
        <v>0</v>
      </c>
      <c r="AM15" s="281">
        <v>2</v>
      </c>
      <c r="AN15" s="281">
        <v>4</v>
      </c>
      <c r="AO15" s="281">
        <v>2</v>
      </c>
      <c r="AP15" s="281">
        <v>5</v>
      </c>
      <c r="AQ15" s="281">
        <v>2</v>
      </c>
      <c r="AR15" s="278">
        <v>15</v>
      </c>
      <c r="AS15" s="283">
        <v>15</v>
      </c>
      <c r="AT15" s="277">
        <v>8</v>
      </c>
      <c r="AU15" s="281">
        <v>12</v>
      </c>
      <c r="AV15" s="278">
        <v>20</v>
      </c>
      <c r="AW15" s="280">
        <v>0</v>
      </c>
      <c r="AX15" s="281">
        <v>31</v>
      </c>
      <c r="AY15" s="281">
        <v>22</v>
      </c>
      <c r="AZ15" s="281">
        <v>28</v>
      </c>
      <c r="BA15" s="281">
        <v>36</v>
      </c>
      <c r="BB15" s="281">
        <v>16</v>
      </c>
      <c r="BC15" s="282">
        <v>133</v>
      </c>
      <c r="BD15" s="283">
        <v>153</v>
      </c>
      <c r="BE15" s="277">
        <v>0</v>
      </c>
      <c r="BF15" s="281">
        <v>0</v>
      </c>
      <c r="BG15" s="278">
        <v>0</v>
      </c>
      <c r="BH15" s="280">
        <v>0</v>
      </c>
      <c r="BI15" s="281">
        <v>53</v>
      </c>
      <c r="BJ15" s="281">
        <v>23</v>
      </c>
      <c r="BK15" s="281">
        <v>22</v>
      </c>
      <c r="BL15" s="281">
        <v>6</v>
      </c>
      <c r="BM15" s="281">
        <v>3</v>
      </c>
      <c r="BN15" s="278">
        <v>107</v>
      </c>
      <c r="BO15" s="283">
        <v>107</v>
      </c>
      <c r="BP15" s="277">
        <v>9</v>
      </c>
      <c r="BQ15" s="281">
        <v>5</v>
      </c>
      <c r="BR15" s="278">
        <v>14</v>
      </c>
      <c r="BS15" s="280">
        <v>0</v>
      </c>
      <c r="BT15" s="281">
        <v>15</v>
      </c>
      <c r="BU15" s="281">
        <v>14</v>
      </c>
      <c r="BV15" s="281">
        <v>10</v>
      </c>
      <c r="BW15" s="281">
        <v>9</v>
      </c>
      <c r="BX15" s="281">
        <v>0</v>
      </c>
      <c r="BY15" s="278">
        <v>48</v>
      </c>
      <c r="BZ15" s="283">
        <v>62</v>
      </c>
      <c r="CA15" s="277">
        <v>0</v>
      </c>
      <c r="CB15" s="281">
        <v>0</v>
      </c>
      <c r="CC15" s="278">
        <v>0</v>
      </c>
      <c r="CD15" s="280">
        <v>0</v>
      </c>
      <c r="CE15" s="281">
        <v>9</v>
      </c>
      <c r="CF15" s="281">
        <v>6</v>
      </c>
      <c r="CG15" s="281">
        <v>8</v>
      </c>
      <c r="CH15" s="281">
        <v>10</v>
      </c>
      <c r="CI15" s="281">
        <v>2</v>
      </c>
      <c r="CJ15" s="278">
        <v>35</v>
      </c>
      <c r="CK15" s="283">
        <v>35</v>
      </c>
      <c r="CL15" s="277">
        <v>0</v>
      </c>
      <c r="CM15" s="281">
        <v>0</v>
      </c>
      <c r="CN15" s="278">
        <v>0</v>
      </c>
      <c r="CO15" s="280">
        <v>0</v>
      </c>
      <c r="CP15" s="281">
        <v>0</v>
      </c>
      <c r="CQ15" s="281">
        <v>1</v>
      </c>
      <c r="CR15" s="281">
        <v>0</v>
      </c>
      <c r="CS15" s="281">
        <v>0</v>
      </c>
      <c r="CT15" s="281">
        <v>0</v>
      </c>
      <c r="CU15" s="278">
        <v>1</v>
      </c>
      <c r="CV15" s="283">
        <v>1</v>
      </c>
      <c r="CW15" s="277">
        <v>0</v>
      </c>
      <c r="CX15" s="281">
        <v>0</v>
      </c>
      <c r="CY15" s="278">
        <v>0</v>
      </c>
      <c r="CZ15" s="280">
        <v>0</v>
      </c>
      <c r="DA15" s="281">
        <v>0</v>
      </c>
      <c r="DB15" s="281">
        <v>0</v>
      </c>
      <c r="DC15" s="281">
        <v>0</v>
      </c>
      <c r="DD15" s="281">
        <v>0</v>
      </c>
      <c r="DE15" s="281">
        <v>0</v>
      </c>
      <c r="DF15" s="278">
        <v>0</v>
      </c>
      <c r="DG15" s="283">
        <v>0</v>
      </c>
      <c r="DH15" s="277">
        <v>0</v>
      </c>
      <c r="DI15" s="281">
        <v>0</v>
      </c>
      <c r="DJ15" s="278">
        <v>0</v>
      </c>
      <c r="DK15" s="280">
        <v>0</v>
      </c>
      <c r="DL15" s="281">
        <v>0</v>
      </c>
      <c r="DM15" s="281">
        <v>0</v>
      </c>
      <c r="DN15" s="281">
        <v>0</v>
      </c>
      <c r="DO15" s="281">
        <v>0</v>
      </c>
      <c r="DP15" s="281">
        <v>0</v>
      </c>
      <c r="DQ15" s="278">
        <v>0</v>
      </c>
      <c r="DR15" s="283">
        <v>0</v>
      </c>
      <c r="DS15" s="277">
        <v>18</v>
      </c>
      <c r="DT15" s="281">
        <v>45</v>
      </c>
      <c r="DU15" s="278">
        <v>63</v>
      </c>
      <c r="DV15" s="280">
        <v>0</v>
      </c>
      <c r="DW15" s="281">
        <v>37</v>
      </c>
      <c r="DX15" s="281">
        <v>74</v>
      </c>
      <c r="DY15" s="281">
        <v>59</v>
      </c>
      <c r="DZ15" s="281">
        <v>44</v>
      </c>
      <c r="EA15" s="281">
        <v>20</v>
      </c>
      <c r="EB15" s="278">
        <v>234</v>
      </c>
      <c r="EC15" s="283">
        <v>297</v>
      </c>
      <c r="ED15" s="277">
        <v>1</v>
      </c>
      <c r="EE15" s="281">
        <v>5</v>
      </c>
      <c r="EF15" s="278">
        <v>6</v>
      </c>
      <c r="EG15" s="280">
        <v>0</v>
      </c>
      <c r="EH15" s="281">
        <v>6</v>
      </c>
      <c r="EI15" s="281">
        <v>6</v>
      </c>
      <c r="EJ15" s="281">
        <v>9</v>
      </c>
      <c r="EK15" s="281">
        <v>14</v>
      </c>
      <c r="EL15" s="281">
        <v>1</v>
      </c>
      <c r="EM15" s="278">
        <v>36</v>
      </c>
      <c r="EN15" s="283">
        <v>42</v>
      </c>
      <c r="EO15" s="277">
        <v>45</v>
      </c>
      <c r="EP15" s="281">
        <v>59</v>
      </c>
      <c r="EQ15" s="278">
        <v>104</v>
      </c>
      <c r="ER15" s="280">
        <v>0</v>
      </c>
      <c r="ES15" s="281">
        <v>123</v>
      </c>
      <c r="ET15" s="281">
        <v>90</v>
      </c>
      <c r="EU15" s="281">
        <v>65</v>
      </c>
      <c r="EV15" s="281">
        <v>40</v>
      </c>
      <c r="EW15" s="281">
        <v>21</v>
      </c>
      <c r="EX15" s="278">
        <v>339</v>
      </c>
      <c r="EY15" s="283">
        <v>443</v>
      </c>
    </row>
    <row r="16" spans="1:155" ht="19.5" customHeight="1" x14ac:dyDescent="0.2">
      <c r="A16" s="262" t="s">
        <v>13</v>
      </c>
      <c r="B16" s="277">
        <v>0</v>
      </c>
      <c r="C16" s="281">
        <v>0</v>
      </c>
      <c r="D16" s="385">
        <v>0</v>
      </c>
      <c r="E16" s="280">
        <v>0</v>
      </c>
      <c r="F16" s="281">
        <v>24</v>
      </c>
      <c r="G16" s="281">
        <v>26</v>
      </c>
      <c r="H16" s="281">
        <v>8</v>
      </c>
      <c r="I16" s="281">
        <v>8</v>
      </c>
      <c r="J16" s="281">
        <v>7</v>
      </c>
      <c r="K16" s="282">
        <v>73</v>
      </c>
      <c r="L16" s="283">
        <v>73</v>
      </c>
      <c r="M16" s="277">
        <v>0</v>
      </c>
      <c r="N16" s="281">
        <v>0</v>
      </c>
      <c r="O16" s="278">
        <v>0</v>
      </c>
      <c r="P16" s="280">
        <v>0</v>
      </c>
      <c r="Q16" s="281">
        <v>0</v>
      </c>
      <c r="R16" s="281">
        <v>0</v>
      </c>
      <c r="S16" s="281">
        <v>1</v>
      </c>
      <c r="T16" s="281">
        <v>2</v>
      </c>
      <c r="U16" s="281">
        <v>3</v>
      </c>
      <c r="V16" s="278">
        <v>6</v>
      </c>
      <c r="W16" s="283">
        <v>6</v>
      </c>
      <c r="X16" s="277">
        <v>1</v>
      </c>
      <c r="Y16" s="281">
        <v>0</v>
      </c>
      <c r="Z16" s="278">
        <v>1</v>
      </c>
      <c r="AA16" s="280">
        <v>0</v>
      </c>
      <c r="AB16" s="281">
        <v>8</v>
      </c>
      <c r="AC16" s="281">
        <v>15</v>
      </c>
      <c r="AD16" s="281">
        <v>6</v>
      </c>
      <c r="AE16" s="281">
        <v>8</v>
      </c>
      <c r="AF16" s="281">
        <v>7</v>
      </c>
      <c r="AG16" s="278">
        <v>44</v>
      </c>
      <c r="AH16" s="283">
        <v>45</v>
      </c>
      <c r="AI16" s="277">
        <v>0</v>
      </c>
      <c r="AJ16" s="281">
        <v>0</v>
      </c>
      <c r="AK16" s="278">
        <v>0</v>
      </c>
      <c r="AL16" s="280">
        <v>0</v>
      </c>
      <c r="AM16" s="281">
        <v>2</v>
      </c>
      <c r="AN16" s="281">
        <v>1</v>
      </c>
      <c r="AO16" s="281">
        <v>0</v>
      </c>
      <c r="AP16" s="281">
        <v>0</v>
      </c>
      <c r="AQ16" s="281">
        <v>1</v>
      </c>
      <c r="AR16" s="278">
        <v>4</v>
      </c>
      <c r="AS16" s="283">
        <v>4</v>
      </c>
      <c r="AT16" s="277">
        <v>2</v>
      </c>
      <c r="AU16" s="281">
        <v>0</v>
      </c>
      <c r="AV16" s="278">
        <v>2</v>
      </c>
      <c r="AW16" s="280">
        <v>0</v>
      </c>
      <c r="AX16" s="281">
        <v>14</v>
      </c>
      <c r="AY16" s="281">
        <v>20</v>
      </c>
      <c r="AZ16" s="281">
        <v>11</v>
      </c>
      <c r="BA16" s="281">
        <v>19</v>
      </c>
      <c r="BB16" s="281">
        <v>12</v>
      </c>
      <c r="BC16" s="282">
        <v>76</v>
      </c>
      <c r="BD16" s="283">
        <v>78</v>
      </c>
      <c r="BE16" s="277">
        <v>0</v>
      </c>
      <c r="BF16" s="281">
        <v>0</v>
      </c>
      <c r="BG16" s="278">
        <v>0</v>
      </c>
      <c r="BH16" s="280">
        <v>0</v>
      </c>
      <c r="BI16" s="281">
        <v>14</v>
      </c>
      <c r="BJ16" s="281">
        <v>23</v>
      </c>
      <c r="BK16" s="281">
        <v>12</v>
      </c>
      <c r="BL16" s="281">
        <v>6</v>
      </c>
      <c r="BM16" s="281">
        <v>3</v>
      </c>
      <c r="BN16" s="278">
        <v>58</v>
      </c>
      <c r="BO16" s="283">
        <v>58</v>
      </c>
      <c r="BP16" s="277">
        <v>0</v>
      </c>
      <c r="BQ16" s="281">
        <v>2</v>
      </c>
      <c r="BR16" s="278">
        <v>2</v>
      </c>
      <c r="BS16" s="280">
        <v>0</v>
      </c>
      <c r="BT16" s="281">
        <v>5</v>
      </c>
      <c r="BU16" s="281">
        <v>5</v>
      </c>
      <c r="BV16" s="281">
        <v>4</v>
      </c>
      <c r="BW16" s="281">
        <v>4</v>
      </c>
      <c r="BX16" s="281">
        <v>0</v>
      </c>
      <c r="BY16" s="278">
        <v>18</v>
      </c>
      <c r="BZ16" s="283">
        <v>20</v>
      </c>
      <c r="CA16" s="277">
        <v>0</v>
      </c>
      <c r="CB16" s="281">
        <v>0</v>
      </c>
      <c r="CC16" s="278">
        <v>0</v>
      </c>
      <c r="CD16" s="280">
        <v>0</v>
      </c>
      <c r="CE16" s="281">
        <v>2</v>
      </c>
      <c r="CF16" s="281">
        <v>4</v>
      </c>
      <c r="CG16" s="281">
        <v>5</v>
      </c>
      <c r="CH16" s="281">
        <v>3</v>
      </c>
      <c r="CI16" s="281">
        <v>2</v>
      </c>
      <c r="CJ16" s="278">
        <v>16</v>
      </c>
      <c r="CK16" s="283">
        <v>16</v>
      </c>
      <c r="CL16" s="277">
        <v>0</v>
      </c>
      <c r="CM16" s="281">
        <v>0</v>
      </c>
      <c r="CN16" s="278">
        <v>0</v>
      </c>
      <c r="CO16" s="280">
        <v>0</v>
      </c>
      <c r="CP16" s="281">
        <v>0</v>
      </c>
      <c r="CQ16" s="281">
        <v>0</v>
      </c>
      <c r="CR16" s="281">
        <v>0</v>
      </c>
      <c r="CS16" s="281">
        <v>0</v>
      </c>
      <c r="CT16" s="281">
        <v>0</v>
      </c>
      <c r="CU16" s="278">
        <v>0</v>
      </c>
      <c r="CV16" s="283">
        <v>0</v>
      </c>
      <c r="CW16" s="277">
        <v>0</v>
      </c>
      <c r="CX16" s="281">
        <v>0</v>
      </c>
      <c r="CY16" s="278">
        <v>0</v>
      </c>
      <c r="CZ16" s="280">
        <v>0</v>
      </c>
      <c r="DA16" s="281">
        <v>0</v>
      </c>
      <c r="DB16" s="281">
        <v>0</v>
      </c>
      <c r="DC16" s="281">
        <v>0</v>
      </c>
      <c r="DD16" s="281">
        <v>0</v>
      </c>
      <c r="DE16" s="281">
        <v>0</v>
      </c>
      <c r="DF16" s="278">
        <v>0</v>
      </c>
      <c r="DG16" s="283">
        <v>0</v>
      </c>
      <c r="DH16" s="277">
        <v>0</v>
      </c>
      <c r="DI16" s="281">
        <v>0</v>
      </c>
      <c r="DJ16" s="278">
        <v>0</v>
      </c>
      <c r="DK16" s="280">
        <v>0</v>
      </c>
      <c r="DL16" s="281">
        <v>0</v>
      </c>
      <c r="DM16" s="281">
        <v>0</v>
      </c>
      <c r="DN16" s="281">
        <v>0</v>
      </c>
      <c r="DO16" s="281">
        <v>0</v>
      </c>
      <c r="DP16" s="281">
        <v>0</v>
      </c>
      <c r="DQ16" s="278">
        <v>0</v>
      </c>
      <c r="DR16" s="283">
        <v>0</v>
      </c>
      <c r="DS16" s="277">
        <v>4</v>
      </c>
      <c r="DT16" s="281">
        <v>11</v>
      </c>
      <c r="DU16" s="278">
        <v>15</v>
      </c>
      <c r="DV16" s="280">
        <v>0</v>
      </c>
      <c r="DW16" s="281">
        <v>22</v>
      </c>
      <c r="DX16" s="281">
        <v>32</v>
      </c>
      <c r="DY16" s="281">
        <v>17</v>
      </c>
      <c r="DZ16" s="281">
        <v>21</v>
      </c>
      <c r="EA16" s="281">
        <v>6</v>
      </c>
      <c r="EB16" s="278">
        <v>98</v>
      </c>
      <c r="EC16" s="283">
        <v>113</v>
      </c>
      <c r="ED16" s="277">
        <v>1</v>
      </c>
      <c r="EE16" s="281">
        <v>0</v>
      </c>
      <c r="EF16" s="278">
        <v>1</v>
      </c>
      <c r="EG16" s="280">
        <v>0</v>
      </c>
      <c r="EH16" s="281">
        <v>6</v>
      </c>
      <c r="EI16" s="281">
        <v>7</v>
      </c>
      <c r="EJ16" s="281">
        <v>3</v>
      </c>
      <c r="EK16" s="281">
        <v>10</v>
      </c>
      <c r="EL16" s="281">
        <v>6</v>
      </c>
      <c r="EM16" s="278">
        <v>32</v>
      </c>
      <c r="EN16" s="283">
        <v>33</v>
      </c>
      <c r="EO16" s="277">
        <v>5</v>
      </c>
      <c r="EP16" s="281">
        <v>12</v>
      </c>
      <c r="EQ16" s="278">
        <v>17</v>
      </c>
      <c r="ER16" s="280">
        <v>0</v>
      </c>
      <c r="ES16" s="281">
        <v>55</v>
      </c>
      <c r="ET16" s="281">
        <v>51</v>
      </c>
      <c r="EU16" s="281">
        <v>26</v>
      </c>
      <c r="EV16" s="281">
        <v>23</v>
      </c>
      <c r="EW16" s="281">
        <v>9</v>
      </c>
      <c r="EX16" s="278">
        <v>164</v>
      </c>
      <c r="EY16" s="283">
        <v>181</v>
      </c>
    </row>
    <row r="17" spans="1:155" ht="19.5" customHeight="1" x14ac:dyDescent="0.2">
      <c r="A17" s="262" t="s">
        <v>15</v>
      </c>
      <c r="B17" s="277">
        <v>0</v>
      </c>
      <c r="C17" s="281">
        <v>0</v>
      </c>
      <c r="D17" s="385">
        <v>0</v>
      </c>
      <c r="E17" s="280">
        <v>0</v>
      </c>
      <c r="F17" s="281">
        <v>5</v>
      </c>
      <c r="G17" s="281">
        <v>5</v>
      </c>
      <c r="H17" s="281">
        <v>6</v>
      </c>
      <c r="I17" s="281">
        <v>2</v>
      </c>
      <c r="J17" s="281">
        <v>2</v>
      </c>
      <c r="K17" s="282">
        <v>20</v>
      </c>
      <c r="L17" s="283">
        <v>20</v>
      </c>
      <c r="M17" s="277">
        <v>0</v>
      </c>
      <c r="N17" s="281">
        <v>0</v>
      </c>
      <c r="O17" s="278">
        <v>0</v>
      </c>
      <c r="P17" s="280">
        <v>0</v>
      </c>
      <c r="Q17" s="281">
        <v>0</v>
      </c>
      <c r="R17" s="281">
        <v>0</v>
      </c>
      <c r="S17" s="281">
        <v>0</v>
      </c>
      <c r="T17" s="281">
        <v>4</v>
      </c>
      <c r="U17" s="281">
        <v>1</v>
      </c>
      <c r="V17" s="278">
        <v>5</v>
      </c>
      <c r="W17" s="283">
        <v>5</v>
      </c>
      <c r="X17" s="277">
        <v>1</v>
      </c>
      <c r="Y17" s="281">
        <v>0</v>
      </c>
      <c r="Z17" s="278">
        <v>1</v>
      </c>
      <c r="AA17" s="280">
        <v>0</v>
      </c>
      <c r="AB17" s="281">
        <v>2</v>
      </c>
      <c r="AC17" s="281">
        <v>7</v>
      </c>
      <c r="AD17" s="281">
        <v>1</v>
      </c>
      <c r="AE17" s="281">
        <v>4</v>
      </c>
      <c r="AF17" s="281">
        <v>1</v>
      </c>
      <c r="AG17" s="278">
        <v>15</v>
      </c>
      <c r="AH17" s="283">
        <v>16</v>
      </c>
      <c r="AI17" s="277">
        <v>0</v>
      </c>
      <c r="AJ17" s="281">
        <v>0</v>
      </c>
      <c r="AK17" s="278">
        <v>0</v>
      </c>
      <c r="AL17" s="280">
        <v>0</v>
      </c>
      <c r="AM17" s="281">
        <v>1</v>
      </c>
      <c r="AN17" s="281">
        <v>1</v>
      </c>
      <c r="AO17" s="281">
        <v>0</v>
      </c>
      <c r="AP17" s="281">
        <v>0</v>
      </c>
      <c r="AQ17" s="281">
        <v>1</v>
      </c>
      <c r="AR17" s="278">
        <v>3</v>
      </c>
      <c r="AS17" s="283">
        <v>3</v>
      </c>
      <c r="AT17" s="277">
        <v>1</v>
      </c>
      <c r="AU17" s="281">
        <v>0</v>
      </c>
      <c r="AV17" s="278">
        <v>1</v>
      </c>
      <c r="AW17" s="280">
        <v>0</v>
      </c>
      <c r="AX17" s="281">
        <v>5</v>
      </c>
      <c r="AY17" s="281">
        <v>7</v>
      </c>
      <c r="AZ17" s="281">
        <v>6</v>
      </c>
      <c r="BA17" s="281">
        <v>5</v>
      </c>
      <c r="BB17" s="281">
        <v>1</v>
      </c>
      <c r="BC17" s="282">
        <v>24</v>
      </c>
      <c r="BD17" s="283">
        <v>25</v>
      </c>
      <c r="BE17" s="277">
        <v>0</v>
      </c>
      <c r="BF17" s="281">
        <v>0</v>
      </c>
      <c r="BG17" s="278">
        <v>0</v>
      </c>
      <c r="BH17" s="280">
        <v>0</v>
      </c>
      <c r="BI17" s="281">
        <v>2</v>
      </c>
      <c r="BJ17" s="281">
        <v>6</v>
      </c>
      <c r="BK17" s="281">
        <v>3</v>
      </c>
      <c r="BL17" s="281">
        <v>0</v>
      </c>
      <c r="BM17" s="281">
        <v>0</v>
      </c>
      <c r="BN17" s="278">
        <v>11</v>
      </c>
      <c r="BO17" s="283">
        <v>11</v>
      </c>
      <c r="BP17" s="277">
        <v>0</v>
      </c>
      <c r="BQ17" s="281">
        <v>0</v>
      </c>
      <c r="BR17" s="278">
        <v>0</v>
      </c>
      <c r="BS17" s="280">
        <v>0</v>
      </c>
      <c r="BT17" s="281">
        <v>2</v>
      </c>
      <c r="BU17" s="281">
        <v>3</v>
      </c>
      <c r="BV17" s="281">
        <v>2</v>
      </c>
      <c r="BW17" s="281">
        <v>1</v>
      </c>
      <c r="BX17" s="281">
        <v>0</v>
      </c>
      <c r="BY17" s="278">
        <v>8</v>
      </c>
      <c r="BZ17" s="283">
        <v>8</v>
      </c>
      <c r="CA17" s="277">
        <v>0</v>
      </c>
      <c r="CB17" s="281">
        <v>0</v>
      </c>
      <c r="CC17" s="278">
        <v>0</v>
      </c>
      <c r="CD17" s="280">
        <v>0</v>
      </c>
      <c r="CE17" s="281">
        <v>0</v>
      </c>
      <c r="CF17" s="281">
        <v>1</v>
      </c>
      <c r="CG17" s="281">
        <v>1</v>
      </c>
      <c r="CH17" s="281">
        <v>1</v>
      </c>
      <c r="CI17" s="281">
        <v>0</v>
      </c>
      <c r="CJ17" s="278">
        <v>3</v>
      </c>
      <c r="CK17" s="283">
        <v>3</v>
      </c>
      <c r="CL17" s="277">
        <v>0</v>
      </c>
      <c r="CM17" s="281">
        <v>0</v>
      </c>
      <c r="CN17" s="278">
        <v>0</v>
      </c>
      <c r="CO17" s="280">
        <v>0</v>
      </c>
      <c r="CP17" s="281">
        <v>0</v>
      </c>
      <c r="CQ17" s="281">
        <v>0</v>
      </c>
      <c r="CR17" s="281">
        <v>0</v>
      </c>
      <c r="CS17" s="281">
        <v>0</v>
      </c>
      <c r="CT17" s="281">
        <v>0</v>
      </c>
      <c r="CU17" s="278">
        <v>0</v>
      </c>
      <c r="CV17" s="283">
        <v>0</v>
      </c>
      <c r="CW17" s="277">
        <v>0</v>
      </c>
      <c r="CX17" s="281">
        <v>0</v>
      </c>
      <c r="CY17" s="278">
        <v>0</v>
      </c>
      <c r="CZ17" s="280">
        <v>0</v>
      </c>
      <c r="DA17" s="281">
        <v>0</v>
      </c>
      <c r="DB17" s="281">
        <v>0</v>
      </c>
      <c r="DC17" s="281">
        <v>0</v>
      </c>
      <c r="DD17" s="281">
        <v>0</v>
      </c>
      <c r="DE17" s="281">
        <v>0</v>
      </c>
      <c r="DF17" s="278">
        <v>0</v>
      </c>
      <c r="DG17" s="283">
        <v>0</v>
      </c>
      <c r="DH17" s="277">
        <v>0</v>
      </c>
      <c r="DI17" s="281">
        <v>0</v>
      </c>
      <c r="DJ17" s="278">
        <v>0</v>
      </c>
      <c r="DK17" s="280">
        <v>0</v>
      </c>
      <c r="DL17" s="281">
        <v>0</v>
      </c>
      <c r="DM17" s="281">
        <v>0</v>
      </c>
      <c r="DN17" s="281">
        <v>0</v>
      </c>
      <c r="DO17" s="281">
        <v>0</v>
      </c>
      <c r="DP17" s="281">
        <v>0</v>
      </c>
      <c r="DQ17" s="278">
        <v>0</v>
      </c>
      <c r="DR17" s="283">
        <v>0</v>
      </c>
      <c r="DS17" s="277">
        <v>1</v>
      </c>
      <c r="DT17" s="281">
        <v>5</v>
      </c>
      <c r="DU17" s="278">
        <v>6</v>
      </c>
      <c r="DV17" s="280">
        <v>0</v>
      </c>
      <c r="DW17" s="281">
        <v>9</v>
      </c>
      <c r="DX17" s="281">
        <v>17</v>
      </c>
      <c r="DY17" s="281">
        <v>8</v>
      </c>
      <c r="DZ17" s="281">
        <v>10</v>
      </c>
      <c r="EA17" s="281">
        <v>5</v>
      </c>
      <c r="EB17" s="278">
        <v>49</v>
      </c>
      <c r="EC17" s="283">
        <v>55</v>
      </c>
      <c r="ED17" s="277">
        <v>3</v>
      </c>
      <c r="EE17" s="281">
        <v>2</v>
      </c>
      <c r="EF17" s="278">
        <v>5</v>
      </c>
      <c r="EG17" s="280">
        <v>0</v>
      </c>
      <c r="EH17" s="281">
        <v>5</v>
      </c>
      <c r="EI17" s="281">
        <v>3</v>
      </c>
      <c r="EJ17" s="281">
        <v>5</v>
      </c>
      <c r="EK17" s="281">
        <v>1</v>
      </c>
      <c r="EL17" s="281">
        <v>1</v>
      </c>
      <c r="EM17" s="278">
        <v>15</v>
      </c>
      <c r="EN17" s="283">
        <v>20</v>
      </c>
      <c r="EO17" s="277">
        <v>2</v>
      </c>
      <c r="EP17" s="281">
        <v>5</v>
      </c>
      <c r="EQ17" s="278">
        <v>7</v>
      </c>
      <c r="ER17" s="280">
        <v>0</v>
      </c>
      <c r="ES17" s="281">
        <v>16</v>
      </c>
      <c r="ET17" s="281">
        <v>23</v>
      </c>
      <c r="EU17" s="281">
        <v>12</v>
      </c>
      <c r="EV17" s="281">
        <v>9</v>
      </c>
      <c r="EW17" s="281">
        <v>4</v>
      </c>
      <c r="EX17" s="278">
        <v>64</v>
      </c>
      <c r="EY17" s="283">
        <v>71</v>
      </c>
    </row>
    <row r="18" spans="1:155" ht="19.5" customHeight="1" x14ac:dyDescent="0.2">
      <c r="A18" s="262" t="s">
        <v>16</v>
      </c>
      <c r="B18" s="277">
        <v>0</v>
      </c>
      <c r="C18" s="281">
        <v>0</v>
      </c>
      <c r="D18" s="385">
        <v>0</v>
      </c>
      <c r="E18" s="280">
        <v>0</v>
      </c>
      <c r="F18" s="281">
        <v>10</v>
      </c>
      <c r="G18" s="281">
        <v>12</v>
      </c>
      <c r="H18" s="281">
        <v>10</v>
      </c>
      <c r="I18" s="281">
        <v>5</v>
      </c>
      <c r="J18" s="281">
        <v>4</v>
      </c>
      <c r="K18" s="282">
        <v>41</v>
      </c>
      <c r="L18" s="283">
        <v>41</v>
      </c>
      <c r="M18" s="277">
        <v>0</v>
      </c>
      <c r="N18" s="281">
        <v>0</v>
      </c>
      <c r="O18" s="278">
        <v>0</v>
      </c>
      <c r="P18" s="280">
        <v>0</v>
      </c>
      <c r="Q18" s="281">
        <v>0</v>
      </c>
      <c r="R18" s="281">
        <v>1</v>
      </c>
      <c r="S18" s="281">
        <v>0</v>
      </c>
      <c r="T18" s="281">
        <v>0</v>
      </c>
      <c r="U18" s="281">
        <v>4</v>
      </c>
      <c r="V18" s="278">
        <v>5</v>
      </c>
      <c r="W18" s="283">
        <v>5</v>
      </c>
      <c r="X18" s="277">
        <v>1</v>
      </c>
      <c r="Y18" s="281">
        <v>5</v>
      </c>
      <c r="Z18" s="278">
        <v>6</v>
      </c>
      <c r="AA18" s="280">
        <v>0</v>
      </c>
      <c r="AB18" s="281">
        <v>12</v>
      </c>
      <c r="AC18" s="281">
        <v>19</v>
      </c>
      <c r="AD18" s="281">
        <v>12</v>
      </c>
      <c r="AE18" s="281">
        <v>6</v>
      </c>
      <c r="AF18" s="281">
        <v>5</v>
      </c>
      <c r="AG18" s="278">
        <v>54</v>
      </c>
      <c r="AH18" s="283">
        <v>60</v>
      </c>
      <c r="AI18" s="277">
        <v>0</v>
      </c>
      <c r="AJ18" s="281">
        <v>0</v>
      </c>
      <c r="AK18" s="278">
        <v>0</v>
      </c>
      <c r="AL18" s="280">
        <v>0</v>
      </c>
      <c r="AM18" s="281">
        <v>0</v>
      </c>
      <c r="AN18" s="281">
        <v>1</v>
      </c>
      <c r="AO18" s="281">
        <v>2</v>
      </c>
      <c r="AP18" s="281">
        <v>0</v>
      </c>
      <c r="AQ18" s="281">
        <v>1</v>
      </c>
      <c r="AR18" s="278">
        <v>4</v>
      </c>
      <c r="AS18" s="283">
        <v>4</v>
      </c>
      <c r="AT18" s="277">
        <v>2</v>
      </c>
      <c r="AU18" s="281">
        <v>2</v>
      </c>
      <c r="AV18" s="278">
        <v>4</v>
      </c>
      <c r="AW18" s="280">
        <v>0</v>
      </c>
      <c r="AX18" s="281">
        <v>16</v>
      </c>
      <c r="AY18" s="281">
        <v>14</v>
      </c>
      <c r="AZ18" s="281">
        <v>22</v>
      </c>
      <c r="BA18" s="281">
        <v>19</v>
      </c>
      <c r="BB18" s="281">
        <v>12</v>
      </c>
      <c r="BC18" s="282">
        <v>83</v>
      </c>
      <c r="BD18" s="283">
        <v>87</v>
      </c>
      <c r="BE18" s="277">
        <v>0</v>
      </c>
      <c r="BF18" s="281">
        <v>0</v>
      </c>
      <c r="BG18" s="278">
        <v>0</v>
      </c>
      <c r="BH18" s="280">
        <v>0</v>
      </c>
      <c r="BI18" s="281">
        <v>19</v>
      </c>
      <c r="BJ18" s="281">
        <v>23</v>
      </c>
      <c r="BK18" s="281">
        <v>11</v>
      </c>
      <c r="BL18" s="281">
        <v>9</v>
      </c>
      <c r="BM18" s="281">
        <v>3</v>
      </c>
      <c r="BN18" s="278">
        <v>65</v>
      </c>
      <c r="BO18" s="283">
        <v>65</v>
      </c>
      <c r="BP18" s="277">
        <v>2</v>
      </c>
      <c r="BQ18" s="281">
        <v>4</v>
      </c>
      <c r="BR18" s="278">
        <v>6</v>
      </c>
      <c r="BS18" s="280">
        <v>0</v>
      </c>
      <c r="BT18" s="281">
        <v>10</v>
      </c>
      <c r="BU18" s="281">
        <v>26</v>
      </c>
      <c r="BV18" s="281">
        <v>7</v>
      </c>
      <c r="BW18" s="281">
        <v>5</v>
      </c>
      <c r="BX18" s="281">
        <v>1</v>
      </c>
      <c r="BY18" s="278">
        <v>49</v>
      </c>
      <c r="BZ18" s="283">
        <v>55</v>
      </c>
      <c r="CA18" s="277">
        <v>0</v>
      </c>
      <c r="CB18" s="281">
        <v>1</v>
      </c>
      <c r="CC18" s="278">
        <v>1</v>
      </c>
      <c r="CD18" s="280">
        <v>0</v>
      </c>
      <c r="CE18" s="281">
        <v>2</v>
      </c>
      <c r="CF18" s="281">
        <v>6</v>
      </c>
      <c r="CG18" s="281">
        <v>3</v>
      </c>
      <c r="CH18" s="281">
        <v>1</v>
      </c>
      <c r="CI18" s="281">
        <v>0</v>
      </c>
      <c r="CJ18" s="278">
        <v>12</v>
      </c>
      <c r="CK18" s="283">
        <v>13</v>
      </c>
      <c r="CL18" s="277">
        <v>0</v>
      </c>
      <c r="CM18" s="281">
        <v>0</v>
      </c>
      <c r="CN18" s="278">
        <v>0</v>
      </c>
      <c r="CO18" s="280">
        <v>0</v>
      </c>
      <c r="CP18" s="281">
        <v>0</v>
      </c>
      <c r="CQ18" s="281">
        <v>0</v>
      </c>
      <c r="CR18" s="281">
        <v>0</v>
      </c>
      <c r="CS18" s="281">
        <v>1</v>
      </c>
      <c r="CT18" s="281">
        <v>0</v>
      </c>
      <c r="CU18" s="278">
        <v>1</v>
      </c>
      <c r="CV18" s="283">
        <v>1</v>
      </c>
      <c r="CW18" s="277">
        <v>0</v>
      </c>
      <c r="CX18" s="281">
        <v>0</v>
      </c>
      <c r="CY18" s="278">
        <v>0</v>
      </c>
      <c r="CZ18" s="280">
        <v>0</v>
      </c>
      <c r="DA18" s="281">
        <v>0</v>
      </c>
      <c r="DB18" s="281">
        <v>0</v>
      </c>
      <c r="DC18" s="281">
        <v>0</v>
      </c>
      <c r="DD18" s="281">
        <v>0</v>
      </c>
      <c r="DE18" s="281">
        <v>0</v>
      </c>
      <c r="DF18" s="278">
        <v>0</v>
      </c>
      <c r="DG18" s="283">
        <v>0</v>
      </c>
      <c r="DH18" s="277">
        <v>0</v>
      </c>
      <c r="DI18" s="281">
        <v>0</v>
      </c>
      <c r="DJ18" s="278">
        <v>0</v>
      </c>
      <c r="DK18" s="280">
        <v>0</v>
      </c>
      <c r="DL18" s="281">
        <v>0</v>
      </c>
      <c r="DM18" s="281">
        <v>0</v>
      </c>
      <c r="DN18" s="281">
        <v>0</v>
      </c>
      <c r="DO18" s="281">
        <v>0</v>
      </c>
      <c r="DP18" s="281">
        <v>0</v>
      </c>
      <c r="DQ18" s="278">
        <v>0</v>
      </c>
      <c r="DR18" s="283">
        <v>0</v>
      </c>
      <c r="DS18" s="277">
        <v>12</v>
      </c>
      <c r="DT18" s="281">
        <v>9</v>
      </c>
      <c r="DU18" s="278">
        <v>21</v>
      </c>
      <c r="DV18" s="280">
        <v>0</v>
      </c>
      <c r="DW18" s="281">
        <v>23</v>
      </c>
      <c r="DX18" s="281">
        <v>52</v>
      </c>
      <c r="DY18" s="281">
        <v>29</v>
      </c>
      <c r="DZ18" s="281">
        <v>18</v>
      </c>
      <c r="EA18" s="281">
        <v>9</v>
      </c>
      <c r="EB18" s="278">
        <v>131</v>
      </c>
      <c r="EC18" s="283">
        <v>152</v>
      </c>
      <c r="ED18" s="277">
        <v>2</v>
      </c>
      <c r="EE18" s="281">
        <v>3</v>
      </c>
      <c r="EF18" s="278">
        <v>5</v>
      </c>
      <c r="EG18" s="280">
        <v>0</v>
      </c>
      <c r="EH18" s="281">
        <v>11</v>
      </c>
      <c r="EI18" s="281">
        <v>8</v>
      </c>
      <c r="EJ18" s="281">
        <v>12</v>
      </c>
      <c r="EK18" s="281">
        <v>13</v>
      </c>
      <c r="EL18" s="281">
        <v>8</v>
      </c>
      <c r="EM18" s="278">
        <v>52</v>
      </c>
      <c r="EN18" s="283">
        <v>57</v>
      </c>
      <c r="EO18" s="277">
        <v>15</v>
      </c>
      <c r="EP18" s="281">
        <v>17</v>
      </c>
      <c r="EQ18" s="278">
        <v>32</v>
      </c>
      <c r="ER18" s="280">
        <v>0</v>
      </c>
      <c r="ES18" s="281">
        <v>52</v>
      </c>
      <c r="ET18" s="281">
        <v>75</v>
      </c>
      <c r="EU18" s="281">
        <v>34</v>
      </c>
      <c r="EV18" s="281">
        <v>20</v>
      </c>
      <c r="EW18" s="281">
        <v>8</v>
      </c>
      <c r="EX18" s="278">
        <v>189</v>
      </c>
      <c r="EY18" s="283">
        <v>221</v>
      </c>
    </row>
    <row r="19" spans="1:155" ht="19.5" customHeight="1" x14ac:dyDescent="0.2">
      <c r="A19" s="262" t="s">
        <v>17</v>
      </c>
      <c r="B19" s="277">
        <v>0</v>
      </c>
      <c r="C19" s="281">
        <v>0</v>
      </c>
      <c r="D19" s="385">
        <v>0</v>
      </c>
      <c r="E19" s="280">
        <v>0</v>
      </c>
      <c r="F19" s="281">
        <v>7</v>
      </c>
      <c r="G19" s="281">
        <v>18</v>
      </c>
      <c r="H19" s="281">
        <v>12</v>
      </c>
      <c r="I19" s="281">
        <v>8</v>
      </c>
      <c r="J19" s="281">
        <v>10</v>
      </c>
      <c r="K19" s="282">
        <v>55</v>
      </c>
      <c r="L19" s="283">
        <v>55</v>
      </c>
      <c r="M19" s="277">
        <v>0</v>
      </c>
      <c r="N19" s="281">
        <v>0</v>
      </c>
      <c r="O19" s="278">
        <v>0</v>
      </c>
      <c r="P19" s="280">
        <v>0</v>
      </c>
      <c r="Q19" s="281">
        <v>0</v>
      </c>
      <c r="R19" s="281">
        <v>0</v>
      </c>
      <c r="S19" s="281">
        <v>0</v>
      </c>
      <c r="T19" s="281">
        <v>1</v>
      </c>
      <c r="U19" s="281">
        <v>5</v>
      </c>
      <c r="V19" s="278">
        <v>6</v>
      </c>
      <c r="W19" s="283">
        <v>6</v>
      </c>
      <c r="X19" s="277">
        <v>1</v>
      </c>
      <c r="Y19" s="281">
        <v>7</v>
      </c>
      <c r="Z19" s="278">
        <v>8</v>
      </c>
      <c r="AA19" s="280">
        <v>0</v>
      </c>
      <c r="AB19" s="281">
        <v>10</v>
      </c>
      <c r="AC19" s="281">
        <v>13</v>
      </c>
      <c r="AD19" s="281">
        <v>10</v>
      </c>
      <c r="AE19" s="281">
        <v>9</v>
      </c>
      <c r="AF19" s="281">
        <v>7</v>
      </c>
      <c r="AG19" s="278">
        <v>49</v>
      </c>
      <c r="AH19" s="283">
        <v>57</v>
      </c>
      <c r="AI19" s="277">
        <v>1</v>
      </c>
      <c r="AJ19" s="281">
        <v>0</v>
      </c>
      <c r="AK19" s="278">
        <v>1</v>
      </c>
      <c r="AL19" s="280">
        <v>0</v>
      </c>
      <c r="AM19" s="281">
        <v>0</v>
      </c>
      <c r="AN19" s="281">
        <v>2</v>
      </c>
      <c r="AO19" s="281">
        <v>0</v>
      </c>
      <c r="AP19" s="281">
        <v>0</v>
      </c>
      <c r="AQ19" s="281">
        <v>2</v>
      </c>
      <c r="AR19" s="278">
        <v>4</v>
      </c>
      <c r="AS19" s="283">
        <v>5</v>
      </c>
      <c r="AT19" s="277">
        <v>3</v>
      </c>
      <c r="AU19" s="281">
        <v>2</v>
      </c>
      <c r="AV19" s="278">
        <v>5</v>
      </c>
      <c r="AW19" s="280">
        <v>0</v>
      </c>
      <c r="AX19" s="281">
        <v>7</v>
      </c>
      <c r="AY19" s="281">
        <v>24</v>
      </c>
      <c r="AZ19" s="281">
        <v>19</v>
      </c>
      <c r="BA19" s="281">
        <v>20</v>
      </c>
      <c r="BB19" s="281">
        <v>13</v>
      </c>
      <c r="BC19" s="282">
        <v>83</v>
      </c>
      <c r="BD19" s="283">
        <v>88</v>
      </c>
      <c r="BE19" s="277">
        <v>0</v>
      </c>
      <c r="BF19" s="281">
        <v>0</v>
      </c>
      <c r="BG19" s="278">
        <v>0</v>
      </c>
      <c r="BH19" s="280">
        <v>0</v>
      </c>
      <c r="BI19" s="281">
        <v>27</v>
      </c>
      <c r="BJ19" s="281">
        <v>23</v>
      </c>
      <c r="BK19" s="281">
        <v>20</v>
      </c>
      <c r="BL19" s="281">
        <v>7</v>
      </c>
      <c r="BM19" s="281">
        <v>5</v>
      </c>
      <c r="BN19" s="278">
        <v>82</v>
      </c>
      <c r="BO19" s="283">
        <v>82</v>
      </c>
      <c r="BP19" s="277">
        <v>2</v>
      </c>
      <c r="BQ19" s="281">
        <v>1</v>
      </c>
      <c r="BR19" s="278">
        <v>3</v>
      </c>
      <c r="BS19" s="280">
        <v>0</v>
      </c>
      <c r="BT19" s="281">
        <v>3</v>
      </c>
      <c r="BU19" s="281">
        <v>14</v>
      </c>
      <c r="BV19" s="281">
        <v>4</v>
      </c>
      <c r="BW19" s="281">
        <v>1</v>
      </c>
      <c r="BX19" s="281">
        <v>1</v>
      </c>
      <c r="BY19" s="278">
        <v>23</v>
      </c>
      <c r="BZ19" s="283">
        <v>26</v>
      </c>
      <c r="CA19" s="277">
        <v>0</v>
      </c>
      <c r="CB19" s="281">
        <v>1</v>
      </c>
      <c r="CC19" s="278">
        <v>1</v>
      </c>
      <c r="CD19" s="280">
        <v>0</v>
      </c>
      <c r="CE19" s="281">
        <v>2</v>
      </c>
      <c r="CF19" s="281">
        <v>2</v>
      </c>
      <c r="CG19" s="281">
        <v>9</v>
      </c>
      <c r="CH19" s="281">
        <v>4</v>
      </c>
      <c r="CI19" s="281">
        <v>3</v>
      </c>
      <c r="CJ19" s="278">
        <v>20</v>
      </c>
      <c r="CK19" s="283">
        <v>21</v>
      </c>
      <c r="CL19" s="277">
        <v>0</v>
      </c>
      <c r="CM19" s="281">
        <v>0</v>
      </c>
      <c r="CN19" s="278">
        <v>0</v>
      </c>
      <c r="CO19" s="280">
        <v>0</v>
      </c>
      <c r="CP19" s="281">
        <v>1</v>
      </c>
      <c r="CQ19" s="281">
        <v>2</v>
      </c>
      <c r="CR19" s="281">
        <v>1</v>
      </c>
      <c r="CS19" s="281">
        <v>0</v>
      </c>
      <c r="CT19" s="281">
        <v>0</v>
      </c>
      <c r="CU19" s="278">
        <v>4</v>
      </c>
      <c r="CV19" s="283">
        <v>4</v>
      </c>
      <c r="CW19" s="277">
        <v>0</v>
      </c>
      <c r="CX19" s="281">
        <v>0</v>
      </c>
      <c r="CY19" s="278">
        <v>0</v>
      </c>
      <c r="CZ19" s="280">
        <v>0</v>
      </c>
      <c r="DA19" s="281">
        <v>0</v>
      </c>
      <c r="DB19" s="281">
        <v>0</v>
      </c>
      <c r="DC19" s="281">
        <v>0</v>
      </c>
      <c r="DD19" s="281">
        <v>0</v>
      </c>
      <c r="DE19" s="281">
        <v>0</v>
      </c>
      <c r="DF19" s="278">
        <v>0</v>
      </c>
      <c r="DG19" s="283">
        <v>0</v>
      </c>
      <c r="DH19" s="277">
        <v>0</v>
      </c>
      <c r="DI19" s="281">
        <v>0</v>
      </c>
      <c r="DJ19" s="278">
        <v>0</v>
      </c>
      <c r="DK19" s="280">
        <v>0</v>
      </c>
      <c r="DL19" s="281">
        <v>0</v>
      </c>
      <c r="DM19" s="281">
        <v>0</v>
      </c>
      <c r="DN19" s="281">
        <v>0</v>
      </c>
      <c r="DO19" s="281">
        <v>0</v>
      </c>
      <c r="DP19" s="281">
        <v>0</v>
      </c>
      <c r="DQ19" s="278">
        <v>0</v>
      </c>
      <c r="DR19" s="283">
        <v>0</v>
      </c>
      <c r="DS19" s="277">
        <v>5</v>
      </c>
      <c r="DT19" s="281">
        <v>27</v>
      </c>
      <c r="DU19" s="278">
        <v>32</v>
      </c>
      <c r="DV19" s="280">
        <v>0</v>
      </c>
      <c r="DW19" s="281">
        <v>27</v>
      </c>
      <c r="DX19" s="281">
        <v>62</v>
      </c>
      <c r="DY19" s="281">
        <v>39</v>
      </c>
      <c r="DZ19" s="281">
        <v>18</v>
      </c>
      <c r="EA19" s="281">
        <v>16</v>
      </c>
      <c r="EB19" s="278">
        <v>162</v>
      </c>
      <c r="EC19" s="283">
        <v>194</v>
      </c>
      <c r="ED19" s="277">
        <v>3</v>
      </c>
      <c r="EE19" s="281">
        <v>1</v>
      </c>
      <c r="EF19" s="278">
        <v>4</v>
      </c>
      <c r="EG19" s="280">
        <v>0</v>
      </c>
      <c r="EH19" s="281">
        <v>8</v>
      </c>
      <c r="EI19" s="281">
        <v>7</v>
      </c>
      <c r="EJ19" s="281">
        <v>7</v>
      </c>
      <c r="EK19" s="281">
        <v>5</v>
      </c>
      <c r="EL19" s="281">
        <v>3</v>
      </c>
      <c r="EM19" s="278">
        <v>30</v>
      </c>
      <c r="EN19" s="283">
        <v>34</v>
      </c>
      <c r="EO19" s="277">
        <v>9</v>
      </c>
      <c r="EP19" s="281">
        <v>32</v>
      </c>
      <c r="EQ19" s="278">
        <v>41</v>
      </c>
      <c r="ER19" s="280">
        <v>0</v>
      </c>
      <c r="ES19" s="281">
        <v>67</v>
      </c>
      <c r="ET19" s="281">
        <v>80</v>
      </c>
      <c r="EU19" s="281">
        <v>48</v>
      </c>
      <c r="EV19" s="281">
        <v>24</v>
      </c>
      <c r="EW19" s="281">
        <v>17</v>
      </c>
      <c r="EX19" s="278">
        <v>236</v>
      </c>
      <c r="EY19" s="283">
        <v>277</v>
      </c>
    </row>
    <row r="20" spans="1:155" ht="19.5" customHeight="1" x14ac:dyDescent="0.2">
      <c r="A20" s="262" t="s">
        <v>18</v>
      </c>
      <c r="B20" s="277">
        <v>0</v>
      </c>
      <c r="C20" s="281">
        <v>0</v>
      </c>
      <c r="D20" s="385">
        <v>0</v>
      </c>
      <c r="E20" s="280">
        <v>0</v>
      </c>
      <c r="F20" s="281">
        <v>25</v>
      </c>
      <c r="G20" s="281">
        <v>36</v>
      </c>
      <c r="H20" s="281">
        <v>12</v>
      </c>
      <c r="I20" s="281">
        <v>18</v>
      </c>
      <c r="J20" s="281">
        <v>6</v>
      </c>
      <c r="K20" s="282">
        <v>97</v>
      </c>
      <c r="L20" s="283">
        <v>97</v>
      </c>
      <c r="M20" s="277">
        <v>0</v>
      </c>
      <c r="N20" s="281">
        <v>0</v>
      </c>
      <c r="O20" s="278">
        <v>0</v>
      </c>
      <c r="P20" s="280">
        <v>0</v>
      </c>
      <c r="Q20" s="281">
        <v>1</v>
      </c>
      <c r="R20" s="281">
        <v>0</v>
      </c>
      <c r="S20" s="281">
        <v>1</v>
      </c>
      <c r="T20" s="281">
        <v>4</v>
      </c>
      <c r="U20" s="281">
        <v>3</v>
      </c>
      <c r="V20" s="278">
        <v>9</v>
      </c>
      <c r="W20" s="283">
        <v>9</v>
      </c>
      <c r="X20" s="277">
        <v>3</v>
      </c>
      <c r="Y20" s="281">
        <v>8</v>
      </c>
      <c r="Z20" s="278">
        <v>11</v>
      </c>
      <c r="AA20" s="280">
        <v>0</v>
      </c>
      <c r="AB20" s="281">
        <v>23</v>
      </c>
      <c r="AC20" s="281">
        <v>22</v>
      </c>
      <c r="AD20" s="281">
        <v>10</v>
      </c>
      <c r="AE20" s="281">
        <v>13</v>
      </c>
      <c r="AF20" s="281">
        <v>5</v>
      </c>
      <c r="AG20" s="278">
        <v>73</v>
      </c>
      <c r="AH20" s="283">
        <v>84</v>
      </c>
      <c r="AI20" s="277">
        <v>0</v>
      </c>
      <c r="AJ20" s="281">
        <v>3</v>
      </c>
      <c r="AK20" s="278">
        <v>3</v>
      </c>
      <c r="AL20" s="280">
        <v>0</v>
      </c>
      <c r="AM20" s="281">
        <v>3</v>
      </c>
      <c r="AN20" s="281">
        <v>2</v>
      </c>
      <c r="AO20" s="281">
        <v>1</v>
      </c>
      <c r="AP20" s="281">
        <v>2</v>
      </c>
      <c r="AQ20" s="281">
        <v>0</v>
      </c>
      <c r="AR20" s="278">
        <v>8</v>
      </c>
      <c r="AS20" s="283">
        <v>11</v>
      </c>
      <c r="AT20" s="277">
        <v>2</v>
      </c>
      <c r="AU20" s="281">
        <v>9</v>
      </c>
      <c r="AV20" s="278">
        <v>11</v>
      </c>
      <c r="AW20" s="280">
        <v>0</v>
      </c>
      <c r="AX20" s="281">
        <v>38</v>
      </c>
      <c r="AY20" s="281">
        <v>47</v>
      </c>
      <c r="AZ20" s="281">
        <v>29</v>
      </c>
      <c r="BA20" s="281">
        <v>26</v>
      </c>
      <c r="BB20" s="281">
        <v>17</v>
      </c>
      <c r="BC20" s="282">
        <v>157</v>
      </c>
      <c r="BD20" s="283">
        <v>168</v>
      </c>
      <c r="BE20" s="277">
        <v>0</v>
      </c>
      <c r="BF20" s="281">
        <v>0</v>
      </c>
      <c r="BG20" s="278">
        <v>0</v>
      </c>
      <c r="BH20" s="280">
        <v>0</v>
      </c>
      <c r="BI20" s="281">
        <v>38</v>
      </c>
      <c r="BJ20" s="281">
        <v>31</v>
      </c>
      <c r="BK20" s="281">
        <v>21</v>
      </c>
      <c r="BL20" s="281">
        <v>9</v>
      </c>
      <c r="BM20" s="281">
        <v>4</v>
      </c>
      <c r="BN20" s="278">
        <v>103</v>
      </c>
      <c r="BO20" s="283">
        <v>103</v>
      </c>
      <c r="BP20" s="277">
        <v>2</v>
      </c>
      <c r="BQ20" s="281">
        <v>10</v>
      </c>
      <c r="BR20" s="278">
        <v>12</v>
      </c>
      <c r="BS20" s="280">
        <v>0</v>
      </c>
      <c r="BT20" s="281">
        <v>9</v>
      </c>
      <c r="BU20" s="281">
        <v>15</v>
      </c>
      <c r="BV20" s="281">
        <v>6</v>
      </c>
      <c r="BW20" s="281">
        <v>4</v>
      </c>
      <c r="BX20" s="281">
        <v>3</v>
      </c>
      <c r="BY20" s="278">
        <v>37</v>
      </c>
      <c r="BZ20" s="283">
        <v>49</v>
      </c>
      <c r="CA20" s="277">
        <v>0</v>
      </c>
      <c r="CB20" s="281">
        <v>0</v>
      </c>
      <c r="CC20" s="278">
        <v>0</v>
      </c>
      <c r="CD20" s="280">
        <v>0</v>
      </c>
      <c r="CE20" s="281">
        <v>4</v>
      </c>
      <c r="CF20" s="281">
        <v>8</v>
      </c>
      <c r="CG20" s="281">
        <v>7</v>
      </c>
      <c r="CH20" s="281">
        <v>5</v>
      </c>
      <c r="CI20" s="281">
        <v>1</v>
      </c>
      <c r="CJ20" s="278">
        <v>25</v>
      </c>
      <c r="CK20" s="283">
        <v>25</v>
      </c>
      <c r="CL20" s="277">
        <v>0</v>
      </c>
      <c r="CM20" s="281">
        <v>0</v>
      </c>
      <c r="CN20" s="278">
        <v>0</v>
      </c>
      <c r="CO20" s="280">
        <v>0</v>
      </c>
      <c r="CP20" s="281">
        <v>1</v>
      </c>
      <c r="CQ20" s="281">
        <v>0</v>
      </c>
      <c r="CR20" s="281">
        <v>0</v>
      </c>
      <c r="CS20" s="281">
        <v>0</v>
      </c>
      <c r="CT20" s="281">
        <v>0</v>
      </c>
      <c r="CU20" s="278">
        <v>1</v>
      </c>
      <c r="CV20" s="283">
        <v>1</v>
      </c>
      <c r="CW20" s="277">
        <v>0</v>
      </c>
      <c r="CX20" s="281">
        <v>0</v>
      </c>
      <c r="CY20" s="278">
        <v>0</v>
      </c>
      <c r="CZ20" s="280">
        <v>0</v>
      </c>
      <c r="DA20" s="281">
        <v>0</v>
      </c>
      <c r="DB20" s="281">
        <v>0</v>
      </c>
      <c r="DC20" s="281">
        <v>0</v>
      </c>
      <c r="DD20" s="281">
        <v>0</v>
      </c>
      <c r="DE20" s="281">
        <v>0</v>
      </c>
      <c r="DF20" s="278">
        <v>0</v>
      </c>
      <c r="DG20" s="283">
        <v>0</v>
      </c>
      <c r="DH20" s="277">
        <v>0</v>
      </c>
      <c r="DI20" s="281">
        <v>0</v>
      </c>
      <c r="DJ20" s="278">
        <v>0</v>
      </c>
      <c r="DK20" s="280">
        <v>0</v>
      </c>
      <c r="DL20" s="281">
        <v>0</v>
      </c>
      <c r="DM20" s="281">
        <v>0</v>
      </c>
      <c r="DN20" s="281">
        <v>0</v>
      </c>
      <c r="DO20" s="281">
        <v>0</v>
      </c>
      <c r="DP20" s="281">
        <v>0</v>
      </c>
      <c r="DQ20" s="278">
        <v>0</v>
      </c>
      <c r="DR20" s="283">
        <v>0</v>
      </c>
      <c r="DS20" s="277">
        <v>9</v>
      </c>
      <c r="DT20" s="281">
        <v>34</v>
      </c>
      <c r="DU20" s="278">
        <v>43</v>
      </c>
      <c r="DV20" s="280">
        <v>0</v>
      </c>
      <c r="DW20" s="281">
        <v>50</v>
      </c>
      <c r="DX20" s="281">
        <v>66</v>
      </c>
      <c r="DY20" s="281">
        <v>41</v>
      </c>
      <c r="DZ20" s="281">
        <v>31</v>
      </c>
      <c r="EA20" s="281">
        <v>13</v>
      </c>
      <c r="EB20" s="278">
        <v>201</v>
      </c>
      <c r="EC20" s="283">
        <v>244</v>
      </c>
      <c r="ED20" s="277">
        <v>1</v>
      </c>
      <c r="EE20" s="281">
        <v>3</v>
      </c>
      <c r="EF20" s="278">
        <v>4</v>
      </c>
      <c r="EG20" s="280">
        <v>0</v>
      </c>
      <c r="EH20" s="281">
        <v>12</v>
      </c>
      <c r="EI20" s="281">
        <v>11</v>
      </c>
      <c r="EJ20" s="281">
        <v>9</v>
      </c>
      <c r="EK20" s="281">
        <v>5</v>
      </c>
      <c r="EL20" s="281">
        <v>7</v>
      </c>
      <c r="EM20" s="278">
        <v>44</v>
      </c>
      <c r="EN20" s="283">
        <v>48</v>
      </c>
      <c r="EO20" s="277">
        <v>13</v>
      </c>
      <c r="EP20" s="281">
        <v>44</v>
      </c>
      <c r="EQ20" s="278">
        <v>57</v>
      </c>
      <c r="ER20" s="280">
        <v>0</v>
      </c>
      <c r="ES20" s="281">
        <v>106</v>
      </c>
      <c r="ET20" s="281">
        <v>97</v>
      </c>
      <c r="EU20" s="281">
        <v>48</v>
      </c>
      <c r="EV20" s="281">
        <v>34</v>
      </c>
      <c r="EW20" s="281">
        <v>13</v>
      </c>
      <c r="EX20" s="278">
        <v>298</v>
      </c>
      <c r="EY20" s="283">
        <v>355</v>
      </c>
    </row>
    <row r="21" spans="1:155" ht="19.5" customHeight="1" x14ac:dyDescent="0.2">
      <c r="A21" s="262" t="s">
        <v>19</v>
      </c>
      <c r="B21" s="277">
        <v>0</v>
      </c>
      <c r="C21" s="281">
        <v>0</v>
      </c>
      <c r="D21" s="385">
        <v>0</v>
      </c>
      <c r="E21" s="280">
        <v>0</v>
      </c>
      <c r="F21" s="281">
        <v>13</v>
      </c>
      <c r="G21" s="281">
        <v>12</v>
      </c>
      <c r="H21" s="281">
        <v>4</v>
      </c>
      <c r="I21" s="281">
        <v>7</v>
      </c>
      <c r="J21" s="281">
        <v>1</v>
      </c>
      <c r="K21" s="282">
        <v>37</v>
      </c>
      <c r="L21" s="283">
        <v>37</v>
      </c>
      <c r="M21" s="277">
        <v>0</v>
      </c>
      <c r="N21" s="281">
        <v>0</v>
      </c>
      <c r="O21" s="278">
        <v>0</v>
      </c>
      <c r="P21" s="280">
        <v>0</v>
      </c>
      <c r="Q21" s="281">
        <v>0</v>
      </c>
      <c r="R21" s="281">
        <v>1</v>
      </c>
      <c r="S21" s="281">
        <v>1</v>
      </c>
      <c r="T21" s="281">
        <v>3</v>
      </c>
      <c r="U21" s="281">
        <v>2</v>
      </c>
      <c r="V21" s="278">
        <v>7</v>
      </c>
      <c r="W21" s="283">
        <v>7</v>
      </c>
      <c r="X21" s="277">
        <v>1</v>
      </c>
      <c r="Y21" s="281">
        <v>0</v>
      </c>
      <c r="Z21" s="278">
        <v>1</v>
      </c>
      <c r="AA21" s="280">
        <v>0</v>
      </c>
      <c r="AB21" s="281">
        <v>14</v>
      </c>
      <c r="AC21" s="281">
        <v>13</v>
      </c>
      <c r="AD21" s="281">
        <v>4</v>
      </c>
      <c r="AE21" s="281">
        <v>5</v>
      </c>
      <c r="AF21" s="281">
        <v>4</v>
      </c>
      <c r="AG21" s="278">
        <v>40</v>
      </c>
      <c r="AH21" s="283">
        <v>41</v>
      </c>
      <c r="AI21" s="277">
        <v>0</v>
      </c>
      <c r="AJ21" s="281">
        <v>0</v>
      </c>
      <c r="AK21" s="278">
        <v>0</v>
      </c>
      <c r="AL21" s="280">
        <v>0</v>
      </c>
      <c r="AM21" s="281">
        <v>1</v>
      </c>
      <c r="AN21" s="281">
        <v>2</v>
      </c>
      <c r="AO21" s="281">
        <v>2</v>
      </c>
      <c r="AP21" s="281">
        <v>1</v>
      </c>
      <c r="AQ21" s="281">
        <v>0</v>
      </c>
      <c r="AR21" s="278">
        <v>6</v>
      </c>
      <c r="AS21" s="283">
        <v>6</v>
      </c>
      <c r="AT21" s="277">
        <v>3</v>
      </c>
      <c r="AU21" s="281">
        <v>3</v>
      </c>
      <c r="AV21" s="278">
        <v>6</v>
      </c>
      <c r="AW21" s="280">
        <v>0</v>
      </c>
      <c r="AX21" s="281">
        <v>21</v>
      </c>
      <c r="AY21" s="281">
        <v>15</v>
      </c>
      <c r="AZ21" s="281">
        <v>9</v>
      </c>
      <c r="BA21" s="281">
        <v>13</v>
      </c>
      <c r="BB21" s="281">
        <v>5</v>
      </c>
      <c r="BC21" s="282">
        <v>63</v>
      </c>
      <c r="BD21" s="283">
        <v>69</v>
      </c>
      <c r="BE21" s="277">
        <v>0</v>
      </c>
      <c r="BF21" s="281">
        <v>0</v>
      </c>
      <c r="BG21" s="278">
        <v>0</v>
      </c>
      <c r="BH21" s="280">
        <v>0</v>
      </c>
      <c r="BI21" s="281">
        <v>18</v>
      </c>
      <c r="BJ21" s="281">
        <v>18</v>
      </c>
      <c r="BK21" s="281">
        <v>7</v>
      </c>
      <c r="BL21" s="281">
        <v>2</v>
      </c>
      <c r="BM21" s="281">
        <v>0</v>
      </c>
      <c r="BN21" s="278">
        <v>45</v>
      </c>
      <c r="BO21" s="283">
        <v>45</v>
      </c>
      <c r="BP21" s="277">
        <v>1</v>
      </c>
      <c r="BQ21" s="281">
        <v>1</v>
      </c>
      <c r="BR21" s="278">
        <v>2</v>
      </c>
      <c r="BS21" s="280">
        <v>0</v>
      </c>
      <c r="BT21" s="281">
        <v>11</v>
      </c>
      <c r="BU21" s="281">
        <v>7</v>
      </c>
      <c r="BV21" s="281">
        <v>1</v>
      </c>
      <c r="BW21" s="281">
        <v>2</v>
      </c>
      <c r="BX21" s="281">
        <v>0</v>
      </c>
      <c r="BY21" s="278">
        <v>21</v>
      </c>
      <c r="BZ21" s="283">
        <v>23</v>
      </c>
      <c r="CA21" s="277">
        <v>0</v>
      </c>
      <c r="CB21" s="281">
        <v>0</v>
      </c>
      <c r="CC21" s="278">
        <v>0</v>
      </c>
      <c r="CD21" s="280">
        <v>0</v>
      </c>
      <c r="CE21" s="281">
        <v>2</v>
      </c>
      <c r="CF21" s="281">
        <v>1</v>
      </c>
      <c r="CG21" s="281">
        <v>0</v>
      </c>
      <c r="CH21" s="281">
        <v>0</v>
      </c>
      <c r="CI21" s="281">
        <v>0</v>
      </c>
      <c r="CJ21" s="278">
        <v>3</v>
      </c>
      <c r="CK21" s="283">
        <v>3</v>
      </c>
      <c r="CL21" s="277">
        <v>0</v>
      </c>
      <c r="CM21" s="281">
        <v>0</v>
      </c>
      <c r="CN21" s="278">
        <v>0</v>
      </c>
      <c r="CO21" s="280">
        <v>0</v>
      </c>
      <c r="CP21" s="281">
        <v>0</v>
      </c>
      <c r="CQ21" s="281">
        <v>0</v>
      </c>
      <c r="CR21" s="281">
        <v>0</v>
      </c>
      <c r="CS21" s="281">
        <v>1</v>
      </c>
      <c r="CT21" s="281">
        <v>0</v>
      </c>
      <c r="CU21" s="278">
        <v>1</v>
      </c>
      <c r="CV21" s="283">
        <v>1</v>
      </c>
      <c r="CW21" s="277">
        <v>0</v>
      </c>
      <c r="CX21" s="281">
        <v>0</v>
      </c>
      <c r="CY21" s="278">
        <v>0</v>
      </c>
      <c r="CZ21" s="280">
        <v>0</v>
      </c>
      <c r="DA21" s="281">
        <v>0</v>
      </c>
      <c r="DB21" s="281">
        <v>0</v>
      </c>
      <c r="DC21" s="281">
        <v>0</v>
      </c>
      <c r="DD21" s="281">
        <v>0</v>
      </c>
      <c r="DE21" s="281">
        <v>0</v>
      </c>
      <c r="DF21" s="278">
        <v>0</v>
      </c>
      <c r="DG21" s="283">
        <v>0</v>
      </c>
      <c r="DH21" s="277">
        <v>0</v>
      </c>
      <c r="DI21" s="281">
        <v>0</v>
      </c>
      <c r="DJ21" s="278">
        <v>0</v>
      </c>
      <c r="DK21" s="280">
        <v>0</v>
      </c>
      <c r="DL21" s="281">
        <v>0</v>
      </c>
      <c r="DM21" s="281">
        <v>0</v>
      </c>
      <c r="DN21" s="281">
        <v>0</v>
      </c>
      <c r="DO21" s="281">
        <v>0</v>
      </c>
      <c r="DP21" s="281">
        <v>0</v>
      </c>
      <c r="DQ21" s="278">
        <v>0</v>
      </c>
      <c r="DR21" s="283">
        <v>0</v>
      </c>
      <c r="DS21" s="277">
        <v>5</v>
      </c>
      <c r="DT21" s="281">
        <v>8</v>
      </c>
      <c r="DU21" s="278">
        <v>13</v>
      </c>
      <c r="DV21" s="280">
        <v>0</v>
      </c>
      <c r="DW21" s="281">
        <v>27</v>
      </c>
      <c r="DX21" s="281">
        <v>33</v>
      </c>
      <c r="DY21" s="281">
        <v>11</v>
      </c>
      <c r="DZ21" s="281">
        <v>12</v>
      </c>
      <c r="EA21" s="281">
        <v>5</v>
      </c>
      <c r="EB21" s="278">
        <v>88</v>
      </c>
      <c r="EC21" s="283">
        <v>101</v>
      </c>
      <c r="ED21" s="277">
        <v>0</v>
      </c>
      <c r="EE21" s="281">
        <v>3</v>
      </c>
      <c r="EF21" s="278">
        <v>3</v>
      </c>
      <c r="EG21" s="280">
        <v>0</v>
      </c>
      <c r="EH21" s="281">
        <v>7</v>
      </c>
      <c r="EI21" s="281">
        <v>4</v>
      </c>
      <c r="EJ21" s="281">
        <v>3</v>
      </c>
      <c r="EK21" s="281">
        <v>3</v>
      </c>
      <c r="EL21" s="281">
        <v>0</v>
      </c>
      <c r="EM21" s="278">
        <v>17</v>
      </c>
      <c r="EN21" s="283">
        <v>20</v>
      </c>
      <c r="EO21" s="277">
        <v>7</v>
      </c>
      <c r="EP21" s="281">
        <v>9</v>
      </c>
      <c r="EQ21" s="278">
        <v>16</v>
      </c>
      <c r="ER21" s="280">
        <v>0</v>
      </c>
      <c r="ES21" s="281">
        <v>48</v>
      </c>
      <c r="ET21" s="281">
        <v>48</v>
      </c>
      <c r="EU21" s="281">
        <v>14</v>
      </c>
      <c r="EV21" s="281">
        <v>13</v>
      </c>
      <c r="EW21" s="281">
        <v>2</v>
      </c>
      <c r="EX21" s="278">
        <v>125</v>
      </c>
      <c r="EY21" s="283">
        <v>141</v>
      </c>
    </row>
    <row r="22" spans="1:155" ht="19.5" customHeight="1" x14ac:dyDescent="0.2">
      <c r="A22" s="262" t="s">
        <v>20</v>
      </c>
      <c r="B22" s="277">
        <v>0</v>
      </c>
      <c r="C22" s="281">
        <v>0</v>
      </c>
      <c r="D22" s="385">
        <v>0</v>
      </c>
      <c r="E22" s="280">
        <v>0</v>
      </c>
      <c r="F22" s="281">
        <v>18</v>
      </c>
      <c r="G22" s="281">
        <v>13</v>
      </c>
      <c r="H22" s="281">
        <v>10</v>
      </c>
      <c r="I22" s="281">
        <v>6</v>
      </c>
      <c r="J22" s="281">
        <v>2</v>
      </c>
      <c r="K22" s="282">
        <v>49</v>
      </c>
      <c r="L22" s="283">
        <v>49</v>
      </c>
      <c r="M22" s="277">
        <v>0</v>
      </c>
      <c r="N22" s="281">
        <v>0</v>
      </c>
      <c r="O22" s="278">
        <v>0</v>
      </c>
      <c r="P22" s="280">
        <v>0</v>
      </c>
      <c r="Q22" s="281">
        <v>0</v>
      </c>
      <c r="R22" s="281">
        <v>0</v>
      </c>
      <c r="S22" s="281">
        <v>0</v>
      </c>
      <c r="T22" s="281">
        <v>1</v>
      </c>
      <c r="U22" s="281">
        <v>2</v>
      </c>
      <c r="V22" s="278">
        <v>3</v>
      </c>
      <c r="W22" s="283">
        <v>3</v>
      </c>
      <c r="X22" s="277">
        <v>2</v>
      </c>
      <c r="Y22" s="281">
        <v>6</v>
      </c>
      <c r="Z22" s="278">
        <v>8</v>
      </c>
      <c r="AA22" s="280">
        <v>0</v>
      </c>
      <c r="AB22" s="281">
        <v>28</v>
      </c>
      <c r="AC22" s="281">
        <v>13</v>
      </c>
      <c r="AD22" s="281">
        <v>10</v>
      </c>
      <c r="AE22" s="281">
        <v>7</v>
      </c>
      <c r="AF22" s="281">
        <v>2</v>
      </c>
      <c r="AG22" s="278">
        <v>60</v>
      </c>
      <c r="AH22" s="283">
        <v>68</v>
      </c>
      <c r="AI22" s="277">
        <v>2</v>
      </c>
      <c r="AJ22" s="281">
        <v>2</v>
      </c>
      <c r="AK22" s="278">
        <v>4</v>
      </c>
      <c r="AL22" s="280">
        <v>0</v>
      </c>
      <c r="AM22" s="281">
        <v>5</v>
      </c>
      <c r="AN22" s="281">
        <v>4</v>
      </c>
      <c r="AO22" s="281">
        <v>3</v>
      </c>
      <c r="AP22" s="281">
        <v>3</v>
      </c>
      <c r="AQ22" s="281">
        <v>0</v>
      </c>
      <c r="AR22" s="278">
        <v>15</v>
      </c>
      <c r="AS22" s="283">
        <v>19</v>
      </c>
      <c r="AT22" s="277">
        <v>2</v>
      </c>
      <c r="AU22" s="281">
        <v>6</v>
      </c>
      <c r="AV22" s="278">
        <v>8</v>
      </c>
      <c r="AW22" s="280">
        <v>0</v>
      </c>
      <c r="AX22" s="281">
        <v>17</v>
      </c>
      <c r="AY22" s="281">
        <v>27</v>
      </c>
      <c r="AZ22" s="281">
        <v>20</v>
      </c>
      <c r="BA22" s="281">
        <v>18</v>
      </c>
      <c r="BB22" s="281">
        <v>5</v>
      </c>
      <c r="BC22" s="282">
        <v>87</v>
      </c>
      <c r="BD22" s="283">
        <v>95</v>
      </c>
      <c r="BE22" s="277">
        <v>0</v>
      </c>
      <c r="BF22" s="281">
        <v>0</v>
      </c>
      <c r="BG22" s="278">
        <v>0</v>
      </c>
      <c r="BH22" s="280">
        <v>0</v>
      </c>
      <c r="BI22" s="281">
        <v>25</v>
      </c>
      <c r="BJ22" s="281">
        <v>17</v>
      </c>
      <c r="BK22" s="281">
        <v>12</v>
      </c>
      <c r="BL22" s="281">
        <v>6</v>
      </c>
      <c r="BM22" s="281">
        <v>1</v>
      </c>
      <c r="BN22" s="278">
        <v>61</v>
      </c>
      <c r="BO22" s="283">
        <v>61</v>
      </c>
      <c r="BP22" s="277">
        <v>6</v>
      </c>
      <c r="BQ22" s="281">
        <v>2</v>
      </c>
      <c r="BR22" s="278">
        <v>8</v>
      </c>
      <c r="BS22" s="280">
        <v>0</v>
      </c>
      <c r="BT22" s="281">
        <v>12</v>
      </c>
      <c r="BU22" s="281">
        <v>8</v>
      </c>
      <c r="BV22" s="281">
        <v>4</v>
      </c>
      <c r="BW22" s="281">
        <v>8</v>
      </c>
      <c r="BX22" s="281">
        <v>2</v>
      </c>
      <c r="BY22" s="278">
        <v>34</v>
      </c>
      <c r="BZ22" s="283">
        <v>42</v>
      </c>
      <c r="CA22" s="277">
        <v>0</v>
      </c>
      <c r="CB22" s="281">
        <v>1</v>
      </c>
      <c r="CC22" s="278">
        <v>1</v>
      </c>
      <c r="CD22" s="280">
        <v>0</v>
      </c>
      <c r="CE22" s="281">
        <v>4</v>
      </c>
      <c r="CF22" s="281">
        <v>3</v>
      </c>
      <c r="CG22" s="281">
        <v>6</v>
      </c>
      <c r="CH22" s="281">
        <v>7</v>
      </c>
      <c r="CI22" s="281">
        <v>0</v>
      </c>
      <c r="CJ22" s="278">
        <v>20</v>
      </c>
      <c r="CK22" s="283">
        <v>21</v>
      </c>
      <c r="CL22" s="277">
        <v>0</v>
      </c>
      <c r="CM22" s="281">
        <v>0</v>
      </c>
      <c r="CN22" s="278">
        <v>0</v>
      </c>
      <c r="CO22" s="280">
        <v>0</v>
      </c>
      <c r="CP22" s="281">
        <v>0</v>
      </c>
      <c r="CQ22" s="281">
        <v>1</v>
      </c>
      <c r="CR22" s="281">
        <v>0</v>
      </c>
      <c r="CS22" s="281">
        <v>3</v>
      </c>
      <c r="CT22" s="281">
        <v>1</v>
      </c>
      <c r="CU22" s="278">
        <v>5</v>
      </c>
      <c r="CV22" s="283">
        <v>5</v>
      </c>
      <c r="CW22" s="277">
        <v>0</v>
      </c>
      <c r="CX22" s="281">
        <v>0</v>
      </c>
      <c r="CY22" s="278">
        <v>0</v>
      </c>
      <c r="CZ22" s="280">
        <v>0</v>
      </c>
      <c r="DA22" s="281">
        <v>0</v>
      </c>
      <c r="DB22" s="281">
        <v>0</v>
      </c>
      <c r="DC22" s="281">
        <v>0</v>
      </c>
      <c r="DD22" s="281">
        <v>0</v>
      </c>
      <c r="DE22" s="281">
        <v>0</v>
      </c>
      <c r="DF22" s="278">
        <v>0</v>
      </c>
      <c r="DG22" s="283">
        <v>0</v>
      </c>
      <c r="DH22" s="277">
        <v>0</v>
      </c>
      <c r="DI22" s="281">
        <v>0</v>
      </c>
      <c r="DJ22" s="278">
        <v>0</v>
      </c>
      <c r="DK22" s="280">
        <v>0</v>
      </c>
      <c r="DL22" s="281">
        <v>0</v>
      </c>
      <c r="DM22" s="281">
        <v>0</v>
      </c>
      <c r="DN22" s="281">
        <v>0</v>
      </c>
      <c r="DO22" s="281">
        <v>0</v>
      </c>
      <c r="DP22" s="281">
        <v>0</v>
      </c>
      <c r="DQ22" s="278">
        <v>0</v>
      </c>
      <c r="DR22" s="283">
        <v>0</v>
      </c>
      <c r="DS22" s="277">
        <v>13</v>
      </c>
      <c r="DT22" s="281">
        <v>19</v>
      </c>
      <c r="DU22" s="278">
        <v>32</v>
      </c>
      <c r="DV22" s="280">
        <v>0</v>
      </c>
      <c r="DW22" s="281">
        <v>44</v>
      </c>
      <c r="DX22" s="281">
        <v>38</v>
      </c>
      <c r="DY22" s="281">
        <v>28</v>
      </c>
      <c r="DZ22" s="281">
        <v>17</v>
      </c>
      <c r="EA22" s="281">
        <v>6</v>
      </c>
      <c r="EB22" s="278">
        <v>133</v>
      </c>
      <c r="EC22" s="283">
        <v>165</v>
      </c>
      <c r="ED22" s="277">
        <v>2</v>
      </c>
      <c r="EE22" s="281">
        <v>4</v>
      </c>
      <c r="EF22" s="278">
        <v>6</v>
      </c>
      <c r="EG22" s="280">
        <v>0</v>
      </c>
      <c r="EH22" s="281">
        <v>6</v>
      </c>
      <c r="EI22" s="281">
        <v>12</v>
      </c>
      <c r="EJ22" s="281">
        <v>7</v>
      </c>
      <c r="EK22" s="281">
        <v>8</v>
      </c>
      <c r="EL22" s="281">
        <v>0</v>
      </c>
      <c r="EM22" s="278">
        <v>33</v>
      </c>
      <c r="EN22" s="283">
        <v>39</v>
      </c>
      <c r="EO22" s="277">
        <v>23</v>
      </c>
      <c r="EP22" s="281">
        <v>29</v>
      </c>
      <c r="EQ22" s="278">
        <v>52</v>
      </c>
      <c r="ER22" s="280">
        <v>0</v>
      </c>
      <c r="ES22" s="281">
        <v>80</v>
      </c>
      <c r="ET22" s="281">
        <v>53</v>
      </c>
      <c r="EU22" s="281">
        <v>36</v>
      </c>
      <c r="EV22" s="281">
        <v>22</v>
      </c>
      <c r="EW22" s="281">
        <v>5</v>
      </c>
      <c r="EX22" s="278">
        <v>196</v>
      </c>
      <c r="EY22" s="283">
        <v>248</v>
      </c>
    </row>
    <row r="23" spans="1:155" ht="19.5" customHeight="1" x14ac:dyDescent="0.2">
      <c r="A23" s="262" t="s">
        <v>21</v>
      </c>
      <c r="B23" s="277">
        <v>0</v>
      </c>
      <c r="C23" s="281">
        <v>0</v>
      </c>
      <c r="D23" s="385">
        <v>0</v>
      </c>
      <c r="E23" s="280">
        <v>0</v>
      </c>
      <c r="F23" s="281">
        <v>21</v>
      </c>
      <c r="G23" s="281">
        <v>6</v>
      </c>
      <c r="H23" s="281">
        <v>5</v>
      </c>
      <c r="I23" s="281">
        <v>9</v>
      </c>
      <c r="J23" s="281">
        <v>6</v>
      </c>
      <c r="K23" s="282">
        <v>47</v>
      </c>
      <c r="L23" s="283">
        <v>47</v>
      </c>
      <c r="M23" s="277">
        <v>0</v>
      </c>
      <c r="N23" s="281">
        <v>0</v>
      </c>
      <c r="O23" s="278">
        <v>0</v>
      </c>
      <c r="P23" s="280">
        <v>0</v>
      </c>
      <c r="Q23" s="281">
        <v>0</v>
      </c>
      <c r="R23" s="281">
        <v>0</v>
      </c>
      <c r="S23" s="281">
        <v>0</v>
      </c>
      <c r="T23" s="281">
        <v>1</v>
      </c>
      <c r="U23" s="281">
        <v>3</v>
      </c>
      <c r="V23" s="278">
        <v>4</v>
      </c>
      <c r="W23" s="283">
        <v>4</v>
      </c>
      <c r="X23" s="277">
        <v>2</v>
      </c>
      <c r="Y23" s="281">
        <v>3</v>
      </c>
      <c r="Z23" s="278">
        <v>5</v>
      </c>
      <c r="AA23" s="280">
        <v>0</v>
      </c>
      <c r="AB23" s="281">
        <v>17</v>
      </c>
      <c r="AC23" s="281">
        <v>20</v>
      </c>
      <c r="AD23" s="281">
        <v>5</v>
      </c>
      <c r="AE23" s="281">
        <v>7</v>
      </c>
      <c r="AF23" s="281">
        <v>4</v>
      </c>
      <c r="AG23" s="278">
        <v>53</v>
      </c>
      <c r="AH23" s="283">
        <v>58</v>
      </c>
      <c r="AI23" s="277">
        <v>1</v>
      </c>
      <c r="AJ23" s="281">
        <v>1</v>
      </c>
      <c r="AK23" s="278">
        <v>2</v>
      </c>
      <c r="AL23" s="280">
        <v>0</v>
      </c>
      <c r="AM23" s="281">
        <v>2</v>
      </c>
      <c r="AN23" s="281">
        <v>4</v>
      </c>
      <c r="AO23" s="281">
        <v>0</v>
      </c>
      <c r="AP23" s="281">
        <v>0</v>
      </c>
      <c r="AQ23" s="281">
        <v>0</v>
      </c>
      <c r="AR23" s="278">
        <v>6</v>
      </c>
      <c r="AS23" s="283">
        <v>8</v>
      </c>
      <c r="AT23" s="277">
        <v>4</v>
      </c>
      <c r="AU23" s="281">
        <v>1</v>
      </c>
      <c r="AV23" s="278">
        <v>5</v>
      </c>
      <c r="AW23" s="280">
        <v>0</v>
      </c>
      <c r="AX23" s="281">
        <v>19</v>
      </c>
      <c r="AY23" s="281">
        <v>17</v>
      </c>
      <c r="AZ23" s="281">
        <v>11</v>
      </c>
      <c r="BA23" s="281">
        <v>15</v>
      </c>
      <c r="BB23" s="281">
        <v>9</v>
      </c>
      <c r="BC23" s="282">
        <v>71</v>
      </c>
      <c r="BD23" s="283">
        <v>76</v>
      </c>
      <c r="BE23" s="277">
        <v>0</v>
      </c>
      <c r="BF23" s="281">
        <v>0</v>
      </c>
      <c r="BG23" s="278">
        <v>0</v>
      </c>
      <c r="BH23" s="280">
        <v>0</v>
      </c>
      <c r="BI23" s="281">
        <v>21</v>
      </c>
      <c r="BJ23" s="281">
        <v>16</v>
      </c>
      <c r="BK23" s="281">
        <v>9</v>
      </c>
      <c r="BL23" s="281">
        <v>3</v>
      </c>
      <c r="BM23" s="281">
        <v>2</v>
      </c>
      <c r="BN23" s="278">
        <v>51</v>
      </c>
      <c r="BO23" s="283">
        <v>51</v>
      </c>
      <c r="BP23" s="277">
        <v>0</v>
      </c>
      <c r="BQ23" s="281">
        <v>2</v>
      </c>
      <c r="BR23" s="278">
        <v>2</v>
      </c>
      <c r="BS23" s="280">
        <v>0</v>
      </c>
      <c r="BT23" s="281">
        <v>5</v>
      </c>
      <c r="BU23" s="281">
        <v>10</v>
      </c>
      <c r="BV23" s="281">
        <v>4</v>
      </c>
      <c r="BW23" s="281">
        <v>0</v>
      </c>
      <c r="BX23" s="281">
        <v>0</v>
      </c>
      <c r="BY23" s="278">
        <v>19</v>
      </c>
      <c r="BZ23" s="283">
        <v>21</v>
      </c>
      <c r="CA23" s="277">
        <v>0</v>
      </c>
      <c r="CB23" s="281">
        <v>0</v>
      </c>
      <c r="CC23" s="278">
        <v>0</v>
      </c>
      <c r="CD23" s="280">
        <v>0</v>
      </c>
      <c r="CE23" s="281">
        <v>3</v>
      </c>
      <c r="CF23" s="281">
        <v>2</v>
      </c>
      <c r="CG23" s="281">
        <v>5</v>
      </c>
      <c r="CH23" s="281">
        <v>5</v>
      </c>
      <c r="CI23" s="281">
        <v>1</v>
      </c>
      <c r="CJ23" s="278">
        <v>16</v>
      </c>
      <c r="CK23" s="283">
        <v>16</v>
      </c>
      <c r="CL23" s="277">
        <v>0</v>
      </c>
      <c r="CM23" s="281">
        <v>0</v>
      </c>
      <c r="CN23" s="278">
        <v>0</v>
      </c>
      <c r="CO23" s="280">
        <v>0</v>
      </c>
      <c r="CP23" s="281">
        <v>0</v>
      </c>
      <c r="CQ23" s="281">
        <v>0</v>
      </c>
      <c r="CR23" s="281">
        <v>0</v>
      </c>
      <c r="CS23" s="281">
        <v>0</v>
      </c>
      <c r="CT23" s="281">
        <v>0</v>
      </c>
      <c r="CU23" s="278">
        <v>0</v>
      </c>
      <c r="CV23" s="283">
        <v>0</v>
      </c>
      <c r="CW23" s="277">
        <v>0</v>
      </c>
      <c r="CX23" s="281">
        <v>0</v>
      </c>
      <c r="CY23" s="278">
        <v>0</v>
      </c>
      <c r="CZ23" s="280">
        <v>0</v>
      </c>
      <c r="DA23" s="281">
        <v>0</v>
      </c>
      <c r="DB23" s="281">
        <v>0</v>
      </c>
      <c r="DC23" s="281">
        <v>0</v>
      </c>
      <c r="DD23" s="281">
        <v>0</v>
      </c>
      <c r="DE23" s="281">
        <v>0</v>
      </c>
      <c r="DF23" s="278">
        <v>0</v>
      </c>
      <c r="DG23" s="283">
        <v>0</v>
      </c>
      <c r="DH23" s="277">
        <v>0</v>
      </c>
      <c r="DI23" s="281">
        <v>0</v>
      </c>
      <c r="DJ23" s="278">
        <v>0</v>
      </c>
      <c r="DK23" s="280">
        <v>0</v>
      </c>
      <c r="DL23" s="281">
        <v>0</v>
      </c>
      <c r="DM23" s="281">
        <v>0</v>
      </c>
      <c r="DN23" s="281">
        <v>0</v>
      </c>
      <c r="DO23" s="281">
        <v>0</v>
      </c>
      <c r="DP23" s="281">
        <v>0</v>
      </c>
      <c r="DQ23" s="278">
        <v>0</v>
      </c>
      <c r="DR23" s="283">
        <v>0</v>
      </c>
      <c r="DS23" s="277">
        <v>7</v>
      </c>
      <c r="DT23" s="281">
        <v>14</v>
      </c>
      <c r="DU23" s="278">
        <v>21</v>
      </c>
      <c r="DV23" s="280">
        <v>0</v>
      </c>
      <c r="DW23" s="281">
        <v>24</v>
      </c>
      <c r="DX23" s="281">
        <v>43</v>
      </c>
      <c r="DY23" s="281">
        <v>19</v>
      </c>
      <c r="DZ23" s="281">
        <v>19</v>
      </c>
      <c r="EA23" s="281">
        <v>8</v>
      </c>
      <c r="EB23" s="278">
        <v>113</v>
      </c>
      <c r="EC23" s="283">
        <v>134</v>
      </c>
      <c r="ED23" s="277">
        <v>1</v>
      </c>
      <c r="EE23" s="281">
        <v>1</v>
      </c>
      <c r="EF23" s="278">
        <v>2</v>
      </c>
      <c r="EG23" s="280">
        <v>0</v>
      </c>
      <c r="EH23" s="281">
        <v>9</v>
      </c>
      <c r="EI23" s="281">
        <v>5</v>
      </c>
      <c r="EJ23" s="281">
        <v>3</v>
      </c>
      <c r="EK23" s="281">
        <v>3</v>
      </c>
      <c r="EL23" s="281">
        <v>3</v>
      </c>
      <c r="EM23" s="278">
        <v>23</v>
      </c>
      <c r="EN23" s="283">
        <v>25</v>
      </c>
      <c r="EO23" s="277">
        <v>9</v>
      </c>
      <c r="EP23" s="281">
        <v>16</v>
      </c>
      <c r="EQ23" s="278">
        <v>25</v>
      </c>
      <c r="ER23" s="280">
        <v>0</v>
      </c>
      <c r="ES23" s="281">
        <v>54</v>
      </c>
      <c r="ET23" s="281">
        <v>58</v>
      </c>
      <c r="EU23" s="281">
        <v>25</v>
      </c>
      <c r="EV23" s="281">
        <v>18</v>
      </c>
      <c r="EW23" s="281">
        <v>10</v>
      </c>
      <c r="EX23" s="278">
        <v>165</v>
      </c>
      <c r="EY23" s="283">
        <v>190</v>
      </c>
    </row>
    <row r="24" spans="1:155" ht="19.5" customHeight="1" x14ac:dyDescent="0.2">
      <c r="A24" s="262" t="s">
        <v>22</v>
      </c>
      <c r="B24" s="277">
        <v>0</v>
      </c>
      <c r="C24" s="281">
        <v>0</v>
      </c>
      <c r="D24" s="385">
        <v>0</v>
      </c>
      <c r="E24" s="280">
        <v>0</v>
      </c>
      <c r="F24" s="281">
        <v>6</v>
      </c>
      <c r="G24" s="281">
        <v>7</v>
      </c>
      <c r="H24" s="281">
        <v>2</v>
      </c>
      <c r="I24" s="281">
        <v>3</v>
      </c>
      <c r="J24" s="281">
        <v>3</v>
      </c>
      <c r="K24" s="282">
        <v>21</v>
      </c>
      <c r="L24" s="283">
        <v>21</v>
      </c>
      <c r="M24" s="277">
        <v>0</v>
      </c>
      <c r="N24" s="281">
        <v>0</v>
      </c>
      <c r="O24" s="278">
        <v>0</v>
      </c>
      <c r="P24" s="280">
        <v>0</v>
      </c>
      <c r="Q24" s="281">
        <v>0</v>
      </c>
      <c r="R24" s="281">
        <v>0</v>
      </c>
      <c r="S24" s="281">
        <v>2</v>
      </c>
      <c r="T24" s="281">
        <v>0</v>
      </c>
      <c r="U24" s="281">
        <v>2</v>
      </c>
      <c r="V24" s="278">
        <v>4</v>
      </c>
      <c r="W24" s="283">
        <v>4</v>
      </c>
      <c r="X24" s="277">
        <v>1</v>
      </c>
      <c r="Y24" s="281">
        <v>0</v>
      </c>
      <c r="Z24" s="278">
        <v>1</v>
      </c>
      <c r="AA24" s="280">
        <v>0</v>
      </c>
      <c r="AB24" s="281">
        <v>2</v>
      </c>
      <c r="AC24" s="281">
        <v>3</v>
      </c>
      <c r="AD24" s="281">
        <v>3</v>
      </c>
      <c r="AE24" s="281">
        <v>2</v>
      </c>
      <c r="AF24" s="281">
        <v>3</v>
      </c>
      <c r="AG24" s="278">
        <v>13</v>
      </c>
      <c r="AH24" s="283">
        <v>14</v>
      </c>
      <c r="AI24" s="277">
        <v>0</v>
      </c>
      <c r="AJ24" s="281">
        <v>0</v>
      </c>
      <c r="AK24" s="278">
        <v>0</v>
      </c>
      <c r="AL24" s="280">
        <v>0</v>
      </c>
      <c r="AM24" s="281">
        <v>1</v>
      </c>
      <c r="AN24" s="281">
        <v>0</v>
      </c>
      <c r="AO24" s="281">
        <v>1</v>
      </c>
      <c r="AP24" s="281">
        <v>1</v>
      </c>
      <c r="AQ24" s="281">
        <v>2</v>
      </c>
      <c r="AR24" s="278">
        <v>5</v>
      </c>
      <c r="AS24" s="283">
        <v>5</v>
      </c>
      <c r="AT24" s="277">
        <v>0</v>
      </c>
      <c r="AU24" s="281">
        <v>0</v>
      </c>
      <c r="AV24" s="278">
        <v>0</v>
      </c>
      <c r="AW24" s="280">
        <v>0</v>
      </c>
      <c r="AX24" s="281">
        <v>4</v>
      </c>
      <c r="AY24" s="281">
        <v>7</v>
      </c>
      <c r="AZ24" s="281">
        <v>5</v>
      </c>
      <c r="BA24" s="281">
        <v>2</v>
      </c>
      <c r="BB24" s="281">
        <v>3</v>
      </c>
      <c r="BC24" s="282">
        <v>21</v>
      </c>
      <c r="BD24" s="283">
        <v>21</v>
      </c>
      <c r="BE24" s="277">
        <v>0</v>
      </c>
      <c r="BF24" s="281">
        <v>0</v>
      </c>
      <c r="BG24" s="278">
        <v>0</v>
      </c>
      <c r="BH24" s="280">
        <v>0</v>
      </c>
      <c r="BI24" s="281">
        <v>7</v>
      </c>
      <c r="BJ24" s="281">
        <v>12</v>
      </c>
      <c r="BK24" s="281">
        <v>4</v>
      </c>
      <c r="BL24" s="281">
        <v>5</v>
      </c>
      <c r="BM24" s="281">
        <v>3</v>
      </c>
      <c r="BN24" s="278">
        <v>31</v>
      </c>
      <c r="BO24" s="283">
        <v>31</v>
      </c>
      <c r="BP24" s="277">
        <v>0</v>
      </c>
      <c r="BQ24" s="281">
        <v>0</v>
      </c>
      <c r="BR24" s="278">
        <v>0</v>
      </c>
      <c r="BS24" s="280">
        <v>0</v>
      </c>
      <c r="BT24" s="281">
        <v>4</v>
      </c>
      <c r="BU24" s="281">
        <v>1</v>
      </c>
      <c r="BV24" s="281">
        <v>1</v>
      </c>
      <c r="BW24" s="281">
        <v>1</v>
      </c>
      <c r="BX24" s="281">
        <v>2</v>
      </c>
      <c r="BY24" s="278">
        <v>9</v>
      </c>
      <c r="BZ24" s="283">
        <v>9</v>
      </c>
      <c r="CA24" s="277">
        <v>0</v>
      </c>
      <c r="CB24" s="281">
        <v>0</v>
      </c>
      <c r="CC24" s="278">
        <v>0</v>
      </c>
      <c r="CD24" s="280">
        <v>0</v>
      </c>
      <c r="CE24" s="281">
        <v>1</v>
      </c>
      <c r="CF24" s="281">
        <v>0</v>
      </c>
      <c r="CG24" s="281">
        <v>2</v>
      </c>
      <c r="CH24" s="281">
        <v>4</v>
      </c>
      <c r="CI24" s="281">
        <v>0</v>
      </c>
      <c r="CJ24" s="278">
        <v>7</v>
      </c>
      <c r="CK24" s="283">
        <v>7</v>
      </c>
      <c r="CL24" s="277">
        <v>0</v>
      </c>
      <c r="CM24" s="281">
        <v>0</v>
      </c>
      <c r="CN24" s="278">
        <v>0</v>
      </c>
      <c r="CO24" s="280">
        <v>0</v>
      </c>
      <c r="CP24" s="281">
        <v>0</v>
      </c>
      <c r="CQ24" s="281">
        <v>0</v>
      </c>
      <c r="CR24" s="281">
        <v>1</v>
      </c>
      <c r="CS24" s="281">
        <v>0</v>
      </c>
      <c r="CT24" s="281">
        <v>0</v>
      </c>
      <c r="CU24" s="278">
        <v>1</v>
      </c>
      <c r="CV24" s="283">
        <v>1</v>
      </c>
      <c r="CW24" s="277">
        <v>0</v>
      </c>
      <c r="CX24" s="281">
        <v>0</v>
      </c>
      <c r="CY24" s="278">
        <v>0</v>
      </c>
      <c r="CZ24" s="280">
        <v>0</v>
      </c>
      <c r="DA24" s="281">
        <v>0</v>
      </c>
      <c r="DB24" s="281">
        <v>0</v>
      </c>
      <c r="DC24" s="281">
        <v>0</v>
      </c>
      <c r="DD24" s="281">
        <v>0</v>
      </c>
      <c r="DE24" s="281">
        <v>0</v>
      </c>
      <c r="DF24" s="278">
        <v>0</v>
      </c>
      <c r="DG24" s="283">
        <v>0</v>
      </c>
      <c r="DH24" s="277">
        <v>0</v>
      </c>
      <c r="DI24" s="281">
        <v>0</v>
      </c>
      <c r="DJ24" s="278">
        <v>0</v>
      </c>
      <c r="DK24" s="280">
        <v>0</v>
      </c>
      <c r="DL24" s="281">
        <v>0</v>
      </c>
      <c r="DM24" s="281">
        <v>0</v>
      </c>
      <c r="DN24" s="281">
        <v>0</v>
      </c>
      <c r="DO24" s="281">
        <v>0</v>
      </c>
      <c r="DP24" s="281">
        <v>0</v>
      </c>
      <c r="DQ24" s="278">
        <v>0</v>
      </c>
      <c r="DR24" s="283">
        <v>0</v>
      </c>
      <c r="DS24" s="277">
        <v>1</v>
      </c>
      <c r="DT24" s="281">
        <v>5</v>
      </c>
      <c r="DU24" s="278">
        <v>6</v>
      </c>
      <c r="DV24" s="280">
        <v>0</v>
      </c>
      <c r="DW24" s="281">
        <v>15</v>
      </c>
      <c r="DX24" s="281">
        <v>17</v>
      </c>
      <c r="DY24" s="281">
        <v>8</v>
      </c>
      <c r="DZ24" s="281">
        <v>10</v>
      </c>
      <c r="EA24" s="281">
        <v>8</v>
      </c>
      <c r="EB24" s="278">
        <v>58</v>
      </c>
      <c r="EC24" s="283">
        <v>64</v>
      </c>
      <c r="ED24" s="277">
        <v>0</v>
      </c>
      <c r="EE24" s="281">
        <v>1</v>
      </c>
      <c r="EF24" s="278">
        <v>1</v>
      </c>
      <c r="EG24" s="280">
        <v>0</v>
      </c>
      <c r="EH24" s="281">
        <v>2</v>
      </c>
      <c r="EI24" s="281">
        <v>3</v>
      </c>
      <c r="EJ24" s="281">
        <v>1</v>
      </c>
      <c r="EK24" s="281">
        <v>2</v>
      </c>
      <c r="EL24" s="281">
        <v>1</v>
      </c>
      <c r="EM24" s="278">
        <v>9</v>
      </c>
      <c r="EN24" s="283">
        <v>10</v>
      </c>
      <c r="EO24" s="277">
        <v>2</v>
      </c>
      <c r="EP24" s="281">
        <v>5</v>
      </c>
      <c r="EQ24" s="278">
        <v>7</v>
      </c>
      <c r="ER24" s="280">
        <v>0</v>
      </c>
      <c r="ES24" s="281">
        <v>26</v>
      </c>
      <c r="ET24" s="281">
        <v>24</v>
      </c>
      <c r="EU24" s="281">
        <v>10</v>
      </c>
      <c r="EV24" s="281">
        <v>10</v>
      </c>
      <c r="EW24" s="281">
        <v>8</v>
      </c>
      <c r="EX24" s="278">
        <v>78</v>
      </c>
      <c r="EY24" s="283">
        <v>85</v>
      </c>
    </row>
    <row r="25" spans="1:155" ht="19.5" customHeight="1" x14ac:dyDescent="0.2">
      <c r="A25" s="262" t="s">
        <v>23</v>
      </c>
      <c r="B25" s="277">
        <v>0</v>
      </c>
      <c r="C25" s="281">
        <v>0</v>
      </c>
      <c r="D25" s="385">
        <v>0</v>
      </c>
      <c r="E25" s="280">
        <v>0</v>
      </c>
      <c r="F25" s="281">
        <v>6</v>
      </c>
      <c r="G25" s="281">
        <v>8</v>
      </c>
      <c r="H25" s="281">
        <v>4</v>
      </c>
      <c r="I25" s="281">
        <v>2</v>
      </c>
      <c r="J25" s="281">
        <v>1</v>
      </c>
      <c r="K25" s="282">
        <v>21</v>
      </c>
      <c r="L25" s="283">
        <v>21</v>
      </c>
      <c r="M25" s="277">
        <v>0</v>
      </c>
      <c r="N25" s="281">
        <v>0</v>
      </c>
      <c r="O25" s="278">
        <v>0</v>
      </c>
      <c r="P25" s="280">
        <v>0</v>
      </c>
      <c r="Q25" s="281">
        <v>1</v>
      </c>
      <c r="R25" s="281">
        <v>0</v>
      </c>
      <c r="S25" s="281">
        <v>0</v>
      </c>
      <c r="T25" s="281">
        <v>1</v>
      </c>
      <c r="U25" s="281">
        <v>0</v>
      </c>
      <c r="V25" s="278">
        <v>2</v>
      </c>
      <c r="W25" s="283">
        <v>2</v>
      </c>
      <c r="X25" s="277">
        <v>4</v>
      </c>
      <c r="Y25" s="281">
        <v>2</v>
      </c>
      <c r="Z25" s="278">
        <v>6</v>
      </c>
      <c r="AA25" s="280">
        <v>0</v>
      </c>
      <c r="AB25" s="281">
        <v>7</v>
      </c>
      <c r="AC25" s="281">
        <v>8</v>
      </c>
      <c r="AD25" s="281">
        <v>2</v>
      </c>
      <c r="AE25" s="281">
        <v>3</v>
      </c>
      <c r="AF25" s="281">
        <v>0</v>
      </c>
      <c r="AG25" s="278">
        <v>20</v>
      </c>
      <c r="AH25" s="283">
        <v>26</v>
      </c>
      <c r="AI25" s="277">
        <v>0</v>
      </c>
      <c r="AJ25" s="281">
        <v>0</v>
      </c>
      <c r="AK25" s="278">
        <v>0</v>
      </c>
      <c r="AL25" s="280">
        <v>0</v>
      </c>
      <c r="AM25" s="281">
        <v>0</v>
      </c>
      <c r="AN25" s="281">
        <v>2</v>
      </c>
      <c r="AO25" s="281">
        <v>0</v>
      </c>
      <c r="AP25" s="281">
        <v>0</v>
      </c>
      <c r="AQ25" s="281">
        <v>0</v>
      </c>
      <c r="AR25" s="278">
        <v>2</v>
      </c>
      <c r="AS25" s="283">
        <v>2</v>
      </c>
      <c r="AT25" s="277">
        <v>2</v>
      </c>
      <c r="AU25" s="281">
        <v>2</v>
      </c>
      <c r="AV25" s="278">
        <v>4</v>
      </c>
      <c r="AW25" s="280">
        <v>0</v>
      </c>
      <c r="AX25" s="281">
        <v>11</v>
      </c>
      <c r="AY25" s="281">
        <v>10</v>
      </c>
      <c r="AZ25" s="281">
        <v>6</v>
      </c>
      <c r="BA25" s="281">
        <v>5</v>
      </c>
      <c r="BB25" s="281">
        <v>2</v>
      </c>
      <c r="BC25" s="282">
        <v>34</v>
      </c>
      <c r="BD25" s="283">
        <v>38</v>
      </c>
      <c r="BE25" s="277">
        <v>0</v>
      </c>
      <c r="BF25" s="281">
        <v>0</v>
      </c>
      <c r="BG25" s="278">
        <v>0</v>
      </c>
      <c r="BH25" s="280">
        <v>0</v>
      </c>
      <c r="BI25" s="281">
        <v>20</v>
      </c>
      <c r="BJ25" s="281">
        <v>9</v>
      </c>
      <c r="BK25" s="281">
        <v>6</v>
      </c>
      <c r="BL25" s="281">
        <v>3</v>
      </c>
      <c r="BM25" s="281">
        <v>1</v>
      </c>
      <c r="BN25" s="278">
        <v>39</v>
      </c>
      <c r="BO25" s="283">
        <v>39</v>
      </c>
      <c r="BP25" s="277">
        <v>0</v>
      </c>
      <c r="BQ25" s="281">
        <v>0</v>
      </c>
      <c r="BR25" s="278">
        <v>0</v>
      </c>
      <c r="BS25" s="280">
        <v>0</v>
      </c>
      <c r="BT25" s="281">
        <v>3</v>
      </c>
      <c r="BU25" s="281">
        <v>3</v>
      </c>
      <c r="BV25" s="281">
        <v>2</v>
      </c>
      <c r="BW25" s="281">
        <v>3</v>
      </c>
      <c r="BX25" s="281">
        <v>1</v>
      </c>
      <c r="BY25" s="278">
        <v>12</v>
      </c>
      <c r="BZ25" s="283">
        <v>12</v>
      </c>
      <c r="CA25" s="277">
        <v>0</v>
      </c>
      <c r="CB25" s="281">
        <v>0</v>
      </c>
      <c r="CC25" s="278">
        <v>0</v>
      </c>
      <c r="CD25" s="280">
        <v>0</v>
      </c>
      <c r="CE25" s="281">
        <v>0</v>
      </c>
      <c r="CF25" s="281">
        <v>1</v>
      </c>
      <c r="CG25" s="281">
        <v>1</v>
      </c>
      <c r="CH25" s="281">
        <v>3</v>
      </c>
      <c r="CI25" s="281">
        <v>1</v>
      </c>
      <c r="CJ25" s="278">
        <v>6</v>
      </c>
      <c r="CK25" s="283">
        <v>6</v>
      </c>
      <c r="CL25" s="277">
        <v>0</v>
      </c>
      <c r="CM25" s="281">
        <v>0</v>
      </c>
      <c r="CN25" s="278">
        <v>0</v>
      </c>
      <c r="CO25" s="280">
        <v>0</v>
      </c>
      <c r="CP25" s="281">
        <v>1</v>
      </c>
      <c r="CQ25" s="281">
        <v>0</v>
      </c>
      <c r="CR25" s="281">
        <v>0</v>
      </c>
      <c r="CS25" s="281">
        <v>0</v>
      </c>
      <c r="CT25" s="281">
        <v>0</v>
      </c>
      <c r="CU25" s="278">
        <v>1</v>
      </c>
      <c r="CV25" s="283">
        <v>1</v>
      </c>
      <c r="CW25" s="277">
        <v>0</v>
      </c>
      <c r="CX25" s="281">
        <v>0</v>
      </c>
      <c r="CY25" s="278">
        <v>0</v>
      </c>
      <c r="CZ25" s="280">
        <v>0</v>
      </c>
      <c r="DA25" s="281">
        <v>0</v>
      </c>
      <c r="DB25" s="281">
        <v>0</v>
      </c>
      <c r="DC25" s="281">
        <v>0</v>
      </c>
      <c r="DD25" s="281">
        <v>0</v>
      </c>
      <c r="DE25" s="281">
        <v>0</v>
      </c>
      <c r="DF25" s="278">
        <v>0</v>
      </c>
      <c r="DG25" s="283">
        <v>0</v>
      </c>
      <c r="DH25" s="277">
        <v>0</v>
      </c>
      <c r="DI25" s="281">
        <v>0</v>
      </c>
      <c r="DJ25" s="278">
        <v>0</v>
      </c>
      <c r="DK25" s="280">
        <v>0</v>
      </c>
      <c r="DL25" s="281">
        <v>0</v>
      </c>
      <c r="DM25" s="281">
        <v>0</v>
      </c>
      <c r="DN25" s="281">
        <v>0</v>
      </c>
      <c r="DO25" s="281">
        <v>0</v>
      </c>
      <c r="DP25" s="281">
        <v>0</v>
      </c>
      <c r="DQ25" s="278">
        <v>0</v>
      </c>
      <c r="DR25" s="283">
        <v>0</v>
      </c>
      <c r="DS25" s="277">
        <v>3</v>
      </c>
      <c r="DT25" s="281">
        <v>5</v>
      </c>
      <c r="DU25" s="278">
        <v>8</v>
      </c>
      <c r="DV25" s="280">
        <v>0</v>
      </c>
      <c r="DW25" s="281">
        <v>10</v>
      </c>
      <c r="DX25" s="281">
        <v>24</v>
      </c>
      <c r="DY25" s="281">
        <v>9</v>
      </c>
      <c r="DZ25" s="281">
        <v>9</v>
      </c>
      <c r="EA25" s="281">
        <v>3</v>
      </c>
      <c r="EB25" s="278">
        <v>55</v>
      </c>
      <c r="EC25" s="283">
        <v>63</v>
      </c>
      <c r="ED25" s="277">
        <v>1</v>
      </c>
      <c r="EE25" s="281">
        <v>2</v>
      </c>
      <c r="EF25" s="278">
        <v>3</v>
      </c>
      <c r="EG25" s="280">
        <v>0</v>
      </c>
      <c r="EH25" s="281">
        <v>5</v>
      </c>
      <c r="EI25" s="281">
        <v>2</v>
      </c>
      <c r="EJ25" s="281">
        <v>2</v>
      </c>
      <c r="EK25" s="281">
        <v>1</v>
      </c>
      <c r="EL25" s="281">
        <v>2</v>
      </c>
      <c r="EM25" s="278">
        <v>12</v>
      </c>
      <c r="EN25" s="283">
        <v>15</v>
      </c>
      <c r="EO25" s="277">
        <v>7</v>
      </c>
      <c r="EP25" s="281">
        <v>7</v>
      </c>
      <c r="EQ25" s="278">
        <v>14</v>
      </c>
      <c r="ER25" s="280">
        <v>0</v>
      </c>
      <c r="ES25" s="281">
        <v>33</v>
      </c>
      <c r="ET25" s="281">
        <v>28</v>
      </c>
      <c r="EU25" s="281">
        <v>12</v>
      </c>
      <c r="EV25" s="281">
        <v>11</v>
      </c>
      <c r="EW25" s="281">
        <v>3</v>
      </c>
      <c r="EX25" s="278">
        <v>87</v>
      </c>
      <c r="EY25" s="283">
        <v>101</v>
      </c>
    </row>
    <row r="26" spans="1:155" ht="19.5" customHeight="1" x14ac:dyDescent="0.2">
      <c r="A26" s="262" t="s">
        <v>24</v>
      </c>
      <c r="B26" s="277">
        <v>0</v>
      </c>
      <c r="C26" s="281">
        <v>0</v>
      </c>
      <c r="D26" s="385">
        <v>0</v>
      </c>
      <c r="E26" s="280">
        <v>0</v>
      </c>
      <c r="F26" s="281">
        <v>13</v>
      </c>
      <c r="G26" s="281">
        <v>6</v>
      </c>
      <c r="H26" s="281">
        <v>1</v>
      </c>
      <c r="I26" s="281">
        <v>4</v>
      </c>
      <c r="J26" s="281">
        <v>1</v>
      </c>
      <c r="K26" s="282">
        <v>25</v>
      </c>
      <c r="L26" s="283">
        <v>25</v>
      </c>
      <c r="M26" s="277">
        <v>0</v>
      </c>
      <c r="N26" s="281">
        <v>0</v>
      </c>
      <c r="O26" s="278">
        <v>0</v>
      </c>
      <c r="P26" s="280">
        <v>0</v>
      </c>
      <c r="Q26" s="281">
        <v>0</v>
      </c>
      <c r="R26" s="281">
        <v>0</v>
      </c>
      <c r="S26" s="281">
        <v>0</v>
      </c>
      <c r="T26" s="281">
        <v>1</v>
      </c>
      <c r="U26" s="281">
        <v>2</v>
      </c>
      <c r="V26" s="278">
        <v>3</v>
      </c>
      <c r="W26" s="283">
        <v>3</v>
      </c>
      <c r="X26" s="277">
        <v>5</v>
      </c>
      <c r="Y26" s="281">
        <v>1</v>
      </c>
      <c r="Z26" s="278">
        <v>6</v>
      </c>
      <c r="AA26" s="280">
        <v>0</v>
      </c>
      <c r="AB26" s="281">
        <v>11</v>
      </c>
      <c r="AC26" s="281">
        <v>4</v>
      </c>
      <c r="AD26" s="281">
        <v>6</v>
      </c>
      <c r="AE26" s="281">
        <v>5</v>
      </c>
      <c r="AF26" s="281">
        <v>2</v>
      </c>
      <c r="AG26" s="278">
        <v>28</v>
      </c>
      <c r="AH26" s="283">
        <v>34</v>
      </c>
      <c r="AI26" s="277">
        <v>1</v>
      </c>
      <c r="AJ26" s="281">
        <v>1</v>
      </c>
      <c r="AK26" s="278">
        <v>2</v>
      </c>
      <c r="AL26" s="280">
        <v>0</v>
      </c>
      <c r="AM26" s="281">
        <v>2</v>
      </c>
      <c r="AN26" s="281">
        <v>0</v>
      </c>
      <c r="AO26" s="281">
        <v>0</v>
      </c>
      <c r="AP26" s="281">
        <v>2</v>
      </c>
      <c r="AQ26" s="281">
        <v>0</v>
      </c>
      <c r="AR26" s="278">
        <v>4</v>
      </c>
      <c r="AS26" s="283">
        <v>6</v>
      </c>
      <c r="AT26" s="277">
        <v>4</v>
      </c>
      <c r="AU26" s="281">
        <v>2</v>
      </c>
      <c r="AV26" s="278">
        <v>6</v>
      </c>
      <c r="AW26" s="280">
        <v>0</v>
      </c>
      <c r="AX26" s="281">
        <v>16</v>
      </c>
      <c r="AY26" s="281">
        <v>7</v>
      </c>
      <c r="AZ26" s="281">
        <v>9</v>
      </c>
      <c r="BA26" s="281">
        <v>9</v>
      </c>
      <c r="BB26" s="281">
        <v>4</v>
      </c>
      <c r="BC26" s="282">
        <v>45</v>
      </c>
      <c r="BD26" s="283">
        <v>51</v>
      </c>
      <c r="BE26" s="277">
        <v>0</v>
      </c>
      <c r="BF26" s="281">
        <v>0</v>
      </c>
      <c r="BG26" s="278">
        <v>0</v>
      </c>
      <c r="BH26" s="280">
        <v>0</v>
      </c>
      <c r="BI26" s="281">
        <v>11</v>
      </c>
      <c r="BJ26" s="281">
        <v>7</v>
      </c>
      <c r="BK26" s="281">
        <v>4</v>
      </c>
      <c r="BL26" s="281">
        <v>3</v>
      </c>
      <c r="BM26" s="281">
        <v>0</v>
      </c>
      <c r="BN26" s="278">
        <v>25</v>
      </c>
      <c r="BO26" s="283">
        <v>25</v>
      </c>
      <c r="BP26" s="277">
        <v>2</v>
      </c>
      <c r="BQ26" s="281">
        <v>3</v>
      </c>
      <c r="BR26" s="278">
        <v>5</v>
      </c>
      <c r="BS26" s="280">
        <v>0</v>
      </c>
      <c r="BT26" s="281">
        <v>5</v>
      </c>
      <c r="BU26" s="281">
        <v>4</v>
      </c>
      <c r="BV26" s="281">
        <v>3</v>
      </c>
      <c r="BW26" s="281">
        <v>0</v>
      </c>
      <c r="BX26" s="281">
        <v>0</v>
      </c>
      <c r="BY26" s="278">
        <v>12</v>
      </c>
      <c r="BZ26" s="283">
        <v>17</v>
      </c>
      <c r="CA26" s="277">
        <v>0</v>
      </c>
      <c r="CB26" s="281">
        <v>0</v>
      </c>
      <c r="CC26" s="278">
        <v>0</v>
      </c>
      <c r="CD26" s="280">
        <v>0</v>
      </c>
      <c r="CE26" s="281">
        <v>2</v>
      </c>
      <c r="CF26" s="281">
        <v>0</v>
      </c>
      <c r="CG26" s="281">
        <v>3</v>
      </c>
      <c r="CH26" s="281">
        <v>3</v>
      </c>
      <c r="CI26" s="281">
        <v>1</v>
      </c>
      <c r="CJ26" s="278">
        <v>9</v>
      </c>
      <c r="CK26" s="283">
        <v>9</v>
      </c>
      <c r="CL26" s="277">
        <v>0</v>
      </c>
      <c r="CM26" s="281">
        <v>0</v>
      </c>
      <c r="CN26" s="278">
        <v>0</v>
      </c>
      <c r="CO26" s="280">
        <v>0</v>
      </c>
      <c r="CP26" s="281">
        <v>0</v>
      </c>
      <c r="CQ26" s="281">
        <v>0</v>
      </c>
      <c r="CR26" s="281">
        <v>0</v>
      </c>
      <c r="CS26" s="281">
        <v>0</v>
      </c>
      <c r="CT26" s="281">
        <v>0</v>
      </c>
      <c r="CU26" s="278">
        <v>0</v>
      </c>
      <c r="CV26" s="283">
        <v>0</v>
      </c>
      <c r="CW26" s="277">
        <v>0</v>
      </c>
      <c r="CX26" s="281">
        <v>0</v>
      </c>
      <c r="CY26" s="278">
        <v>0</v>
      </c>
      <c r="CZ26" s="280">
        <v>0</v>
      </c>
      <c r="DA26" s="281">
        <v>0</v>
      </c>
      <c r="DB26" s="281">
        <v>0</v>
      </c>
      <c r="DC26" s="281">
        <v>0</v>
      </c>
      <c r="DD26" s="281">
        <v>0</v>
      </c>
      <c r="DE26" s="281">
        <v>0</v>
      </c>
      <c r="DF26" s="278">
        <v>0</v>
      </c>
      <c r="DG26" s="283">
        <v>0</v>
      </c>
      <c r="DH26" s="277">
        <v>0</v>
      </c>
      <c r="DI26" s="281">
        <v>0</v>
      </c>
      <c r="DJ26" s="278">
        <v>0</v>
      </c>
      <c r="DK26" s="280">
        <v>0</v>
      </c>
      <c r="DL26" s="281">
        <v>0</v>
      </c>
      <c r="DM26" s="281">
        <v>0</v>
      </c>
      <c r="DN26" s="281">
        <v>0</v>
      </c>
      <c r="DO26" s="281">
        <v>0</v>
      </c>
      <c r="DP26" s="281">
        <v>0</v>
      </c>
      <c r="DQ26" s="278">
        <v>0</v>
      </c>
      <c r="DR26" s="283">
        <v>0</v>
      </c>
      <c r="DS26" s="277">
        <v>14</v>
      </c>
      <c r="DT26" s="281">
        <v>5</v>
      </c>
      <c r="DU26" s="278">
        <v>19</v>
      </c>
      <c r="DV26" s="280">
        <v>0</v>
      </c>
      <c r="DW26" s="281">
        <v>21</v>
      </c>
      <c r="DX26" s="281">
        <v>12</v>
      </c>
      <c r="DY26" s="281">
        <v>9</v>
      </c>
      <c r="DZ26" s="281">
        <v>10</v>
      </c>
      <c r="EA26" s="281">
        <v>2</v>
      </c>
      <c r="EB26" s="278">
        <v>54</v>
      </c>
      <c r="EC26" s="283">
        <v>73</v>
      </c>
      <c r="ED26" s="277">
        <v>2</v>
      </c>
      <c r="EE26" s="281">
        <v>1</v>
      </c>
      <c r="EF26" s="278">
        <v>3</v>
      </c>
      <c r="EG26" s="280">
        <v>0</v>
      </c>
      <c r="EH26" s="281">
        <v>5</v>
      </c>
      <c r="EI26" s="281">
        <v>3</v>
      </c>
      <c r="EJ26" s="281">
        <v>3</v>
      </c>
      <c r="EK26" s="281">
        <v>1</v>
      </c>
      <c r="EL26" s="281">
        <v>1</v>
      </c>
      <c r="EM26" s="278">
        <v>13</v>
      </c>
      <c r="EN26" s="283">
        <v>16</v>
      </c>
      <c r="EO26" s="277">
        <v>19</v>
      </c>
      <c r="EP26" s="281">
        <v>6</v>
      </c>
      <c r="EQ26" s="278">
        <v>25</v>
      </c>
      <c r="ER26" s="280">
        <v>0</v>
      </c>
      <c r="ES26" s="281">
        <v>37</v>
      </c>
      <c r="ET26" s="281">
        <v>20</v>
      </c>
      <c r="EU26" s="281">
        <v>14</v>
      </c>
      <c r="EV26" s="281">
        <v>11</v>
      </c>
      <c r="EW26" s="281">
        <v>2</v>
      </c>
      <c r="EX26" s="278">
        <v>84</v>
      </c>
      <c r="EY26" s="283">
        <v>109</v>
      </c>
    </row>
    <row r="27" spans="1:155" ht="19.5" customHeight="1" x14ac:dyDescent="0.2">
      <c r="A27" s="262" t="s">
        <v>25</v>
      </c>
      <c r="B27" s="277">
        <v>0</v>
      </c>
      <c r="C27" s="281">
        <v>0</v>
      </c>
      <c r="D27" s="385">
        <v>0</v>
      </c>
      <c r="E27" s="280">
        <v>0</v>
      </c>
      <c r="F27" s="281">
        <v>5</v>
      </c>
      <c r="G27" s="281">
        <v>4</v>
      </c>
      <c r="H27" s="281">
        <v>2</v>
      </c>
      <c r="I27" s="281">
        <v>2</v>
      </c>
      <c r="J27" s="281">
        <v>1</v>
      </c>
      <c r="K27" s="282">
        <v>14</v>
      </c>
      <c r="L27" s="283">
        <v>14</v>
      </c>
      <c r="M27" s="277">
        <v>0</v>
      </c>
      <c r="N27" s="281">
        <v>0</v>
      </c>
      <c r="O27" s="278">
        <v>0</v>
      </c>
      <c r="P27" s="280">
        <v>0</v>
      </c>
      <c r="Q27" s="281">
        <v>0</v>
      </c>
      <c r="R27" s="281">
        <v>0</v>
      </c>
      <c r="S27" s="281">
        <v>1</v>
      </c>
      <c r="T27" s="281">
        <v>3</v>
      </c>
      <c r="U27" s="281">
        <v>2</v>
      </c>
      <c r="V27" s="278">
        <v>6</v>
      </c>
      <c r="W27" s="283">
        <v>6</v>
      </c>
      <c r="X27" s="277">
        <v>0</v>
      </c>
      <c r="Y27" s="281">
        <v>1</v>
      </c>
      <c r="Z27" s="278">
        <v>1</v>
      </c>
      <c r="AA27" s="280">
        <v>0</v>
      </c>
      <c r="AB27" s="281">
        <v>7</v>
      </c>
      <c r="AC27" s="281">
        <v>6</v>
      </c>
      <c r="AD27" s="281">
        <v>2</v>
      </c>
      <c r="AE27" s="281">
        <v>2</v>
      </c>
      <c r="AF27" s="281">
        <v>2</v>
      </c>
      <c r="AG27" s="278">
        <v>19</v>
      </c>
      <c r="AH27" s="283">
        <v>20</v>
      </c>
      <c r="AI27" s="277">
        <v>0</v>
      </c>
      <c r="AJ27" s="281">
        <v>1</v>
      </c>
      <c r="AK27" s="278">
        <v>1</v>
      </c>
      <c r="AL27" s="280">
        <v>0</v>
      </c>
      <c r="AM27" s="281">
        <v>0</v>
      </c>
      <c r="AN27" s="281">
        <v>0</v>
      </c>
      <c r="AO27" s="281">
        <v>1</v>
      </c>
      <c r="AP27" s="281">
        <v>0</v>
      </c>
      <c r="AQ27" s="281">
        <v>1</v>
      </c>
      <c r="AR27" s="278">
        <v>2</v>
      </c>
      <c r="AS27" s="283">
        <v>3</v>
      </c>
      <c r="AT27" s="277">
        <v>0</v>
      </c>
      <c r="AU27" s="281">
        <v>1</v>
      </c>
      <c r="AV27" s="278">
        <v>1</v>
      </c>
      <c r="AW27" s="280">
        <v>0</v>
      </c>
      <c r="AX27" s="281">
        <v>9</v>
      </c>
      <c r="AY27" s="281">
        <v>2</v>
      </c>
      <c r="AZ27" s="281">
        <v>3</v>
      </c>
      <c r="BA27" s="281">
        <v>5</v>
      </c>
      <c r="BB27" s="281">
        <v>1</v>
      </c>
      <c r="BC27" s="282">
        <v>20</v>
      </c>
      <c r="BD27" s="283">
        <v>21</v>
      </c>
      <c r="BE27" s="277">
        <v>0</v>
      </c>
      <c r="BF27" s="281">
        <v>0</v>
      </c>
      <c r="BG27" s="278">
        <v>0</v>
      </c>
      <c r="BH27" s="280">
        <v>0</v>
      </c>
      <c r="BI27" s="281">
        <v>11</v>
      </c>
      <c r="BJ27" s="281">
        <v>4</v>
      </c>
      <c r="BK27" s="281">
        <v>2</v>
      </c>
      <c r="BL27" s="281">
        <v>2</v>
      </c>
      <c r="BM27" s="281">
        <v>1</v>
      </c>
      <c r="BN27" s="278">
        <v>20</v>
      </c>
      <c r="BO27" s="283">
        <v>20</v>
      </c>
      <c r="BP27" s="277">
        <v>0</v>
      </c>
      <c r="BQ27" s="281">
        <v>0</v>
      </c>
      <c r="BR27" s="278">
        <v>0</v>
      </c>
      <c r="BS27" s="280">
        <v>0</v>
      </c>
      <c r="BT27" s="281">
        <v>2</v>
      </c>
      <c r="BU27" s="281">
        <v>3</v>
      </c>
      <c r="BV27" s="281">
        <v>1</v>
      </c>
      <c r="BW27" s="281">
        <v>1</v>
      </c>
      <c r="BX27" s="281">
        <v>1</v>
      </c>
      <c r="BY27" s="278">
        <v>8</v>
      </c>
      <c r="BZ27" s="283">
        <v>8</v>
      </c>
      <c r="CA27" s="277">
        <v>0</v>
      </c>
      <c r="CB27" s="281">
        <v>0</v>
      </c>
      <c r="CC27" s="278">
        <v>0</v>
      </c>
      <c r="CD27" s="280">
        <v>0</v>
      </c>
      <c r="CE27" s="281">
        <v>1</v>
      </c>
      <c r="CF27" s="281">
        <v>0</v>
      </c>
      <c r="CG27" s="281">
        <v>1</v>
      </c>
      <c r="CH27" s="281">
        <v>1</v>
      </c>
      <c r="CI27" s="281">
        <v>0</v>
      </c>
      <c r="CJ27" s="278">
        <v>3</v>
      </c>
      <c r="CK27" s="283">
        <v>3</v>
      </c>
      <c r="CL27" s="277">
        <v>0</v>
      </c>
      <c r="CM27" s="281">
        <v>0</v>
      </c>
      <c r="CN27" s="278">
        <v>0</v>
      </c>
      <c r="CO27" s="280">
        <v>0</v>
      </c>
      <c r="CP27" s="281">
        <v>1</v>
      </c>
      <c r="CQ27" s="281">
        <v>0</v>
      </c>
      <c r="CR27" s="281">
        <v>1</v>
      </c>
      <c r="CS27" s="281">
        <v>0</v>
      </c>
      <c r="CT27" s="281">
        <v>1</v>
      </c>
      <c r="CU27" s="278">
        <v>3</v>
      </c>
      <c r="CV27" s="283">
        <v>3</v>
      </c>
      <c r="CW27" s="277">
        <v>0</v>
      </c>
      <c r="CX27" s="281">
        <v>0</v>
      </c>
      <c r="CY27" s="278">
        <v>0</v>
      </c>
      <c r="CZ27" s="280">
        <v>0</v>
      </c>
      <c r="DA27" s="281">
        <v>0</v>
      </c>
      <c r="DB27" s="281">
        <v>0</v>
      </c>
      <c r="DC27" s="281">
        <v>0</v>
      </c>
      <c r="DD27" s="281">
        <v>0</v>
      </c>
      <c r="DE27" s="281">
        <v>0</v>
      </c>
      <c r="DF27" s="278">
        <v>0</v>
      </c>
      <c r="DG27" s="283">
        <v>0</v>
      </c>
      <c r="DH27" s="277">
        <v>0</v>
      </c>
      <c r="DI27" s="281">
        <v>0</v>
      </c>
      <c r="DJ27" s="278">
        <v>0</v>
      </c>
      <c r="DK27" s="280">
        <v>0</v>
      </c>
      <c r="DL27" s="281">
        <v>0</v>
      </c>
      <c r="DM27" s="281">
        <v>0</v>
      </c>
      <c r="DN27" s="281">
        <v>0</v>
      </c>
      <c r="DO27" s="281">
        <v>0</v>
      </c>
      <c r="DP27" s="281">
        <v>0</v>
      </c>
      <c r="DQ27" s="278">
        <v>0</v>
      </c>
      <c r="DR27" s="283">
        <v>0</v>
      </c>
      <c r="DS27" s="277">
        <v>1</v>
      </c>
      <c r="DT27" s="281">
        <v>2</v>
      </c>
      <c r="DU27" s="278">
        <v>3</v>
      </c>
      <c r="DV27" s="280">
        <v>0</v>
      </c>
      <c r="DW27" s="281">
        <v>10</v>
      </c>
      <c r="DX27" s="281">
        <v>8</v>
      </c>
      <c r="DY27" s="281">
        <v>5</v>
      </c>
      <c r="DZ27" s="281">
        <v>8</v>
      </c>
      <c r="EA27" s="281">
        <v>3</v>
      </c>
      <c r="EB27" s="278">
        <v>34</v>
      </c>
      <c r="EC27" s="283">
        <v>37</v>
      </c>
      <c r="ED27" s="277">
        <v>0</v>
      </c>
      <c r="EE27" s="281">
        <v>1</v>
      </c>
      <c r="EF27" s="278">
        <v>1</v>
      </c>
      <c r="EG27" s="280">
        <v>0</v>
      </c>
      <c r="EH27" s="281">
        <v>5</v>
      </c>
      <c r="EI27" s="281">
        <v>0</v>
      </c>
      <c r="EJ27" s="281">
        <v>1</v>
      </c>
      <c r="EK27" s="281">
        <v>2</v>
      </c>
      <c r="EL27" s="281">
        <v>0</v>
      </c>
      <c r="EM27" s="278">
        <v>8</v>
      </c>
      <c r="EN27" s="283">
        <v>9</v>
      </c>
      <c r="EO27" s="277">
        <v>1</v>
      </c>
      <c r="EP27" s="281">
        <v>3</v>
      </c>
      <c r="EQ27" s="278">
        <v>4</v>
      </c>
      <c r="ER27" s="280">
        <v>0</v>
      </c>
      <c r="ES27" s="281">
        <v>27</v>
      </c>
      <c r="ET27" s="281">
        <v>12</v>
      </c>
      <c r="EU27" s="281">
        <v>5</v>
      </c>
      <c r="EV27" s="281">
        <v>9</v>
      </c>
      <c r="EW27" s="281">
        <v>3</v>
      </c>
      <c r="EX27" s="278">
        <v>56</v>
      </c>
      <c r="EY27" s="283">
        <v>60</v>
      </c>
    </row>
    <row r="28" spans="1:155" ht="19.5" customHeight="1" x14ac:dyDescent="0.2">
      <c r="A28" s="262" t="s">
        <v>26</v>
      </c>
      <c r="B28" s="277">
        <v>0</v>
      </c>
      <c r="C28" s="281">
        <v>0</v>
      </c>
      <c r="D28" s="385">
        <v>0</v>
      </c>
      <c r="E28" s="280">
        <v>0</v>
      </c>
      <c r="F28" s="281">
        <v>3</v>
      </c>
      <c r="G28" s="281">
        <v>8</v>
      </c>
      <c r="H28" s="281">
        <v>3</v>
      </c>
      <c r="I28" s="281">
        <v>2</v>
      </c>
      <c r="J28" s="281">
        <v>2</v>
      </c>
      <c r="K28" s="282">
        <v>18</v>
      </c>
      <c r="L28" s="283">
        <v>18</v>
      </c>
      <c r="M28" s="277">
        <v>0</v>
      </c>
      <c r="N28" s="281">
        <v>0</v>
      </c>
      <c r="O28" s="278">
        <v>0</v>
      </c>
      <c r="P28" s="280">
        <v>0</v>
      </c>
      <c r="Q28" s="281">
        <v>0</v>
      </c>
      <c r="R28" s="281">
        <v>0</v>
      </c>
      <c r="S28" s="281">
        <v>1</v>
      </c>
      <c r="T28" s="281">
        <v>3</v>
      </c>
      <c r="U28" s="281">
        <v>1</v>
      </c>
      <c r="V28" s="278">
        <v>5</v>
      </c>
      <c r="W28" s="283">
        <v>5</v>
      </c>
      <c r="X28" s="277">
        <v>0</v>
      </c>
      <c r="Y28" s="281">
        <v>1</v>
      </c>
      <c r="Z28" s="278">
        <v>1</v>
      </c>
      <c r="AA28" s="280">
        <v>0</v>
      </c>
      <c r="AB28" s="281">
        <v>3</v>
      </c>
      <c r="AC28" s="281">
        <v>5</v>
      </c>
      <c r="AD28" s="281">
        <v>5</v>
      </c>
      <c r="AE28" s="281">
        <v>4</v>
      </c>
      <c r="AF28" s="281">
        <v>3</v>
      </c>
      <c r="AG28" s="278">
        <v>20</v>
      </c>
      <c r="AH28" s="283">
        <v>21</v>
      </c>
      <c r="AI28" s="277">
        <v>0</v>
      </c>
      <c r="AJ28" s="281">
        <v>0</v>
      </c>
      <c r="AK28" s="278">
        <v>0</v>
      </c>
      <c r="AL28" s="280">
        <v>0</v>
      </c>
      <c r="AM28" s="281">
        <v>0</v>
      </c>
      <c r="AN28" s="281">
        <v>1</v>
      </c>
      <c r="AO28" s="281">
        <v>1</v>
      </c>
      <c r="AP28" s="281">
        <v>0</v>
      </c>
      <c r="AQ28" s="281">
        <v>0</v>
      </c>
      <c r="AR28" s="278">
        <v>2</v>
      </c>
      <c r="AS28" s="283">
        <v>2</v>
      </c>
      <c r="AT28" s="277">
        <v>2</v>
      </c>
      <c r="AU28" s="281">
        <v>1</v>
      </c>
      <c r="AV28" s="278">
        <v>3</v>
      </c>
      <c r="AW28" s="280">
        <v>0</v>
      </c>
      <c r="AX28" s="281">
        <v>2</v>
      </c>
      <c r="AY28" s="281">
        <v>7</v>
      </c>
      <c r="AZ28" s="281">
        <v>8</v>
      </c>
      <c r="BA28" s="281">
        <v>3</v>
      </c>
      <c r="BB28" s="281">
        <v>3</v>
      </c>
      <c r="BC28" s="282">
        <v>23</v>
      </c>
      <c r="BD28" s="283">
        <v>26</v>
      </c>
      <c r="BE28" s="277">
        <v>0</v>
      </c>
      <c r="BF28" s="281">
        <v>0</v>
      </c>
      <c r="BG28" s="278">
        <v>0</v>
      </c>
      <c r="BH28" s="280">
        <v>0</v>
      </c>
      <c r="BI28" s="281">
        <v>6</v>
      </c>
      <c r="BJ28" s="281">
        <v>8</v>
      </c>
      <c r="BK28" s="281">
        <v>3</v>
      </c>
      <c r="BL28" s="281">
        <v>1</v>
      </c>
      <c r="BM28" s="281">
        <v>1</v>
      </c>
      <c r="BN28" s="278">
        <v>19</v>
      </c>
      <c r="BO28" s="283">
        <v>19</v>
      </c>
      <c r="BP28" s="277">
        <v>1</v>
      </c>
      <c r="BQ28" s="281">
        <v>0</v>
      </c>
      <c r="BR28" s="278">
        <v>1</v>
      </c>
      <c r="BS28" s="280">
        <v>0</v>
      </c>
      <c r="BT28" s="281">
        <v>0</v>
      </c>
      <c r="BU28" s="281">
        <v>3</v>
      </c>
      <c r="BV28" s="281">
        <v>3</v>
      </c>
      <c r="BW28" s="281">
        <v>0</v>
      </c>
      <c r="BX28" s="281">
        <v>0</v>
      </c>
      <c r="BY28" s="278">
        <v>6</v>
      </c>
      <c r="BZ28" s="283">
        <v>7</v>
      </c>
      <c r="CA28" s="277">
        <v>0</v>
      </c>
      <c r="CB28" s="281">
        <v>0</v>
      </c>
      <c r="CC28" s="278">
        <v>0</v>
      </c>
      <c r="CD28" s="280">
        <v>0</v>
      </c>
      <c r="CE28" s="281">
        <v>1</v>
      </c>
      <c r="CF28" s="281">
        <v>3</v>
      </c>
      <c r="CG28" s="281">
        <v>1</v>
      </c>
      <c r="CH28" s="281">
        <v>1</v>
      </c>
      <c r="CI28" s="281">
        <v>0</v>
      </c>
      <c r="CJ28" s="278">
        <v>6</v>
      </c>
      <c r="CK28" s="283">
        <v>6</v>
      </c>
      <c r="CL28" s="277">
        <v>0</v>
      </c>
      <c r="CM28" s="281">
        <v>0</v>
      </c>
      <c r="CN28" s="278">
        <v>0</v>
      </c>
      <c r="CO28" s="280">
        <v>0</v>
      </c>
      <c r="CP28" s="281">
        <v>0</v>
      </c>
      <c r="CQ28" s="281">
        <v>0</v>
      </c>
      <c r="CR28" s="281">
        <v>1</v>
      </c>
      <c r="CS28" s="281">
        <v>0</v>
      </c>
      <c r="CT28" s="281">
        <v>0</v>
      </c>
      <c r="CU28" s="278">
        <v>1</v>
      </c>
      <c r="CV28" s="283">
        <v>1</v>
      </c>
      <c r="CW28" s="277">
        <v>0</v>
      </c>
      <c r="CX28" s="281">
        <v>0</v>
      </c>
      <c r="CY28" s="278">
        <v>0</v>
      </c>
      <c r="CZ28" s="280">
        <v>0</v>
      </c>
      <c r="DA28" s="281">
        <v>0</v>
      </c>
      <c r="DB28" s="281">
        <v>0</v>
      </c>
      <c r="DC28" s="281">
        <v>0</v>
      </c>
      <c r="DD28" s="281">
        <v>0</v>
      </c>
      <c r="DE28" s="281">
        <v>0</v>
      </c>
      <c r="DF28" s="278">
        <v>0</v>
      </c>
      <c r="DG28" s="283">
        <v>0</v>
      </c>
      <c r="DH28" s="277">
        <v>0</v>
      </c>
      <c r="DI28" s="281">
        <v>0</v>
      </c>
      <c r="DJ28" s="278">
        <v>0</v>
      </c>
      <c r="DK28" s="280">
        <v>0</v>
      </c>
      <c r="DL28" s="281">
        <v>0</v>
      </c>
      <c r="DM28" s="281">
        <v>0</v>
      </c>
      <c r="DN28" s="281">
        <v>0</v>
      </c>
      <c r="DO28" s="281">
        <v>0</v>
      </c>
      <c r="DP28" s="281">
        <v>0</v>
      </c>
      <c r="DQ28" s="278">
        <v>0</v>
      </c>
      <c r="DR28" s="283">
        <v>0</v>
      </c>
      <c r="DS28" s="277">
        <v>4</v>
      </c>
      <c r="DT28" s="281">
        <v>4</v>
      </c>
      <c r="DU28" s="278">
        <v>8</v>
      </c>
      <c r="DV28" s="280">
        <v>0</v>
      </c>
      <c r="DW28" s="281">
        <v>7</v>
      </c>
      <c r="DX28" s="281">
        <v>20</v>
      </c>
      <c r="DY28" s="281">
        <v>14</v>
      </c>
      <c r="DZ28" s="281">
        <v>5</v>
      </c>
      <c r="EA28" s="281">
        <v>5</v>
      </c>
      <c r="EB28" s="278">
        <v>51</v>
      </c>
      <c r="EC28" s="283">
        <v>59</v>
      </c>
      <c r="ED28" s="277">
        <v>0</v>
      </c>
      <c r="EE28" s="281">
        <v>0</v>
      </c>
      <c r="EF28" s="278">
        <v>0</v>
      </c>
      <c r="EG28" s="280">
        <v>0</v>
      </c>
      <c r="EH28" s="281">
        <v>2</v>
      </c>
      <c r="EI28" s="281">
        <v>2</v>
      </c>
      <c r="EJ28" s="281">
        <v>0</v>
      </c>
      <c r="EK28" s="281">
        <v>1</v>
      </c>
      <c r="EL28" s="281">
        <v>0</v>
      </c>
      <c r="EM28" s="278">
        <v>5</v>
      </c>
      <c r="EN28" s="283">
        <v>5</v>
      </c>
      <c r="EO28" s="277">
        <v>5</v>
      </c>
      <c r="EP28" s="281">
        <v>4</v>
      </c>
      <c r="EQ28" s="278">
        <v>9</v>
      </c>
      <c r="ER28" s="280">
        <v>0</v>
      </c>
      <c r="ES28" s="281">
        <v>15</v>
      </c>
      <c r="ET28" s="281">
        <v>26</v>
      </c>
      <c r="EU28" s="281">
        <v>14</v>
      </c>
      <c r="EV28" s="281">
        <v>7</v>
      </c>
      <c r="EW28" s="281">
        <v>5</v>
      </c>
      <c r="EX28" s="278">
        <v>67</v>
      </c>
      <c r="EY28" s="283">
        <v>76</v>
      </c>
    </row>
    <row r="29" spans="1:155" ht="19.5" customHeight="1" x14ac:dyDescent="0.2">
      <c r="A29" s="262" t="s">
        <v>27</v>
      </c>
      <c r="B29" s="277">
        <v>0</v>
      </c>
      <c r="C29" s="281">
        <v>0</v>
      </c>
      <c r="D29" s="385">
        <v>0</v>
      </c>
      <c r="E29" s="280">
        <v>0</v>
      </c>
      <c r="F29" s="281">
        <v>3</v>
      </c>
      <c r="G29" s="281">
        <v>1</v>
      </c>
      <c r="H29" s="281">
        <v>8</v>
      </c>
      <c r="I29" s="281">
        <v>5</v>
      </c>
      <c r="J29" s="281">
        <v>0</v>
      </c>
      <c r="K29" s="282">
        <v>17</v>
      </c>
      <c r="L29" s="283">
        <v>17</v>
      </c>
      <c r="M29" s="277">
        <v>0</v>
      </c>
      <c r="N29" s="281">
        <v>0</v>
      </c>
      <c r="O29" s="278">
        <v>0</v>
      </c>
      <c r="P29" s="280">
        <v>0</v>
      </c>
      <c r="Q29" s="281">
        <v>1</v>
      </c>
      <c r="R29" s="281">
        <v>0</v>
      </c>
      <c r="S29" s="281">
        <v>0</v>
      </c>
      <c r="T29" s="281">
        <v>2</v>
      </c>
      <c r="U29" s="281">
        <v>1</v>
      </c>
      <c r="V29" s="278">
        <v>4</v>
      </c>
      <c r="W29" s="283">
        <v>4</v>
      </c>
      <c r="X29" s="277">
        <v>1</v>
      </c>
      <c r="Y29" s="281">
        <v>3</v>
      </c>
      <c r="Z29" s="278">
        <v>4</v>
      </c>
      <c r="AA29" s="280">
        <v>0</v>
      </c>
      <c r="AB29" s="281">
        <v>5</v>
      </c>
      <c r="AC29" s="281">
        <v>7</v>
      </c>
      <c r="AD29" s="281">
        <v>1</v>
      </c>
      <c r="AE29" s="281">
        <v>3</v>
      </c>
      <c r="AF29" s="281">
        <v>3</v>
      </c>
      <c r="AG29" s="278">
        <v>19</v>
      </c>
      <c r="AH29" s="283">
        <v>23</v>
      </c>
      <c r="AI29" s="277">
        <v>0</v>
      </c>
      <c r="AJ29" s="281">
        <v>0</v>
      </c>
      <c r="AK29" s="278">
        <v>0</v>
      </c>
      <c r="AL29" s="280">
        <v>0</v>
      </c>
      <c r="AM29" s="281">
        <v>0</v>
      </c>
      <c r="AN29" s="281">
        <v>0</v>
      </c>
      <c r="AO29" s="281">
        <v>0</v>
      </c>
      <c r="AP29" s="281">
        <v>0</v>
      </c>
      <c r="AQ29" s="281">
        <v>0</v>
      </c>
      <c r="AR29" s="278">
        <v>0</v>
      </c>
      <c r="AS29" s="283">
        <v>0</v>
      </c>
      <c r="AT29" s="277">
        <v>1</v>
      </c>
      <c r="AU29" s="281">
        <v>1</v>
      </c>
      <c r="AV29" s="278">
        <v>2</v>
      </c>
      <c r="AW29" s="280">
        <v>0</v>
      </c>
      <c r="AX29" s="281">
        <v>3</v>
      </c>
      <c r="AY29" s="281">
        <v>6</v>
      </c>
      <c r="AZ29" s="281">
        <v>8</v>
      </c>
      <c r="BA29" s="281">
        <v>10</v>
      </c>
      <c r="BB29" s="281">
        <v>4</v>
      </c>
      <c r="BC29" s="282">
        <v>31</v>
      </c>
      <c r="BD29" s="283">
        <v>33</v>
      </c>
      <c r="BE29" s="277">
        <v>0</v>
      </c>
      <c r="BF29" s="281">
        <v>0</v>
      </c>
      <c r="BG29" s="278">
        <v>0</v>
      </c>
      <c r="BH29" s="280">
        <v>0</v>
      </c>
      <c r="BI29" s="281">
        <v>9</v>
      </c>
      <c r="BJ29" s="281">
        <v>5</v>
      </c>
      <c r="BK29" s="281">
        <v>5</v>
      </c>
      <c r="BL29" s="281">
        <v>4</v>
      </c>
      <c r="BM29" s="281">
        <v>3</v>
      </c>
      <c r="BN29" s="278">
        <v>26</v>
      </c>
      <c r="BO29" s="283">
        <v>26</v>
      </c>
      <c r="BP29" s="277">
        <v>0</v>
      </c>
      <c r="BQ29" s="281">
        <v>2</v>
      </c>
      <c r="BR29" s="278">
        <v>2</v>
      </c>
      <c r="BS29" s="280">
        <v>0</v>
      </c>
      <c r="BT29" s="281">
        <v>2</v>
      </c>
      <c r="BU29" s="281">
        <v>4</v>
      </c>
      <c r="BV29" s="281">
        <v>1</v>
      </c>
      <c r="BW29" s="281">
        <v>0</v>
      </c>
      <c r="BX29" s="281">
        <v>1</v>
      </c>
      <c r="BY29" s="278">
        <v>8</v>
      </c>
      <c r="BZ29" s="283">
        <v>10</v>
      </c>
      <c r="CA29" s="277">
        <v>0</v>
      </c>
      <c r="CB29" s="281">
        <v>0</v>
      </c>
      <c r="CC29" s="278">
        <v>0</v>
      </c>
      <c r="CD29" s="280">
        <v>0</v>
      </c>
      <c r="CE29" s="281">
        <v>0</v>
      </c>
      <c r="CF29" s="281">
        <v>1</v>
      </c>
      <c r="CG29" s="281">
        <v>1</v>
      </c>
      <c r="CH29" s="281">
        <v>0</v>
      </c>
      <c r="CI29" s="281">
        <v>1</v>
      </c>
      <c r="CJ29" s="278">
        <v>3</v>
      </c>
      <c r="CK29" s="283">
        <v>3</v>
      </c>
      <c r="CL29" s="277">
        <v>0</v>
      </c>
      <c r="CM29" s="281">
        <v>0</v>
      </c>
      <c r="CN29" s="278">
        <v>0</v>
      </c>
      <c r="CO29" s="280">
        <v>0</v>
      </c>
      <c r="CP29" s="281">
        <v>0</v>
      </c>
      <c r="CQ29" s="281">
        <v>0</v>
      </c>
      <c r="CR29" s="281">
        <v>0</v>
      </c>
      <c r="CS29" s="281">
        <v>0</v>
      </c>
      <c r="CT29" s="281">
        <v>0</v>
      </c>
      <c r="CU29" s="278">
        <v>0</v>
      </c>
      <c r="CV29" s="283">
        <v>0</v>
      </c>
      <c r="CW29" s="277">
        <v>0</v>
      </c>
      <c r="CX29" s="281">
        <v>0</v>
      </c>
      <c r="CY29" s="278">
        <v>0</v>
      </c>
      <c r="CZ29" s="280">
        <v>0</v>
      </c>
      <c r="DA29" s="281">
        <v>0</v>
      </c>
      <c r="DB29" s="281">
        <v>0</v>
      </c>
      <c r="DC29" s="281">
        <v>0</v>
      </c>
      <c r="DD29" s="281">
        <v>0</v>
      </c>
      <c r="DE29" s="281">
        <v>0</v>
      </c>
      <c r="DF29" s="278">
        <v>0</v>
      </c>
      <c r="DG29" s="283">
        <v>0</v>
      </c>
      <c r="DH29" s="277">
        <v>0</v>
      </c>
      <c r="DI29" s="281">
        <v>0</v>
      </c>
      <c r="DJ29" s="278">
        <v>0</v>
      </c>
      <c r="DK29" s="280">
        <v>0</v>
      </c>
      <c r="DL29" s="281">
        <v>0</v>
      </c>
      <c r="DM29" s="281">
        <v>0</v>
      </c>
      <c r="DN29" s="281">
        <v>0</v>
      </c>
      <c r="DO29" s="281">
        <v>0</v>
      </c>
      <c r="DP29" s="281">
        <v>0</v>
      </c>
      <c r="DQ29" s="278">
        <v>0</v>
      </c>
      <c r="DR29" s="283">
        <v>0</v>
      </c>
      <c r="DS29" s="277">
        <v>4</v>
      </c>
      <c r="DT29" s="281">
        <v>9</v>
      </c>
      <c r="DU29" s="278">
        <v>13</v>
      </c>
      <c r="DV29" s="280">
        <v>0</v>
      </c>
      <c r="DW29" s="281">
        <v>7</v>
      </c>
      <c r="DX29" s="281">
        <v>12</v>
      </c>
      <c r="DY29" s="281">
        <v>10</v>
      </c>
      <c r="DZ29" s="281">
        <v>7</v>
      </c>
      <c r="EA29" s="281">
        <v>5</v>
      </c>
      <c r="EB29" s="278">
        <v>41</v>
      </c>
      <c r="EC29" s="283">
        <v>54</v>
      </c>
      <c r="ED29" s="277">
        <v>1</v>
      </c>
      <c r="EE29" s="281">
        <v>1</v>
      </c>
      <c r="EF29" s="278">
        <v>2</v>
      </c>
      <c r="EG29" s="280">
        <v>0</v>
      </c>
      <c r="EH29" s="281">
        <v>0</v>
      </c>
      <c r="EI29" s="281">
        <v>2</v>
      </c>
      <c r="EJ29" s="281">
        <v>2</v>
      </c>
      <c r="EK29" s="281">
        <v>4</v>
      </c>
      <c r="EL29" s="281">
        <v>1</v>
      </c>
      <c r="EM29" s="278">
        <v>9</v>
      </c>
      <c r="EN29" s="283">
        <v>11</v>
      </c>
      <c r="EO29" s="277">
        <v>4</v>
      </c>
      <c r="EP29" s="281">
        <v>13</v>
      </c>
      <c r="EQ29" s="278">
        <v>17</v>
      </c>
      <c r="ER29" s="280">
        <v>0</v>
      </c>
      <c r="ES29" s="281">
        <v>18</v>
      </c>
      <c r="ET29" s="281">
        <v>15</v>
      </c>
      <c r="EU29" s="281">
        <v>10</v>
      </c>
      <c r="EV29" s="281">
        <v>9</v>
      </c>
      <c r="EW29" s="281">
        <v>5</v>
      </c>
      <c r="EX29" s="278">
        <v>57</v>
      </c>
      <c r="EY29" s="283">
        <v>74</v>
      </c>
    </row>
    <row r="30" spans="1:155" ht="19.5" customHeight="1" x14ac:dyDescent="0.2">
      <c r="A30" s="262" t="s">
        <v>28</v>
      </c>
      <c r="B30" s="277">
        <v>0</v>
      </c>
      <c r="C30" s="281">
        <v>0</v>
      </c>
      <c r="D30" s="385">
        <v>0</v>
      </c>
      <c r="E30" s="280">
        <v>0</v>
      </c>
      <c r="F30" s="281">
        <v>0</v>
      </c>
      <c r="G30" s="281">
        <v>0</v>
      </c>
      <c r="H30" s="281">
        <v>1</v>
      </c>
      <c r="I30" s="281">
        <v>0</v>
      </c>
      <c r="J30" s="281">
        <v>0</v>
      </c>
      <c r="K30" s="282">
        <v>1</v>
      </c>
      <c r="L30" s="283">
        <v>1</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0</v>
      </c>
      <c r="AC30" s="281">
        <v>4</v>
      </c>
      <c r="AD30" s="281">
        <v>1</v>
      </c>
      <c r="AE30" s="281">
        <v>0</v>
      </c>
      <c r="AF30" s="281">
        <v>0</v>
      </c>
      <c r="AG30" s="278">
        <v>5</v>
      </c>
      <c r="AH30" s="283">
        <v>5</v>
      </c>
      <c r="AI30" s="277">
        <v>0</v>
      </c>
      <c r="AJ30" s="281">
        <v>0</v>
      </c>
      <c r="AK30" s="278">
        <v>0</v>
      </c>
      <c r="AL30" s="280">
        <v>0</v>
      </c>
      <c r="AM30" s="281">
        <v>0</v>
      </c>
      <c r="AN30" s="281">
        <v>0</v>
      </c>
      <c r="AO30" s="281">
        <v>0</v>
      </c>
      <c r="AP30" s="281">
        <v>0</v>
      </c>
      <c r="AQ30" s="281">
        <v>0</v>
      </c>
      <c r="AR30" s="278">
        <v>0</v>
      </c>
      <c r="AS30" s="283">
        <v>0</v>
      </c>
      <c r="AT30" s="277">
        <v>0</v>
      </c>
      <c r="AU30" s="281">
        <v>0</v>
      </c>
      <c r="AV30" s="278">
        <v>0</v>
      </c>
      <c r="AW30" s="280">
        <v>0</v>
      </c>
      <c r="AX30" s="281">
        <v>1</v>
      </c>
      <c r="AY30" s="281">
        <v>1</v>
      </c>
      <c r="AZ30" s="281">
        <v>1</v>
      </c>
      <c r="BA30" s="281">
        <v>0</v>
      </c>
      <c r="BB30" s="281">
        <v>0</v>
      </c>
      <c r="BC30" s="282">
        <v>3</v>
      </c>
      <c r="BD30" s="283">
        <v>3</v>
      </c>
      <c r="BE30" s="277">
        <v>0</v>
      </c>
      <c r="BF30" s="281">
        <v>0</v>
      </c>
      <c r="BG30" s="278">
        <v>0</v>
      </c>
      <c r="BH30" s="280">
        <v>0</v>
      </c>
      <c r="BI30" s="281">
        <v>2</v>
      </c>
      <c r="BJ30" s="281">
        <v>0</v>
      </c>
      <c r="BK30" s="281">
        <v>0</v>
      </c>
      <c r="BL30" s="281">
        <v>0</v>
      </c>
      <c r="BM30" s="281">
        <v>0</v>
      </c>
      <c r="BN30" s="278">
        <v>2</v>
      </c>
      <c r="BO30" s="283">
        <v>2</v>
      </c>
      <c r="BP30" s="277">
        <v>0</v>
      </c>
      <c r="BQ30" s="281">
        <v>0</v>
      </c>
      <c r="BR30" s="278">
        <v>0</v>
      </c>
      <c r="BS30" s="280">
        <v>0</v>
      </c>
      <c r="BT30" s="281">
        <v>0</v>
      </c>
      <c r="BU30" s="281">
        <v>0</v>
      </c>
      <c r="BV30" s="281">
        <v>0</v>
      </c>
      <c r="BW30" s="281">
        <v>0</v>
      </c>
      <c r="BX30" s="281">
        <v>0</v>
      </c>
      <c r="BY30" s="278">
        <v>0</v>
      </c>
      <c r="BZ30" s="283">
        <v>0</v>
      </c>
      <c r="CA30" s="277">
        <v>0</v>
      </c>
      <c r="CB30" s="281">
        <v>0</v>
      </c>
      <c r="CC30" s="278">
        <v>0</v>
      </c>
      <c r="CD30" s="280">
        <v>0</v>
      </c>
      <c r="CE30" s="281">
        <v>0</v>
      </c>
      <c r="CF30" s="281">
        <v>1</v>
      </c>
      <c r="CG30" s="281">
        <v>0</v>
      </c>
      <c r="CH30" s="281">
        <v>0</v>
      </c>
      <c r="CI30" s="281">
        <v>1</v>
      </c>
      <c r="CJ30" s="278">
        <v>2</v>
      </c>
      <c r="CK30" s="283">
        <v>2</v>
      </c>
      <c r="CL30" s="277">
        <v>0</v>
      </c>
      <c r="CM30" s="281">
        <v>0</v>
      </c>
      <c r="CN30" s="278">
        <v>0</v>
      </c>
      <c r="CO30" s="280">
        <v>0</v>
      </c>
      <c r="CP30" s="281">
        <v>0</v>
      </c>
      <c r="CQ30" s="281">
        <v>0</v>
      </c>
      <c r="CR30" s="281">
        <v>0</v>
      </c>
      <c r="CS30" s="281">
        <v>0</v>
      </c>
      <c r="CT30" s="281">
        <v>0</v>
      </c>
      <c r="CU30" s="278">
        <v>0</v>
      </c>
      <c r="CV30" s="283">
        <v>0</v>
      </c>
      <c r="CW30" s="277">
        <v>0</v>
      </c>
      <c r="CX30" s="281">
        <v>0</v>
      </c>
      <c r="CY30" s="278">
        <v>0</v>
      </c>
      <c r="CZ30" s="280">
        <v>0</v>
      </c>
      <c r="DA30" s="281">
        <v>0</v>
      </c>
      <c r="DB30" s="281">
        <v>0</v>
      </c>
      <c r="DC30" s="281">
        <v>0</v>
      </c>
      <c r="DD30" s="281">
        <v>0</v>
      </c>
      <c r="DE30" s="281">
        <v>0</v>
      </c>
      <c r="DF30" s="278">
        <v>0</v>
      </c>
      <c r="DG30" s="283">
        <v>0</v>
      </c>
      <c r="DH30" s="277">
        <v>0</v>
      </c>
      <c r="DI30" s="281">
        <v>0</v>
      </c>
      <c r="DJ30" s="278">
        <v>0</v>
      </c>
      <c r="DK30" s="280">
        <v>0</v>
      </c>
      <c r="DL30" s="281">
        <v>0</v>
      </c>
      <c r="DM30" s="281">
        <v>0</v>
      </c>
      <c r="DN30" s="281">
        <v>0</v>
      </c>
      <c r="DO30" s="281">
        <v>0</v>
      </c>
      <c r="DP30" s="281">
        <v>0</v>
      </c>
      <c r="DQ30" s="278">
        <v>0</v>
      </c>
      <c r="DR30" s="283">
        <v>0</v>
      </c>
      <c r="DS30" s="277">
        <v>0</v>
      </c>
      <c r="DT30" s="281">
        <v>1</v>
      </c>
      <c r="DU30" s="278">
        <v>1</v>
      </c>
      <c r="DV30" s="280">
        <v>0</v>
      </c>
      <c r="DW30" s="281">
        <v>3</v>
      </c>
      <c r="DX30" s="281">
        <v>7</v>
      </c>
      <c r="DY30" s="281">
        <v>0</v>
      </c>
      <c r="DZ30" s="281">
        <v>0</v>
      </c>
      <c r="EA30" s="281">
        <v>0</v>
      </c>
      <c r="EB30" s="278">
        <v>10</v>
      </c>
      <c r="EC30" s="283">
        <v>11</v>
      </c>
      <c r="ED30" s="277">
        <v>0</v>
      </c>
      <c r="EE30" s="281">
        <v>0</v>
      </c>
      <c r="EF30" s="278">
        <v>0</v>
      </c>
      <c r="EG30" s="280">
        <v>0</v>
      </c>
      <c r="EH30" s="281">
        <v>1</v>
      </c>
      <c r="EI30" s="281">
        <v>1</v>
      </c>
      <c r="EJ30" s="281">
        <v>1</v>
      </c>
      <c r="EK30" s="281">
        <v>0</v>
      </c>
      <c r="EL30" s="281">
        <v>0</v>
      </c>
      <c r="EM30" s="278">
        <v>3</v>
      </c>
      <c r="EN30" s="283">
        <v>3</v>
      </c>
      <c r="EO30" s="277">
        <v>0</v>
      </c>
      <c r="EP30" s="281">
        <v>1</v>
      </c>
      <c r="EQ30" s="278">
        <v>1</v>
      </c>
      <c r="ER30" s="280">
        <v>0</v>
      </c>
      <c r="ES30" s="281">
        <v>7</v>
      </c>
      <c r="ET30" s="281">
        <v>7</v>
      </c>
      <c r="EU30" s="281">
        <v>1</v>
      </c>
      <c r="EV30" s="281">
        <v>0</v>
      </c>
      <c r="EW30" s="281">
        <v>1</v>
      </c>
      <c r="EX30" s="278">
        <v>16</v>
      </c>
      <c r="EY30" s="283">
        <v>17</v>
      </c>
    </row>
    <row r="31" spans="1:155" ht="19.5" customHeight="1" x14ac:dyDescent="0.2">
      <c r="A31" s="262" t="s">
        <v>29</v>
      </c>
      <c r="B31" s="277">
        <v>0</v>
      </c>
      <c r="C31" s="281">
        <v>0</v>
      </c>
      <c r="D31" s="385">
        <v>0</v>
      </c>
      <c r="E31" s="280">
        <v>0</v>
      </c>
      <c r="F31" s="281">
        <v>1</v>
      </c>
      <c r="G31" s="281">
        <v>0</v>
      </c>
      <c r="H31" s="281">
        <v>0</v>
      </c>
      <c r="I31" s="281">
        <v>1</v>
      </c>
      <c r="J31" s="281">
        <v>1</v>
      </c>
      <c r="K31" s="282">
        <v>3</v>
      </c>
      <c r="L31" s="283">
        <v>3</v>
      </c>
      <c r="M31" s="277">
        <v>0</v>
      </c>
      <c r="N31" s="281">
        <v>0</v>
      </c>
      <c r="O31" s="278">
        <v>0</v>
      </c>
      <c r="P31" s="280">
        <v>0</v>
      </c>
      <c r="Q31" s="281">
        <v>0</v>
      </c>
      <c r="R31" s="281">
        <v>0</v>
      </c>
      <c r="S31" s="281">
        <v>0</v>
      </c>
      <c r="T31" s="281">
        <v>0</v>
      </c>
      <c r="U31" s="281">
        <v>2</v>
      </c>
      <c r="V31" s="278">
        <v>2</v>
      </c>
      <c r="W31" s="283">
        <v>2</v>
      </c>
      <c r="X31" s="277">
        <v>0</v>
      </c>
      <c r="Y31" s="281">
        <v>1</v>
      </c>
      <c r="Z31" s="278">
        <v>1</v>
      </c>
      <c r="AA31" s="280">
        <v>0</v>
      </c>
      <c r="AB31" s="281">
        <v>0</v>
      </c>
      <c r="AC31" s="281">
        <v>0</v>
      </c>
      <c r="AD31" s="281">
        <v>1</v>
      </c>
      <c r="AE31" s="281">
        <v>0</v>
      </c>
      <c r="AF31" s="281">
        <v>1</v>
      </c>
      <c r="AG31" s="278">
        <v>2</v>
      </c>
      <c r="AH31" s="283">
        <v>3</v>
      </c>
      <c r="AI31" s="277">
        <v>0</v>
      </c>
      <c r="AJ31" s="281">
        <v>0</v>
      </c>
      <c r="AK31" s="278">
        <v>0</v>
      </c>
      <c r="AL31" s="280">
        <v>0</v>
      </c>
      <c r="AM31" s="281">
        <v>0</v>
      </c>
      <c r="AN31" s="281">
        <v>0</v>
      </c>
      <c r="AO31" s="281">
        <v>0</v>
      </c>
      <c r="AP31" s="281">
        <v>0</v>
      </c>
      <c r="AQ31" s="281">
        <v>0</v>
      </c>
      <c r="AR31" s="278">
        <v>0</v>
      </c>
      <c r="AS31" s="283">
        <v>0</v>
      </c>
      <c r="AT31" s="277">
        <v>0</v>
      </c>
      <c r="AU31" s="281">
        <v>0</v>
      </c>
      <c r="AV31" s="278">
        <v>0</v>
      </c>
      <c r="AW31" s="280">
        <v>0</v>
      </c>
      <c r="AX31" s="281">
        <v>0</v>
      </c>
      <c r="AY31" s="281">
        <v>2</v>
      </c>
      <c r="AZ31" s="281">
        <v>0</v>
      </c>
      <c r="BA31" s="281">
        <v>0</v>
      </c>
      <c r="BB31" s="281">
        <v>1</v>
      </c>
      <c r="BC31" s="282">
        <v>3</v>
      </c>
      <c r="BD31" s="283">
        <v>3</v>
      </c>
      <c r="BE31" s="277">
        <v>0</v>
      </c>
      <c r="BF31" s="281">
        <v>0</v>
      </c>
      <c r="BG31" s="278">
        <v>0</v>
      </c>
      <c r="BH31" s="280">
        <v>0</v>
      </c>
      <c r="BI31" s="281">
        <v>5</v>
      </c>
      <c r="BJ31" s="281">
        <v>1</v>
      </c>
      <c r="BK31" s="281">
        <v>1</v>
      </c>
      <c r="BL31" s="281">
        <v>0</v>
      </c>
      <c r="BM31" s="281">
        <v>1</v>
      </c>
      <c r="BN31" s="278">
        <v>8</v>
      </c>
      <c r="BO31" s="283">
        <v>8</v>
      </c>
      <c r="BP31" s="277">
        <v>0</v>
      </c>
      <c r="BQ31" s="281">
        <v>0</v>
      </c>
      <c r="BR31" s="278">
        <v>0</v>
      </c>
      <c r="BS31" s="280">
        <v>0</v>
      </c>
      <c r="BT31" s="281">
        <v>1</v>
      </c>
      <c r="BU31" s="281">
        <v>0</v>
      </c>
      <c r="BV31" s="281">
        <v>1</v>
      </c>
      <c r="BW31" s="281">
        <v>1</v>
      </c>
      <c r="BX31" s="281">
        <v>0</v>
      </c>
      <c r="BY31" s="278">
        <v>3</v>
      </c>
      <c r="BZ31" s="283">
        <v>3</v>
      </c>
      <c r="CA31" s="277">
        <v>0</v>
      </c>
      <c r="CB31" s="281">
        <v>0</v>
      </c>
      <c r="CC31" s="278">
        <v>0</v>
      </c>
      <c r="CD31" s="280">
        <v>0</v>
      </c>
      <c r="CE31" s="281">
        <v>0</v>
      </c>
      <c r="CF31" s="281">
        <v>0</v>
      </c>
      <c r="CG31" s="281">
        <v>0</v>
      </c>
      <c r="CH31" s="281">
        <v>0</v>
      </c>
      <c r="CI31" s="281">
        <v>1</v>
      </c>
      <c r="CJ31" s="278">
        <v>1</v>
      </c>
      <c r="CK31" s="283">
        <v>1</v>
      </c>
      <c r="CL31" s="277">
        <v>0</v>
      </c>
      <c r="CM31" s="281">
        <v>0</v>
      </c>
      <c r="CN31" s="278">
        <v>0</v>
      </c>
      <c r="CO31" s="280">
        <v>0</v>
      </c>
      <c r="CP31" s="281">
        <v>0</v>
      </c>
      <c r="CQ31" s="281">
        <v>0</v>
      </c>
      <c r="CR31" s="281">
        <v>0</v>
      </c>
      <c r="CS31" s="281">
        <v>0</v>
      </c>
      <c r="CT31" s="281">
        <v>0</v>
      </c>
      <c r="CU31" s="278">
        <v>0</v>
      </c>
      <c r="CV31" s="283">
        <v>0</v>
      </c>
      <c r="CW31" s="277">
        <v>0</v>
      </c>
      <c r="CX31" s="281">
        <v>0</v>
      </c>
      <c r="CY31" s="278">
        <v>0</v>
      </c>
      <c r="CZ31" s="280">
        <v>0</v>
      </c>
      <c r="DA31" s="281">
        <v>0</v>
      </c>
      <c r="DB31" s="281">
        <v>0</v>
      </c>
      <c r="DC31" s="281">
        <v>0</v>
      </c>
      <c r="DD31" s="281">
        <v>0</v>
      </c>
      <c r="DE31" s="281">
        <v>0</v>
      </c>
      <c r="DF31" s="278">
        <v>0</v>
      </c>
      <c r="DG31" s="283">
        <v>0</v>
      </c>
      <c r="DH31" s="277">
        <v>0</v>
      </c>
      <c r="DI31" s="281">
        <v>0</v>
      </c>
      <c r="DJ31" s="278">
        <v>0</v>
      </c>
      <c r="DK31" s="280">
        <v>0</v>
      </c>
      <c r="DL31" s="281">
        <v>0</v>
      </c>
      <c r="DM31" s="281">
        <v>0</v>
      </c>
      <c r="DN31" s="281">
        <v>0</v>
      </c>
      <c r="DO31" s="281">
        <v>0</v>
      </c>
      <c r="DP31" s="281">
        <v>0</v>
      </c>
      <c r="DQ31" s="278">
        <v>0</v>
      </c>
      <c r="DR31" s="283">
        <v>0</v>
      </c>
      <c r="DS31" s="277">
        <v>2</v>
      </c>
      <c r="DT31" s="281">
        <v>1</v>
      </c>
      <c r="DU31" s="278">
        <v>3</v>
      </c>
      <c r="DV31" s="280">
        <v>0</v>
      </c>
      <c r="DW31" s="281">
        <v>1</v>
      </c>
      <c r="DX31" s="281">
        <v>1</v>
      </c>
      <c r="DY31" s="281">
        <v>2</v>
      </c>
      <c r="DZ31" s="281">
        <v>1</v>
      </c>
      <c r="EA31" s="281">
        <v>3</v>
      </c>
      <c r="EB31" s="278">
        <v>8</v>
      </c>
      <c r="EC31" s="283">
        <v>11</v>
      </c>
      <c r="ED31" s="277">
        <v>0</v>
      </c>
      <c r="EE31" s="281">
        <v>0</v>
      </c>
      <c r="EF31" s="278">
        <v>0</v>
      </c>
      <c r="EG31" s="280">
        <v>0</v>
      </c>
      <c r="EH31" s="281">
        <v>0</v>
      </c>
      <c r="EI31" s="281">
        <v>2</v>
      </c>
      <c r="EJ31" s="281">
        <v>0</v>
      </c>
      <c r="EK31" s="281">
        <v>0</v>
      </c>
      <c r="EL31" s="281">
        <v>0</v>
      </c>
      <c r="EM31" s="278">
        <v>2</v>
      </c>
      <c r="EN31" s="283">
        <v>2</v>
      </c>
      <c r="EO31" s="277">
        <v>2</v>
      </c>
      <c r="EP31" s="281">
        <v>2</v>
      </c>
      <c r="EQ31" s="278">
        <v>4</v>
      </c>
      <c r="ER31" s="280">
        <v>0</v>
      </c>
      <c r="ES31" s="281">
        <v>7</v>
      </c>
      <c r="ET31" s="281">
        <v>2</v>
      </c>
      <c r="EU31" s="281">
        <v>2</v>
      </c>
      <c r="EV31" s="281">
        <v>1</v>
      </c>
      <c r="EW31" s="281">
        <v>3</v>
      </c>
      <c r="EX31" s="278">
        <v>15</v>
      </c>
      <c r="EY31" s="283">
        <v>19</v>
      </c>
    </row>
    <row r="32" spans="1:155" ht="19.5" customHeight="1" x14ac:dyDescent="0.2">
      <c r="A32" s="262" t="s">
        <v>30</v>
      </c>
      <c r="B32" s="277">
        <v>0</v>
      </c>
      <c r="C32" s="281">
        <v>0</v>
      </c>
      <c r="D32" s="385">
        <v>0</v>
      </c>
      <c r="E32" s="280">
        <v>0</v>
      </c>
      <c r="F32" s="281">
        <v>0</v>
      </c>
      <c r="G32" s="281">
        <v>2</v>
      </c>
      <c r="H32" s="281">
        <v>1</v>
      </c>
      <c r="I32" s="281">
        <v>2</v>
      </c>
      <c r="J32" s="281">
        <v>0</v>
      </c>
      <c r="K32" s="282">
        <v>5</v>
      </c>
      <c r="L32" s="283">
        <v>5</v>
      </c>
      <c r="M32" s="277">
        <v>0</v>
      </c>
      <c r="N32" s="281">
        <v>0</v>
      </c>
      <c r="O32" s="278">
        <v>0</v>
      </c>
      <c r="P32" s="280">
        <v>0</v>
      </c>
      <c r="Q32" s="281">
        <v>0</v>
      </c>
      <c r="R32" s="281">
        <v>0</v>
      </c>
      <c r="S32" s="281">
        <v>0</v>
      </c>
      <c r="T32" s="281">
        <v>1</v>
      </c>
      <c r="U32" s="281">
        <v>0</v>
      </c>
      <c r="V32" s="278">
        <v>1</v>
      </c>
      <c r="W32" s="283">
        <v>1</v>
      </c>
      <c r="X32" s="277">
        <v>0</v>
      </c>
      <c r="Y32" s="281">
        <v>1</v>
      </c>
      <c r="Z32" s="278">
        <v>1</v>
      </c>
      <c r="AA32" s="280">
        <v>0</v>
      </c>
      <c r="AB32" s="281">
        <v>1</v>
      </c>
      <c r="AC32" s="281">
        <v>0</v>
      </c>
      <c r="AD32" s="281">
        <v>0</v>
      </c>
      <c r="AE32" s="281">
        <v>3</v>
      </c>
      <c r="AF32" s="281">
        <v>0</v>
      </c>
      <c r="AG32" s="278">
        <v>4</v>
      </c>
      <c r="AH32" s="283">
        <v>5</v>
      </c>
      <c r="AI32" s="277">
        <v>0</v>
      </c>
      <c r="AJ32" s="281">
        <v>0</v>
      </c>
      <c r="AK32" s="278">
        <v>0</v>
      </c>
      <c r="AL32" s="280">
        <v>0</v>
      </c>
      <c r="AM32" s="281">
        <v>0</v>
      </c>
      <c r="AN32" s="281">
        <v>0</v>
      </c>
      <c r="AO32" s="281">
        <v>0</v>
      </c>
      <c r="AP32" s="281">
        <v>0</v>
      </c>
      <c r="AQ32" s="281">
        <v>0</v>
      </c>
      <c r="AR32" s="278">
        <v>0</v>
      </c>
      <c r="AS32" s="283">
        <v>0</v>
      </c>
      <c r="AT32" s="277">
        <v>0</v>
      </c>
      <c r="AU32" s="281">
        <v>0</v>
      </c>
      <c r="AV32" s="278">
        <v>0</v>
      </c>
      <c r="AW32" s="280">
        <v>0</v>
      </c>
      <c r="AX32" s="281">
        <v>2</v>
      </c>
      <c r="AY32" s="281">
        <v>1</v>
      </c>
      <c r="AZ32" s="281">
        <v>0</v>
      </c>
      <c r="BA32" s="281">
        <v>2</v>
      </c>
      <c r="BB32" s="281">
        <v>0</v>
      </c>
      <c r="BC32" s="282">
        <v>5</v>
      </c>
      <c r="BD32" s="283">
        <v>5</v>
      </c>
      <c r="BE32" s="277">
        <v>0</v>
      </c>
      <c r="BF32" s="281">
        <v>0</v>
      </c>
      <c r="BG32" s="278">
        <v>0</v>
      </c>
      <c r="BH32" s="280">
        <v>0</v>
      </c>
      <c r="BI32" s="281">
        <v>0</v>
      </c>
      <c r="BJ32" s="281">
        <v>0</v>
      </c>
      <c r="BK32" s="281">
        <v>0</v>
      </c>
      <c r="BL32" s="281">
        <v>1</v>
      </c>
      <c r="BM32" s="281">
        <v>0</v>
      </c>
      <c r="BN32" s="278">
        <v>1</v>
      </c>
      <c r="BO32" s="283">
        <v>1</v>
      </c>
      <c r="BP32" s="277">
        <v>0</v>
      </c>
      <c r="BQ32" s="281">
        <v>0</v>
      </c>
      <c r="BR32" s="278">
        <v>0</v>
      </c>
      <c r="BS32" s="280">
        <v>0</v>
      </c>
      <c r="BT32" s="281">
        <v>1</v>
      </c>
      <c r="BU32" s="281">
        <v>0</v>
      </c>
      <c r="BV32" s="281">
        <v>0</v>
      </c>
      <c r="BW32" s="281">
        <v>0</v>
      </c>
      <c r="BX32" s="281">
        <v>0</v>
      </c>
      <c r="BY32" s="278">
        <v>1</v>
      </c>
      <c r="BZ32" s="283">
        <v>1</v>
      </c>
      <c r="CA32" s="277">
        <v>0</v>
      </c>
      <c r="CB32" s="281">
        <v>0</v>
      </c>
      <c r="CC32" s="278">
        <v>0</v>
      </c>
      <c r="CD32" s="280">
        <v>0</v>
      </c>
      <c r="CE32" s="281">
        <v>1</v>
      </c>
      <c r="CF32" s="281">
        <v>0</v>
      </c>
      <c r="CG32" s="281">
        <v>1</v>
      </c>
      <c r="CH32" s="281">
        <v>1</v>
      </c>
      <c r="CI32" s="281">
        <v>0</v>
      </c>
      <c r="CJ32" s="278">
        <v>3</v>
      </c>
      <c r="CK32" s="283">
        <v>3</v>
      </c>
      <c r="CL32" s="277">
        <v>0</v>
      </c>
      <c r="CM32" s="281">
        <v>0</v>
      </c>
      <c r="CN32" s="278">
        <v>0</v>
      </c>
      <c r="CO32" s="280">
        <v>0</v>
      </c>
      <c r="CP32" s="281">
        <v>0</v>
      </c>
      <c r="CQ32" s="281">
        <v>0</v>
      </c>
      <c r="CR32" s="281">
        <v>0</v>
      </c>
      <c r="CS32" s="281">
        <v>0</v>
      </c>
      <c r="CT32" s="281">
        <v>0</v>
      </c>
      <c r="CU32" s="278">
        <v>0</v>
      </c>
      <c r="CV32" s="283">
        <v>0</v>
      </c>
      <c r="CW32" s="277">
        <v>0</v>
      </c>
      <c r="CX32" s="281">
        <v>0</v>
      </c>
      <c r="CY32" s="278">
        <v>0</v>
      </c>
      <c r="CZ32" s="280">
        <v>0</v>
      </c>
      <c r="DA32" s="281">
        <v>0</v>
      </c>
      <c r="DB32" s="281">
        <v>0</v>
      </c>
      <c r="DC32" s="281">
        <v>0</v>
      </c>
      <c r="DD32" s="281">
        <v>0</v>
      </c>
      <c r="DE32" s="281">
        <v>0</v>
      </c>
      <c r="DF32" s="278">
        <v>0</v>
      </c>
      <c r="DG32" s="283">
        <v>0</v>
      </c>
      <c r="DH32" s="277">
        <v>0</v>
      </c>
      <c r="DI32" s="281">
        <v>0</v>
      </c>
      <c r="DJ32" s="278">
        <v>0</v>
      </c>
      <c r="DK32" s="280">
        <v>0</v>
      </c>
      <c r="DL32" s="281">
        <v>0</v>
      </c>
      <c r="DM32" s="281">
        <v>0</v>
      </c>
      <c r="DN32" s="281">
        <v>0</v>
      </c>
      <c r="DO32" s="281">
        <v>0</v>
      </c>
      <c r="DP32" s="281">
        <v>0</v>
      </c>
      <c r="DQ32" s="278">
        <v>0</v>
      </c>
      <c r="DR32" s="283">
        <v>0</v>
      </c>
      <c r="DS32" s="277">
        <v>1</v>
      </c>
      <c r="DT32" s="281">
        <v>1</v>
      </c>
      <c r="DU32" s="278">
        <v>2</v>
      </c>
      <c r="DV32" s="280">
        <v>0</v>
      </c>
      <c r="DW32" s="281">
        <v>3</v>
      </c>
      <c r="DX32" s="281">
        <v>2</v>
      </c>
      <c r="DY32" s="281">
        <v>2</v>
      </c>
      <c r="DZ32" s="281">
        <v>4</v>
      </c>
      <c r="EA32" s="281">
        <v>0</v>
      </c>
      <c r="EB32" s="278">
        <v>11</v>
      </c>
      <c r="EC32" s="283">
        <v>13</v>
      </c>
      <c r="ED32" s="277">
        <v>0</v>
      </c>
      <c r="EE32" s="281">
        <v>0</v>
      </c>
      <c r="EF32" s="278">
        <v>0</v>
      </c>
      <c r="EG32" s="280">
        <v>0</v>
      </c>
      <c r="EH32" s="281">
        <v>2</v>
      </c>
      <c r="EI32" s="281">
        <v>0</v>
      </c>
      <c r="EJ32" s="281">
        <v>0</v>
      </c>
      <c r="EK32" s="281">
        <v>0</v>
      </c>
      <c r="EL32" s="281">
        <v>0</v>
      </c>
      <c r="EM32" s="278">
        <v>2</v>
      </c>
      <c r="EN32" s="283">
        <v>2</v>
      </c>
      <c r="EO32" s="277">
        <v>2</v>
      </c>
      <c r="EP32" s="281">
        <v>1</v>
      </c>
      <c r="EQ32" s="278">
        <v>3</v>
      </c>
      <c r="ER32" s="280">
        <v>0</v>
      </c>
      <c r="ES32" s="281">
        <v>5</v>
      </c>
      <c r="ET32" s="281">
        <v>3</v>
      </c>
      <c r="EU32" s="281">
        <v>3</v>
      </c>
      <c r="EV32" s="281">
        <v>4</v>
      </c>
      <c r="EW32" s="281">
        <v>0</v>
      </c>
      <c r="EX32" s="278">
        <v>15</v>
      </c>
      <c r="EY32" s="283">
        <v>18</v>
      </c>
    </row>
    <row r="33" spans="1:155" ht="19.5" customHeight="1" x14ac:dyDescent="0.2">
      <c r="A33" s="262" t="s">
        <v>31</v>
      </c>
      <c r="B33" s="277">
        <v>0</v>
      </c>
      <c r="C33" s="281">
        <v>0</v>
      </c>
      <c r="D33" s="385">
        <v>0</v>
      </c>
      <c r="E33" s="280">
        <v>0</v>
      </c>
      <c r="F33" s="281">
        <v>3</v>
      </c>
      <c r="G33" s="281">
        <v>0</v>
      </c>
      <c r="H33" s="281">
        <v>1</v>
      </c>
      <c r="I33" s="281">
        <v>1</v>
      </c>
      <c r="J33" s="281">
        <v>0</v>
      </c>
      <c r="K33" s="282">
        <v>5</v>
      </c>
      <c r="L33" s="283">
        <v>5</v>
      </c>
      <c r="M33" s="277">
        <v>0</v>
      </c>
      <c r="N33" s="281">
        <v>0</v>
      </c>
      <c r="O33" s="278">
        <v>0</v>
      </c>
      <c r="P33" s="280">
        <v>0</v>
      </c>
      <c r="Q33" s="281">
        <v>0</v>
      </c>
      <c r="R33" s="281">
        <v>1</v>
      </c>
      <c r="S33" s="281">
        <v>1</v>
      </c>
      <c r="T33" s="281">
        <v>0</v>
      </c>
      <c r="U33" s="281">
        <v>0</v>
      </c>
      <c r="V33" s="278">
        <v>2</v>
      </c>
      <c r="W33" s="283">
        <v>2</v>
      </c>
      <c r="X33" s="277">
        <v>0</v>
      </c>
      <c r="Y33" s="281">
        <v>0</v>
      </c>
      <c r="Z33" s="278">
        <v>0</v>
      </c>
      <c r="AA33" s="280">
        <v>0</v>
      </c>
      <c r="AB33" s="281">
        <v>2</v>
      </c>
      <c r="AC33" s="281">
        <v>0</v>
      </c>
      <c r="AD33" s="281">
        <v>1</v>
      </c>
      <c r="AE33" s="281">
        <v>1</v>
      </c>
      <c r="AF33" s="281">
        <v>0</v>
      </c>
      <c r="AG33" s="278">
        <v>4</v>
      </c>
      <c r="AH33" s="283">
        <v>4</v>
      </c>
      <c r="AI33" s="277">
        <v>0</v>
      </c>
      <c r="AJ33" s="281">
        <v>0</v>
      </c>
      <c r="AK33" s="278">
        <v>0</v>
      </c>
      <c r="AL33" s="280">
        <v>0</v>
      </c>
      <c r="AM33" s="281">
        <v>0</v>
      </c>
      <c r="AN33" s="281">
        <v>2</v>
      </c>
      <c r="AO33" s="281">
        <v>0</v>
      </c>
      <c r="AP33" s="281">
        <v>1</v>
      </c>
      <c r="AQ33" s="281">
        <v>0</v>
      </c>
      <c r="AR33" s="278">
        <v>3</v>
      </c>
      <c r="AS33" s="283">
        <v>3</v>
      </c>
      <c r="AT33" s="277">
        <v>0</v>
      </c>
      <c r="AU33" s="281">
        <v>0</v>
      </c>
      <c r="AV33" s="278">
        <v>0</v>
      </c>
      <c r="AW33" s="280">
        <v>0</v>
      </c>
      <c r="AX33" s="281">
        <v>1</v>
      </c>
      <c r="AY33" s="281">
        <v>0</v>
      </c>
      <c r="AZ33" s="281">
        <v>0</v>
      </c>
      <c r="BA33" s="281">
        <v>1</v>
      </c>
      <c r="BB33" s="281">
        <v>0</v>
      </c>
      <c r="BC33" s="282">
        <v>2</v>
      </c>
      <c r="BD33" s="283">
        <v>2</v>
      </c>
      <c r="BE33" s="277">
        <v>0</v>
      </c>
      <c r="BF33" s="281">
        <v>0</v>
      </c>
      <c r="BG33" s="278">
        <v>0</v>
      </c>
      <c r="BH33" s="280">
        <v>0</v>
      </c>
      <c r="BI33" s="281">
        <v>3</v>
      </c>
      <c r="BJ33" s="281">
        <v>3</v>
      </c>
      <c r="BK33" s="281">
        <v>1</v>
      </c>
      <c r="BL33" s="281">
        <v>1</v>
      </c>
      <c r="BM33" s="281">
        <v>0</v>
      </c>
      <c r="BN33" s="278">
        <v>8</v>
      </c>
      <c r="BO33" s="283">
        <v>8</v>
      </c>
      <c r="BP33" s="277">
        <v>0</v>
      </c>
      <c r="BQ33" s="281">
        <v>0</v>
      </c>
      <c r="BR33" s="278">
        <v>0</v>
      </c>
      <c r="BS33" s="280">
        <v>0</v>
      </c>
      <c r="BT33" s="281">
        <v>0</v>
      </c>
      <c r="BU33" s="281">
        <v>2</v>
      </c>
      <c r="BV33" s="281">
        <v>1</v>
      </c>
      <c r="BW33" s="281">
        <v>1</v>
      </c>
      <c r="BX33" s="281">
        <v>0</v>
      </c>
      <c r="BY33" s="278">
        <v>4</v>
      </c>
      <c r="BZ33" s="283">
        <v>4</v>
      </c>
      <c r="CA33" s="277">
        <v>0</v>
      </c>
      <c r="CB33" s="281">
        <v>0</v>
      </c>
      <c r="CC33" s="278">
        <v>0</v>
      </c>
      <c r="CD33" s="280">
        <v>0</v>
      </c>
      <c r="CE33" s="281">
        <v>0</v>
      </c>
      <c r="CF33" s="281">
        <v>0</v>
      </c>
      <c r="CG33" s="281">
        <v>1</v>
      </c>
      <c r="CH33" s="281">
        <v>0</v>
      </c>
      <c r="CI33" s="281">
        <v>0</v>
      </c>
      <c r="CJ33" s="278">
        <v>1</v>
      </c>
      <c r="CK33" s="283">
        <v>1</v>
      </c>
      <c r="CL33" s="277">
        <v>0</v>
      </c>
      <c r="CM33" s="281">
        <v>0</v>
      </c>
      <c r="CN33" s="278">
        <v>0</v>
      </c>
      <c r="CO33" s="280">
        <v>0</v>
      </c>
      <c r="CP33" s="281">
        <v>0</v>
      </c>
      <c r="CQ33" s="281">
        <v>0</v>
      </c>
      <c r="CR33" s="281">
        <v>0</v>
      </c>
      <c r="CS33" s="281">
        <v>0</v>
      </c>
      <c r="CT33" s="281">
        <v>0</v>
      </c>
      <c r="CU33" s="278">
        <v>0</v>
      </c>
      <c r="CV33" s="283">
        <v>0</v>
      </c>
      <c r="CW33" s="277">
        <v>0</v>
      </c>
      <c r="CX33" s="281">
        <v>0</v>
      </c>
      <c r="CY33" s="278">
        <v>0</v>
      </c>
      <c r="CZ33" s="280">
        <v>0</v>
      </c>
      <c r="DA33" s="281">
        <v>0</v>
      </c>
      <c r="DB33" s="281">
        <v>0</v>
      </c>
      <c r="DC33" s="281">
        <v>0</v>
      </c>
      <c r="DD33" s="281">
        <v>0</v>
      </c>
      <c r="DE33" s="281">
        <v>0</v>
      </c>
      <c r="DF33" s="278">
        <v>0</v>
      </c>
      <c r="DG33" s="283">
        <v>0</v>
      </c>
      <c r="DH33" s="277">
        <v>0</v>
      </c>
      <c r="DI33" s="281">
        <v>0</v>
      </c>
      <c r="DJ33" s="278">
        <v>0</v>
      </c>
      <c r="DK33" s="280">
        <v>0</v>
      </c>
      <c r="DL33" s="281">
        <v>0</v>
      </c>
      <c r="DM33" s="281">
        <v>0</v>
      </c>
      <c r="DN33" s="281">
        <v>0</v>
      </c>
      <c r="DO33" s="281">
        <v>0</v>
      </c>
      <c r="DP33" s="281">
        <v>0</v>
      </c>
      <c r="DQ33" s="278">
        <v>0</v>
      </c>
      <c r="DR33" s="283">
        <v>0</v>
      </c>
      <c r="DS33" s="277">
        <v>2</v>
      </c>
      <c r="DT33" s="281">
        <v>1</v>
      </c>
      <c r="DU33" s="278">
        <v>3</v>
      </c>
      <c r="DV33" s="280">
        <v>0</v>
      </c>
      <c r="DW33" s="281">
        <v>4</v>
      </c>
      <c r="DX33" s="281">
        <v>6</v>
      </c>
      <c r="DY33" s="281">
        <v>4</v>
      </c>
      <c r="DZ33" s="281">
        <v>1</v>
      </c>
      <c r="EA33" s="281">
        <v>0</v>
      </c>
      <c r="EB33" s="278">
        <v>15</v>
      </c>
      <c r="EC33" s="283">
        <v>18</v>
      </c>
      <c r="ED33" s="277">
        <v>0</v>
      </c>
      <c r="EE33" s="281">
        <v>0</v>
      </c>
      <c r="EF33" s="278">
        <v>0</v>
      </c>
      <c r="EG33" s="280">
        <v>0</v>
      </c>
      <c r="EH33" s="281">
        <v>0</v>
      </c>
      <c r="EI33" s="281">
        <v>1</v>
      </c>
      <c r="EJ33" s="281">
        <v>1</v>
      </c>
      <c r="EK33" s="281">
        <v>0</v>
      </c>
      <c r="EL33" s="281">
        <v>0</v>
      </c>
      <c r="EM33" s="278">
        <v>2</v>
      </c>
      <c r="EN33" s="283">
        <v>2</v>
      </c>
      <c r="EO33" s="277">
        <v>2</v>
      </c>
      <c r="EP33" s="281">
        <v>2</v>
      </c>
      <c r="EQ33" s="278">
        <v>4</v>
      </c>
      <c r="ER33" s="280">
        <v>0</v>
      </c>
      <c r="ES33" s="281">
        <v>7</v>
      </c>
      <c r="ET33" s="281">
        <v>10</v>
      </c>
      <c r="EU33" s="281">
        <v>3</v>
      </c>
      <c r="EV33" s="281">
        <v>2</v>
      </c>
      <c r="EW33" s="281">
        <v>0</v>
      </c>
      <c r="EX33" s="278">
        <v>22</v>
      </c>
      <c r="EY33" s="283">
        <v>26</v>
      </c>
    </row>
    <row r="34" spans="1:155" ht="19.5" customHeight="1" x14ac:dyDescent="0.2">
      <c r="A34" s="262" t="s">
        <v>32</v>
      </c>
      <c r="B34" s="277">
        <v>0</v>
      </c>
      <c r="C34" s="281">
        <v>0</v>
      </c>
      <c r="D34" s="385">
        <v>0</v>
      </c>
      <c r="E34" s="280">
        <v>0</v>
      </c>
      <c r="F34" s="281">
        <v>1</v>
      </c>
      <c r="G34" s="281">
        <v>2</v>
      </c>
      <c r="H34" s="281">
        <v>1</v>
      </c>
      <c r="I34" s="281">
        <v>2</v>
      </c>
      <c r="J34" s="281">
        <v>0</v>
      </c>
      <c r="K34" s="282">
        <v>6</v>
      </c>
      <c r="L34" s="283">
        <v>6</v>
      </c>
      <c r="M34" s="277">
        <v>0</v>
      </c>
      <c r="N34" s="281">
        <v>0</v>
      </c>
      <c r="O34" s="278">
        <v>0</v>
      </c>
      <c r="P34" s="280">
        <v>0</v>
      </c>
      <c r="Q34" s="281">
        <v>0</v>
      </c>
      <c r="R34" s="281">
        <v>0</v>
      </c>
      <c r="S34" s="281">
        <v>0</v>
      </c>
      <c r="T34" s="281">
        <v>1</v>
      </c>
      <c r="U34" s="281">
        <v>0</v>
      </c>
      <c r="V34" s="278">
        <v>1</v>
      </c>
      <c r="W34" s="283">
        <v>1</v>
      </c>
      <c r="X34" s="277">
        <v>0</v>
      </c>
      <c r="Y34" s="281">
        <v>1</v>
      </c>
      <c r="Z34" s="278">
        <v>1</v>
      </c>
      <c r="AA34" s="280">
        <v>0</v>
      </c>
      <c r="AB34" s="281">
        <v>2</v>
      </c>
      <c r="AC34" s="281">
        <v>2</v>
      </c>
      <c r="AD34" s="281">
        <v>1</v>
      </c>
      <c r="AE34" s="281">
        <v>1</v>
      </c>
      <c r="AF34" s="281">
        <v>0</v>
      </c>
      <c r="AG34" s="278">
        <v>6</v>
      </c>
      <c r="AH34" s="283">
        <v>7</v>
      </c>
      <c r="AI34" s="277">
        <v>0</v>
      </c>
      <c r="AJ34" s="281">
        <v>0</v>
      </c>
      <c r="AK34" s="278">
        <v>0</v>
      </c>
      <c r="AL34" s="280">
        <v>0</v>
      </c>
      <c r="AM34" s="281">
        <v>0</v>
      </c>
      <c r="AN34" s="281">
        <v>0</v>
      </c>
      <c r="AO34" s="281">
        <v>0</v>
      </c>
      <c r="AP34" s="281">
        <v>0</v>
      </c>
      <c r="AQ34" s="281">
        <v>0</v>
      </c>
      <c r="AR34" s="278">
        <v>0</v>
      </c>
      <c r="AS34" s="283">
        <v>0</v>
      </c>
      <c r="AT34" s="277">
        <v>0</v>
      </c>
      <c r="AU34" s="281">
        <v>0</v>
      </c>
      <c r="AV34" s="278">
        <v>0</v>
      </c>
      <c r="AW34" s="280">
        <v>0</v>
      </c>
      <c r="AX34" s="281">
        <v>0</v>
      </c>
      <c r="AY34" s="281">
        <v>2</v>
      </c>
      <c r="AZ34" s="281">
        <v>3</v>
      </c>
      <c r="BA34" s="281">
        <v>3</v>
      </c>
      <c r="BB34" s="281">
        <v>0</v>
      </c>
      <c r="BC34" s="282">
        <v>8</v>
      </c>
      <c r="BD34" s="283">
        <v>8</v>
      </c>
      <c r="BE34" s="277">
        <v>0</v>
      </c>
      <c r="BF34" s="281">
        <v>0</v>
      </c>
      <c r="BG34" s="278">
        <v>0</v>
      </c>
      <c r="BH34" s="280">
        <v>0</v>
      </c>
      <c r="BI34" s="281">
        <v>3</v>
      </c>
      <c r="BJ34" s="281">
        <v>1</v>
      </c>
      <c r="BK34" s="281">
        <v>1</v>
      </c>
      <c r="BL34" s="281">
        <v>0</v>
      </c>
      <c r="BM34" s="281">
        <v>1</v>
      </c>
      <c r="BN34" s="278">
        <v>6</v>
      </c>
      <c r="BO34" s="283">
        <v>6</v>
      </c>
      <c r="BP34" s="277">
        <v>0</v>
      </c>
      <c r="BQ34" s="281">
        <v>0</v>
      </c>
      <c r="BR34" s="278">
        <v>0</v>
      </c>
      <c r="BS34" s="280">
        <v>0</v>
      </c>
      <c r="BT34" s="281">
        <v>2</v>
      </c>
      <c r="BU34" s="281">
        <v>0</v>
      </c>
      <c r="BV34" s="281">
        <v>0</v>
      </c>
      <c r="BW34" s="281">
        <v>0</v>
      </c>
      <c r="BX34" s="281">
        <v>1</v>
      </c>
      <c r="BY34" s="278">
        <v>3</v>
      </c>
      <c r="BZ34" s="283">
        <v>3</v>
      </c>
      <c r="CA34" s="277">
        <v>0</v>
      </c>
      <c r="CB34" s="281">
        <v>0</v>
      </c>
      <c r="CC34" s="278">
        <v>0</v>
      </c>
      <c r="CD34" s="280">
        <v>0</v>
      </c>
      <c r="CE34" s="281">
        <v>1</v>
      </c>
      <c r="CF34" s="281">
        <v>0</v>
      </c>
      <c r="CG34" s="281">
        <v>2</v>
      </c>
      <c r="CH34" s="281">
        <v>0</v>
      </c>
      <c r="CI34" s="281">
        <v>0</v>
      </c>
      <c r="CJ34" s="278">
        <v>3</v>
      </c>
      <c r="CK34" s="283">
        <v>3</v>
      </c>
      <c r="CL34" s="277">
        <v>0</v>
      </c>
      <c r="CM34" s="281">
        <v>0</v>
      </c>
      <c r="CN34" s="278">
        <v>0</v>
      </c>
      <c r="CO34" s="280">
        <v>0</v>
      </c>
      <c r="CP34" s="281">
        <v>0</v>
      </c>
      <c r="CQ34" s="281">
        <v>0</v>
      </c>
      <c r="CR34" s="281">
        <v>0</v>
      </c>
      <c r="CS34" s="281">
        <v>0</v>
      </c>
      <c r="CT34" s="281">
        <v>0</v>
      </c>
      <c r="CU34" s="278">
        <v>0</v>
      </c>
      <c r="CV34" s="283">
        <v>0</v>
      </c>
      <c r="CW34" s="277">
        <v>0</v>
      </c>
      <c r="CX34" s="281">
        <v>0</v>
      </c>
      <c r="CY34" s="278">
        <v>0</v>
      </c>
      <c r="CZ34" s="280">
        <v>0</v>
      </c>
      <c r="DA34" s="281">
        <v>0</v>
      </c>
      <c r="DB34" s="281">
        <v>0</v>
      </c>
      <c r="DC34" s="281">
        <v>0</v>
      </c>
      <c r="DD34" s="281">
        <v>0</v>
      </c>
      <c r="DE34" s="281">
        <v>0</v>
      </c>
      <c r="DF34" s="278">
        <v>0</v>
      </c>
      <c r="DG34" s="283">
        <v>0</v>
      </c>
      <c r="DH34" s="277">
        <v>0</v>
      </c>
      <c r="DI34" s="281">
        <v>0</v>
      </c>
      <c r="DJ34" s="278">
        <v>0</v>
      </c>
      <c r="DK34" s="280">
        <v>0</v>
      </c>
      <c r="DL34" s="281">
        <v>0</v>
      </c>
      <c r="DM34" s="281">
        <v>0</v>
      </c>
      <c r="DN34" s="281">
        <v>0</v>
      </c>
      <c r="DO34" s="281">
        <v>0</v>
      </c>
      <c r="DP34" s="281">
        <v>0</v>
      </c>
      <c r="DQ34" s="278">
        <v>0</v>
      </c>
      <c r="DR34" s="283">
        <v>0</v>
      </c>
      <c r="DS34" s="277">
        <v>0</v>
      </c>
      <c r="DT34" s="281">
        <v>2</v>
      </c>
      <c r="DU34" s="278">
        <v>2</v>
      </c>
      <c r="DV34" s="280">
        <v>0</v>
      </c>
      <c r="DW34" s="281">
        <v>6</v>
      </c>
      <c r="DX34" s="281">
        <v>5</v>
      </c>
      <c r="DY34" s="281">
        <v>3</v>
      </c>
      <c r="DZ34" s="281">
        <v>2</v>
      </c>
      <c r="EA34" s="281">
        <v>1</v>
      </c>
      <c r="EB34" s="278">
        <v>17</v>
      </c>
      <c r="EC34" s="283">
        <v>19</v>
      </c>
      <c r="ED34" s="277">
        <v>0</v>
      </c>
      <c r="EE34" s="281">
        <v>1</v>
      </c>
      <c r="EF34" s="278">
        <v>1</v>
      </c>
      <c r="EG34" s="280">
        <v>0</v>
      </c>
      <c r="EH34" s="281">
        <v>0</v>
      </c>
      <c r="EI34" s="281">
        <v>1</v>
      </c>
      <c r="EJ34" s="281">
        <v>1</v>
      </c>
      <c r="EK34" s="281">
        <v>2</v>
      </c>
      <c r="EL34" s="281">
        <v>0</v>
      </c>
      <c r="EM34" s="278">
        <v>4</v>
      </c>
      <c r="EN34" s="283">
        <v>5</v>
      </c>
      <c r="EO34" s="277">
        <v>0</v>
      </c>
      <c r="EP34" s="281">
        <v>2</v>
      </c>
      <c r="EQ34" s="278">
        <v>2</v>
      </c>
      <c r="ER34" s="280">
        <v>0</v>
      </c>
      <c r="ES34" s="281">
        <v>10</v>
      </c>
      <c r="ET34" s="281">
        <v>6</v>
      </c>
      <c r="EU34" s="281">
        <v>3</v>
      </c>
      <c r="EV34" s="281">
        <v>2</v>
      </c>
      <c r="EW34" s="281">
        <v>1</v>
      </c>
      <c r="EX34" s="278">
        <v>22</v>
      </c>
      <c r="EY34" s="283">
        <v>24</v>
      </c>
    </row>
    <row r="35" spans="1:155" ht="19.5" customHeight="1" x14ac:dyDescent="0.2">
      <c r="A35" s="262" t="s">
        <v>33</v>
      </c>
      <c r="B35" s="277">
        <v>0</v>
      </c>
      <c r="C35" s="281">
        <v>0</v>
      </c>
      <c r="D35" s="385">
        <v>0</v>
      </c>
      <c r="E35" s="280">
        <v>0</v>
      </c>
      <c r="F35" s="281">
        <v>1</v>
      </c>
      <c r="G35" s="281">
        <v>0</v>
      </c>
      <c r="H35" s="281">
        <v>0</v>
      </c>
      <c r="I35" s="281">
        <v>0</v>
      </c>
      <c r="J35" s="281">
        <v>0</v>
      </c>
      <c r="K35" s="282">
        <v>1</v>
      </c>
      <c r="L35" s="283">
        <v>1</v>
      </c>
      <c r="M35" s="277">
        <v>0</v>
      </c>
      <c r="N35" s="281">
        <v>0</v>
      </c>
      <c r="O35" s="278">
        <v>0</v>
      </c>
      <c r="P35" s="280">
        <v>0</v>
      </c>
      <c r="Q35" s="281">
        <v>0</v>
      </c>
      <c r="R35" s="281">
        <v>0</v>
      </c>
      <c r="S35" s="281">
        <v>0</v>
      </c>
      <c r="T35" s="281">
        <v>0</v>
      </c>
      <c r="U35" s="281">
        <v>0</v>
      </c>
      <c r="V35" s="278">
        <v>0</v>
      </c>
      <c r="W35" s="283">
        <v>0</v>
      </c>
      <c r="X35" s="277">
        <v>0</v>
      </c>
      <c r="Y35" s="281">
        <v>0</v>
      </c>
      <c r="Z35" s="278">
        <v>0</v>
      </c>
      <c r="AA35" s="280">
        <v>0</v>
      </c>
      <c r="AB35" s="281">
        <v>2</v>
      </c>
      <c r="AC35" s="281">
        <v>0</v>
      </c>
      <c r="AD35" s="281">
        <v>0</v>
      </c>
      <c r="AE35" s="281">
        <v>0</v>
      </c>
      <c r="AF35" s="281">
        <v>0</v>
      </c>
      <c r="AG35" s="278">
        <v>2</v>
      </c>
      <c r="AH35" s="283">
        <v>2</v>
      </c>
      <c r="AI35" s="277">
        <v>2</v>
      </c>
      <c r="AJ35" s="281">
        <v>2</v>
      </c>
      <c r="AK35" s="278">
        <v>4</v>
      </c>
      <c r="AL35" s="280">
        <v>0</v>
      </c>
      <c r="AM35" s="281">
        <v>0</v>
      </c>
      <c r="AN35" s="281">
        <v>0</v>
      </c>
      <c r="AO35" s="281">
        <v>0</v>
      </c>
      <c r="AP35" s="281">
        <v>0</v>
      </c>
      <c r="AQ35" s="281">
        <v>0</v>
      </c>
      <c r="AR35" s="278">
        <v>0</v>
      </c>
      <c r="AS35" s="283">
        <v>4</v>
      </c>
      <c r="AT35" s="277">
        <v>0</v>
      </c>
      <c r="AU35" s="281">
        <v>0</v>
      </c>
      <c r="AV35" s="278">
        <v>0</v>
      </c>
      <c r="AW35" s="280">
        <v>0</v>
      </c>
      <c r="AX35" s="281">
        <v>1</v>
      </c>
      <c r="AY35" s="281">
        <v>0</v>
      </c>
      <c r="AZ35" s="281">
        <v>0</v>
      </c>
      <c r="BA35" s="281">
        <v>0</v>
      </c>
      <c r="BB35" s="281">
        <v>0</v>
      </c>
      <c r="BC35" s="282">
        <v>1</v>
      </c>
      <c r="BD35" s="283">
        <v>1</v>
      </c>
      <c r="BE35" s="277">
        <v>0</v>
      </c>
      <c r="BF35" s="281">
        <v>0</v>
      </c>
      <c r="BG35" s="278">
        <v>0</v>
      </c>
      <c r="BH35" s="280">
        <v>0</v>
      </c>
      <c r="BI35" s="281">
        <v>0</v>
      </c>
      <c r="BJ35" s="281">
        <v>0</v>
      </c>
      <c r="BK35" s="281">
        <v>0</v>
      </c>
      <c r="BL35" s="281">
        <v>0</v>
      </c>
      <c r="BM35" s="281">
        <v>0</v>
      </c>
      <c r="BN35" s="278">
        <v>0</v>
      </c>
      <c r="BO35" s="283">
        <v>0</v>
      </c>
      <c r="BP35" s="277">
        <v>1</v>
      </c>
      <c r="BQ35" s="281">
        <v>0</v>
      </c>
      <c r="BR35" s="278">
        <v>1</v>
      </c>
      <c r="BS35" s="280">
        <v>0</v>
      </c>
      <c r="BT35" s="281">
        <v>1</v>
      </c>
      <c r="BU35" s="281">
        <v>2</v>
      </c>
      <c r="BV35" s="281">
        <v>0</v>
      </c>
      <c r="BW35" s="281">
        <v>0</v>
      </c>
      <c r="BX35" s="281">
        <v>0</v>
      </c>
      <c r="BY35" s="278">
        <v>3</v>
      </c>
      <c r="BZ35" s="283">
        <v>4</v>
      </c>
      <c r="CA35" s="277">
        <v>0</v>
      </c>
      <c r="CB35" s="281">
        <v>0</v>
      </c>
      <c r="CC35" s="278">
        <v>0</v>
      </c>
      <c r="CD35" s="280">
        <v>0</v>
      </c>
      <c r="CE35" s="281">
        <v>0</v>
      </c>
      <c r="CF35" s="281">
        <v>0</v>
      </c>
      <c r="CG35" s="281">
        <v>0</v>
      </c>
      <c r="CH35" s="281">
        <v>0</v>
      </c>
      <c r="CI35" s="281">
        <v>0</v>
      </c>
      <c r="CJ35" s="278">
        <v>0</v>
      </c>
      <c r="CK35" s="283">
        <v>0</v>
      </c>
      <c r="CL35" s="277">
        <v>0</v>
      </c>
      <c r="CM35" s="281">
        <v>0</v>
      </c>
      <c r="CN35" s="278">
        <v>0</v>
      </c>
      <c r="CO35" s="280">
        <v>0</v>
      </c>
      <c r="CP35" s="281">
        <v>0</v>
      </c>
      <c r="CQ35" s="281">
        <v>1</v>
      </c>
      <c r="CR35" s="281">
        <v>0</v>
      </c>
      <c r="CS35" s="281">
        <v>0</v>
      </c>
      <c r="CT35" s="281">
        <v>0</v>
      </c>
      <c r="CU35" s="278">
        <v>1</v>
      </c>
      <c r="CV35" s="283">
        <v>1</v>
      </c>
      <c r="CW35" s="277">
        <v>0</v>
      </c>
      <c r="CX35" s="281">
        <v>0</v>
      </c>
      <c r="CY35" s="278">
        <v>0</v>
      </c>
      <c r="CZ35" s="280">
        <v>0</v>
      </c>
      <c r="DA35" s="281">
        <v>0</v>
      </c>
      <c r="DB35" s="281">
        <v>0</v>
      </c>
      <c r="DC35" s="281">
        <v>0</v>
      </c>
      <c r="DD35" s="281">
        <v>0</v>
      </c>
      <c r="DE35" s="281">
        <v>0</v>
      </c>
      <c r="DF35" s="278">
        <v>0</v>
      </c>
      <c r="DG35" s="283">
        <v>0</v>
      </c>
      <c r="DH35" s="277">
        <v>0</v>
      </c>
      <c r="DI35" s="281">
        <v>0</v>
      </c>
      <c r="DJ35" s="278">
        <v>0</v>
      </c>
      <c r="DK35" s="280">
        <v>0</v>
      </c>
      <c r="DL35" s="281">
        <v>0</v>
      </c>
      <c r="DM35" s="281">
        <v>0</v>
      </c>
      <c r="DN35" s="281">
        <v>0</v>
      </c>
      <c r="DO35" s="281">
        <v>0</v>
      </c>
      <c r="DP35" s="281">
        <v>0</v>
      </c>
      <c r="DQ35" s="278">
        <v>0</v>
      </c>
      <c r="DR35" s="283">
        <v>0</v>
      </c>
      <c r="DS35" s="277">
        <v>1</v>
      </c>
      <c r="DT35" s="281">
        <v>0</v>
      </c>
      <c r="DU35" s="278">
        <v>1</v>
      </c>
      <c r="DV35" s="280">
        <v>0</v>
      </c>
      <c r="DW35" s="281">
        <v>3</v>
      </c>
      <c r="DX35" s="281">
        <v>1</v>
      </c>
      <c r="DY35" s="281">
        <v>0</v>
      </c>
      <c r="DZ35" s="281">
        <v>0</v>
      </c>
      <c r="EA35" s="281">
        <v>0</v>
      </c>
      <c r="EB35" s="278">
        <v>4</v>
      </c>
      <c r="EC35" s="283">
        <v>5</v>
      </c>
      <c r="ED35" s="277">
        <v>0</v>
      </c>
      <c r="EE35" s="281">
        <v>0</v>
      </c>
      <c r="EF35" s="278">
        <v>0</v>
      </c>
      <c r="EG35" s="280">
        <v>0</v>
      </c>
      <c r="EH35" s="281">
        <v>0</v>
      </c>
      <c r="EI35" s="281">
        <v>0</v>
      </c>
      <c r="EJ35" s="281">
        <v>0</v>
      </c>
      <c r="EK35" s="281">
        <v>0</v>
      </c>
      <c r="EL35" s="281">
        <v>0</v>
      </c>
      <c r="EM35" s="278">
        <v>0</v>
      </c>
      <c r="EN35" s="283">
        <v>0</v>
      </c>
      <c r="EO35" s="277">
        <v>3</v>
      </c>
      <c r="EP35" s="281">
        <v>2</v>
      </c>
      <c r="EQ35" s="278">
        <v>5</v>
      </c>
      <c r="ER35" s="280">
        <v>0</v>
      </c>
      <c r="ES35" s="281">
        <v>5</v>
      </c>
      <c r="ET35" s="281">
        <v>2</v>
      </c>
      <c r="EU35" s="281">
        <v>0</v>
      </c>
      <c r="EV35" s="281">
        <v>0</v>
      </c>
      <c r="EW35" s="281">
        <v>0</v>
      </c>
      <c r="EX35" s="278">
        <v>7</v>
      </c>
      <c r="EY35" s="283">
        <v>12</v>
      </c>
    </row>
    <row r="36" spans="1:155" ht="19.5" customHeight="1" x14ac:dyDescent="0.2">
      <c r="A36" s="262" t="s">
        <v>34</v>
      </c>
      <c r="B36" s="277">
        <v>0</v>
      </c>
      <c r="C36" s="281">
        <v>0</v>
      </c>
      <c r="D36" s="385">
        <v>0</v>
      </c>
      <c r="E36" s="280">
        <v>0</v>
      </c>
      <c r="F36" s="281">
        <v>1</v>
      </c>
      <c r="G36" s="281">
        <v>1</v>
      </c>
      <c r="H36" s="281">
        <v>1</v>
      </c>
      <c r="I36" s="281">
        <v>0</v>
      </c>
      <c r="J36" s="281">
        <v>0</v>
      </c>
      <c r="K36" s="282">
        <v>3</v>
      </c>
      <c r="L36" s="283">
        <v>3</v>
      </c>
      <c r="M36" s="277">
        <v>0</v>
      </c>
      <c r="N36" s="281">
        <v>0</v>
      </c>
      <c r="O36" s="278">
        <v>0</v>
      </c>
      <c r="P36" s="280">
        <v>0</v>
      </c>
      <c r="Q36" s="281">
        <v>0</v>
      </c>
      <c r="R36" s="281">
        <v>0</v>
      </c>
      <c r="S36" s="281">
        <v>0</v>
      </c>
      <c r="T36" s="281">
        <v>0</v>
      </c>
      <c r="U36" s="281">
        <v>0</v>
      </c>
      <c r="V36" s="278">
        <v>0</v>
      </c>
      <c r="W36" s="283">
        <v>0</v>
      </c>
      <c r="X36" s="277">
        <v>0</v>
      </c>
      <c r="Y36" s="281">
        <v>1</v>
      </c>
      <c r="Z36" s="278">
        <v>1</v>
      </c>
      <c r="AA36" s="280">
        <v>0</v>
      </c>
      <c r="AB36" s="281">
        <v>0</v>
      </c>
      <c r="AC36" s="281">
        <v>1</v>
      </c>
      <c r="AD36" s="281">
        <v>0</v>
      </c>
      <c r="AE36" s="281">
        <v>0</v>
      </c>
      <c r="AF36" s="281">
        <v>0</v>
      </c>
      <c r="AG36" s="278">
        <v>1</v>
      </c>
      <c r="AH36" s="283">
        <v>2</v>
      </c>
      <c r="AI36" s="277">
        <v>0</v>
      </c>
      <c r="AJ36" s="281">
        <v>0</v>
      </c>
      <c r="AK36" s="278">
        <v>0</v>
      </c>
      <c r="AL36" s="280">
        <v>0</v>
      </c>
      <c r="AM36" s="281">
        <v>0</v>
      </c>
      <c r="AN36" s="281">
        <v>1</v>
      </c>
      <c r="AO36" s="281">
        <v>0</v>
      </c>
      <c r="AP36" s="281">
        <v>0</v>
      </c>
      <c r="AQ36" s="281">
        <v>0</v>
      </c>
      <c r="AR36" s="278">
        <v>1</v>
      </c>
      <c r="AS36" s="283">
        <v>1</v>
      </c>
      <c r="AT36" s="277">
        <v>0</v>
      </c>
      <c r="AU36" s="281">
        <v>0</v>
      </c>
      <c r="AV36" s="278">
        <v>0</v>
      </c>
      <c r="AW36" s="280">
        <v>0</v>
      </c>
      <c r="AX36" s="281">
        <v>2</v>
      </c>
      <c r="AY36" s="281">
        <v>1</v>
      </c>
      <c r="AZ36" s="281">
        <v>2</v>
      </c>
      <c r="BA36" s="281">
        <v>0</v>
      </c>
      <c r="BB36" s="281">
        <v>1</v>
      </c>
      <c r="BC36" s="282">
        <v>6</v>
      </c>
      <c r="BD36" s="283">
        <v>6</v>
      </c>
      <c r="BE36" s="277">
        <v>0</v>
      </c>
      <c r="BF36" s="281">
        <v>0</v>
      </c>
      <c r="BG36" s="278">
        <v>0</v>
      </c>
      <c r="BH36" s="280">
        <v>0</v>
      </c>
      <c r="BI36" s="281">
        <v>1</v>
      </c>
      <c r="BJ36" s="281">
        <v>2</v>
      </c>
      <c r="BK36" s="281">
        <v>0</v>
      </c>
      <c r="BL36" s="281">
        <v>0</v>
      </c>
      <c r="BM36" s="281">
        <v>0</v>
      </c>
      <c r="BN36" s="278">
        <v>3</v>
      </c>
      <c r="BO36" s="283">
        <v>3</v>
      </c>
      <c r="BP36" s="277">
        <v>0</v>
      </c>
      <c r="BQ36" s="281">
        <v>0</v>
      </c>
      <c r="BR36" s="278">
        <v>0</v>
      </c>
      <c r="BS36" s="280">
        <v>0</v>
      </c>
      <c r="BT36" s="281">
        <v>1</v>
      </c>
      <c r="BU36" s="281">
        <v>1</v>
      </c>
      <c r="BV36" s="281">
        <v>0</v>
      </c>
      <c r="BW36" s="281">
        <v>0</v>
      </c>
      <c r="BX36" s="281">
        <v>0</v>
      </c>
      <c r="BY36" s="278">
        <v>2</v>
      </c>
      <c r="BZ36" s="283">
        <v>2</v>
      </c>
      <c r="CA36" s="277">
        <v>0</v>
      </c>
      <c r="CB36" s="281">
        <v>0</v>
      </c>
      <c r="CC36" s="278">
        <v>0</v>
      </c>
      <c r="CD36" s="280">
        <v>0</v>
      </c>
      <c r="CE36" s="281">
        <v>0</v>
      </c>
      <c r="CF36" s="281">
        <v>0</v>
      </c>
      <c r="CG36" s="281">
        <v>0</v>
      </c>
      <c r="CH36" s="281">
        <v>0</v>
      </c>
      <c r="CI36" s="281">
        <v>0</v>
      </c>
      <c r="CJ36" s="278">
        <v>0</v>
      </c>
      <c r="CK36" s="283">
        <v>0</v>
      </c>
      <c r="CL36" s="277">
        <v>0</v>
      </c>
      <c r="CM36" s="281">
        <v>0</v>
      </c>
      <c r="CN36" s="278">
        <v>0</v>
      </c>
      <c r="CO36" s="280">
        <v>0</v>
      </c>
      <c r="CP36" s="281">
        <v>0</v>
      </c>
      <c r="CQ36" s="281">
        <v>0</v>
      </c>
      <c r="CR36" s="281">
        <v>0</v>
      </c>
      <c r="CS36" s="281">
        <v>0</v>
      </c>
      <c r="CT36" s="281">
        <v>0</v>
      </c>
      <c r="CU36" s="278">
        <v>0</v>
      </c>
      <c r="CV36" s="283">
        <v>0</v>
      </c>
      <c r="CW36" s="277">
        <v>0</v>
      </c>
      <c r="CX36" s="281">
        <v>0</v>
      </c>
      <c r="CY36" s="278">
        <v>0</v>
      </c>
      <c r="CZ36" s="280">
        <v>0</v>
      </c>
      <c r="DA36" s="281">
        <v>0</v>
      </c>
      <c r="DB36" s="281">
        <v>0</v>
      </c>
      <c r="DC36" s="281">
        <v>0</v>
      </c>
      <c r="DD36" s="281">
        <v>0</v>
      </c>
      <c r="DE36" s="281">
        <v>0</v>
      </c>
      <c r="DF36" s="278">
        <v>0</v>
      </c>
      <c r="DG36" s="283">
        <v>0</v>
      </c>
      <c r="DH36" s="277">
        <v>0</v>
      </c>
      <c r="DI36" s="281">
        <v>0</v>
      </c>
      <c r="DJ36" s="278">
        <v>0</v>
      </c>
      <c r="DK36" s="280">
        <v>0</v>
      </c>
      <c r="DL36" s="281">
        <v>0</v>
      </c>
      <c r="DM36" s="281">
        <v>0</v>
      </c>
      <c r="DN36" s="281">
        <v>0</v>
      </c>
      <c r="DO36" s="281">
        <v>0</v>
      </c>
      <c r="DP36" s="281">
        <v>0</v>
      </c>
      <c r="DQ36" s="278">
        <v>0</v>
      </c>
      <c r="DR36" s="283">
        <v>0</v>
      </c>
      <c r="DS36" s="277">
        <v>0</v>
      </c>
      <c r="DT36" s="281">
        <v>0</v>
      </c>
      <c r="DU36" s="278">
        <v>0</v>
      </c>
      <c r="DV36" s="280">
        <v>0</v>
      </c>
      <c r="DW36" s="281">
        <v>2</v>
      </c>
      <c r="DX36" s="281">
        <v>2</v>
      </c>
      <c r="DY36" s="281">
        <v>3</v>
      </c>
      <c r="DZ36" s="281">
        <v>0</v>
      </c>
      <c r="EA36" s="281">
        <v>0</v>
      </c>
      <c r="EB36" s="278">
        <v>7</v>
      </c>
      <c r="EC36" s="283">
        <v>7</v>
      </c>
      <c r="ED36" s="277">
        <v>0</v>
      </c>
      <c r="EE36" s="281">
        <v>0</v>
      </c>
      <c r="EF36" s="278">
        <v>0</v>
      </c>
      <c r="EG36" s="280">
        <v>0</v>
      </c>
      <c r="EH36" s="281">
        <v>1</v>
      </c>
      <c r="EI36" s="281">
        <v>0</v>
      </c>
      <c r="EJ36" s="281">
        <v>1</v>
      </c>
      <c r="EK36" s="281">
        <v>0</v>
      </c>
      <c r="EL36" s="281">
        <v>1</v>
      </c>
      <c r="EM36" s="278">
        <v>3</v>
      </c>
      <c r="EN36" s="283">
        <v>3</v>
      </c>
      <c r="EO36" s="277">
        <v>0</v>
      </c>
      <c r="EP36" s="281">
        <v>1</v>
      </c>
      <c r="EQ36" s="278">
        <v>1</v>
      </c>
      <c r="ER36" s="280">
        <v>0</v>
      </c>
      <c r="ES36" s="281">
        <v>4</v>
      </c>
      <c r="ET36" s="281">
        <v>4</v>
      </c>
      <c r="EU36" s="281">
        <v>2</v>
      </c>
      <c r="EV36" s="281">
        <v>0</v>
      </c>
      <c r="EW36" s="281">
        <v>0</v>
      </c>
      <c r="EX36" s="278">
        <v>10</v>
      </c>
      <c r="EY36" s="283">
        <v>11</v>
      </c>
    </row>
    <row r="37" spans="1:155" ht="19.5" customHeight="1" x14ac:dyDescent="0.2">
      <c r="A37" s="262" t="s">
        <v>35</v>
      </c>
      <c r="B37" s="277">
        <v>0</v>
      </c>
      <c r="C37" s="281">
        <v>0</v>
      </c>
      <c r="D37" s="385">
        <v>0</v>
      </c>
      <c r="E37" s="280">
        <v>0</v>
      </c>
      <c r="F37" s="281">
        <v>3</v>
      </c>
      <c r="G37" s="281">
        <v>4</v>
      </c>
      <c r="H37" s="281">
        <v>0</v>
      </c>
      <c r="I37" s="281">
        <v>1</v>
      </c>
      <c r="J37" s="281">
        <v>1</v>
      </c>
      <c r="K37" s="282">
        <v>9</v>
      </c>
      <c r="L37" s="283">
        <v>9</v>
      </c>
      <c r="M37" s="277">
        <v>0</v>
      </c>
      <c r="N37" s="281">
        <v>0</v>
      </c>
      <c r="O37" s="278">
        <v>0</v>
      </c>
      <c r="P37" s="280">
        <v>0</v>
      </c>
      <c r="Q37" s="281">
        <v>0</v>
      </c>
      <c r="R37" s="281">
        <v>0</v>
      </c>
      <c r="S37" s="281">
        <v>0</v>
      </c>
      <c r="T37" s="281">
        <v>0</v>
      </c>
      <c r="U37" s="281">
        <v>1</v>
      </c>
      <c r="V37" s="278">
        <v>1</v>
      </c>
      <c r="W37" s="283">
        <v>1</v>
      </c>
      <c r="X37" s="277">
        <v>0</v>
      </c>
      <c r="Y37" s="281">
        <v>0</v>
      </c>
      <c r="Z37" s="278">
        <v>0</v>
      </c>
      <c r="AA37" s="280">
        <v>0</v>
      </c>
      <c r="AB37" s="281">
        <v>0</v>
      </c>
      <c r="AC37" s="281">
        <v>5</v>
      </c>
      <c r="AD37" s="281">
        <v>0</v>
      </c>
      <c r="AE37" s="281">
        <v>1</v>
      </c>
      <c r="AF37" s="281">
        <v>0</v>
      </c>
      <c r="AG37" s="278">
        <v>6</v>
      </c>
      <c r="AH37" s="283">
        <v>6</v>
      </c>
      <c r="AI37" s="277">
        <v>0</v>
      </c>
      <c r="AJ37" s="281">
        <v>0</v>
      </c>
      <c r="AK37" s="278">
        <v>0</v>
      </c>
      <c r="AL37" s="280">
        <v>0</v>
      </c>
      <c r="AM37" s="281">
        <v>2</v>
      </c>
      <c r="AN37" s="281">
        <v>1</v>
      </c>
      <c r="AO37" s="281">
        <v>1</v>
      </c>
      <c r="AP37" s="281">
        <v>0</v>
      </c>
      <c r="AQ37" s="281">
        <v>0</v>
      </c>
      <c r="AR37" s="278">
        <v>4</v>
      </c>
      <c r="AS37" s="283">
        <v>4</v>
      </c>
      <c r="AT37" s="277">
        <v>4</v>
      </c>
      <c r="AU37" s="281">
        <v>2</v>
      </c>
      <c r="AV37" s="278">
        <v>6</v>
      </c>
      <c r="AW37" s="280">
        <v>0</v>
      </c>
      <c r="AX37" s="281">
        <v>6</v>
      </c>
      <c r="AY37" s="281">
        <v>9</v>
      </c>
      <c r="AZ37" s="281">
        <v>3</v>
      </c>
      <c r="BA37" s="281">
        <v>2</v>
      </c>
      <c r="BB37" s="281">
        <v>2</v>
      </c>
      <c r="BC37" s="282">
        <v>22</v>
      </c>
      <c r="BD37" s="283">
        <v>28</v>
      </c>
      <c r="BE37" s="277">
        <v>0</v>
      </c>
      <c r="BF37" s="281">
        <v>0</v>
      </c>
      <c r="BG37" s="278">
        <v>0</v>
      </c>
      <c r="BH37" s="280">
        <v>0</v>
      </c>
      <c r="BI37" s="281">
        <v>5</v>
      </c>
      <c r="BJ37" s="281">
        <v>5</v>
      </c>
      <c r="BK37" s="281">
        <v>1</v>
      </c>
      <c r="BL37" s="281">
        <v>0</v>
      </c>
      <c r="BM37" s="281">
        <v>0</v>
      </c>
      <c r="BN37" s="278">
        <v>11</v>
      </c>
      <c r="BO37" s="283">
        <v>11</v>
      </c>
      <c r="BP37" s="277">
        <v>0</v>
      </c>
      <c r="BQ37" s="281">
        <v>0</v>
      </c>
      <c r="BR37" s="278">
        <v>0</v>
      </c>
      <c r="BS37" s="280">
        <v>0</v>
      </c>
      <c r="BT37" s="281">
        <v>1</v>
      </c>
      <c r="BU37" s="281">
        <v>1</v>
      </c>
      <c r="BV37" s="281">
        <v>0</v>
      </c>
      <c r="BW37" s="281">
        <v>1</v>
      </c>
      <c r="BX37" s="281">
        <v>0</v>
      </c>
      <c r="BY37" s="278">
        <v>3</v>
      </c>
      <c r="BZ37" s="283">
        <v>3</v>
      </c>
      <c r="CA37" s="277">
        <v>0</v>
      </c>
      <c r="CB37" s="281">
        <v>0</v>
      </c>
      <c r="CC37" s="278">
        <v>0</v>
      </c>
      <c r="CD37" s="280">
        <v>0</v>
      </c>
      <c r="CE37" s="281">
        <v>0</v>
      </c>
      <c r="CF37" s="281">
        <v>1</v>
      </c>
      <c r="CG37" s="281">
        <v>0</v>
      </c>
      <c r="CH37" s="281">
        <v>0</v>
      </c>
      <c r="CI37" s="281">
        <v>0</v>
      </c>
      <c r="CJ37" s="278">
        <v>1</v>
      </c>
      <c r="CK37" s="283">
        <v>1</v>
      </c>
      <c r="CL37" s="277">
        <v>0</v>
      </c>
      <c r="CM37" s="281">
        <v>0</v>
      </c>
      <c r="CN37" s="278">
        <v>0</v>
      </c>
      <c r="CO37" s="280">
        <v>0</v>
      </c>
      <c r="CP37" s="281">
        <v>0</v>
      </c>
      <c r="CQ37" s="281">
        <v>0</v>
      </c>
      <c r="CR37" s="281">
        <v>0</v>
      </c>
      <c r="CS37" s="281">
        <v>0</v>
      </c>
      <c r="CT37" s="281">
        <v>0</v>
      </c>
      <c r="CU37" s="278">
        <v>0</v>
      </c>
      <c r="CV37" s="283">
        <v>0</v>
      </c>
      <c r="CW37" s="277">
        <v>0</v>
      </c>
      <c r="CX37" s="281">
        <v>0</v>
      </c>
      <c r="CY37" s="278">
        <v>0</v>
      </c>
      <c r="CZ37" s="280">
        <v>0</v>
      </c>
      <c r="DA37" s="281">
        <v>0</v>
      </c>
      <c r="DB37" s="281">
        <v>0</v>
      </c>
      <c r="DC37" s="281">
        <v>0</v>
      </c>
      <c r="DD37" s="281">
        <v>0</v>
      </c>
      <c r="DE37" s="281">
        <v>0</v>
      </c>
      <c r="DF37" s="278">
        <v>0</v>
      </c>
      <c r="DG37" s="283">
        <v>0</v>
      </c>
      <c r="DH37" s="277">
        <v>0</v>
      </c>
      <c r="DI37" s="281">
        <v>0</v>
      </c>
      <c r="DJ37" s="278">
        <v>0</v>
      </c>
      <c r="DK37" s="280">
        <v>0</v>
      </c>
      <c r="DL37" s="281">
        <v>0</v>
      </c>
      <c r="DM37" s="281">
        <v>0</v>
      </c>
      <c r="DN37" s="281">
        <v>0</v>
      </c>
      <c r="DO37" s="281">
        <v>0</v>
      </c>
      <c r="DP37" s="281">
        <v>0</v>
      </c>
      <c r="DQ37" s="278">
        <v>0</v>
      </c>
      <c r="DR37" s="283">
        <v>0</v>
      </c>
      <c r="DS37" s="277">
        <v>1</v>
      </c>
      <c r="DT37" s="281">
        <v>1</v>
      </c>
      <c r="DU37" s="278">
        <v>2</v>
      </c>
      <c r="DV37" s="280">
        <v>0</v>
      </c>
      <c r="DW37" s="281">
        <v>7</v>
      </c>
      <c r="DX37" s="281">
        <v>7</v>
      </c>
      <c r="DY37" s="281">
        <v>1</v>
      </c>
      <c r="DZ37" s="281">
        <v>3</v>
      </c>
      <c r="EA37" s="281">
        <v>1</v>
      </c>
      <c r="EB37" s="278">
        <v>19</v>
      </c>
      <c r="EC37" s="283">
        <v>21</v>
      </c>
      <c r="ED37" s="277">
        <v>4</v>
      </c>
      <c r="EE37" s="281">
        <v>0</v>
      </c>
      <c r="EF37" s="278">
        <v>4</v>
      </c>
      <c r="EG37" s="280">
        <v>0</v>
      </c>
      <c r="EH37" s="281">
        <v>5</v>
      </c>
      <c r="EI37" s="281">
        <v>2</v>
      </c>
      <c r="EJ37" s="281">
        <v>2</v>
      </c>
      <c r="EK37" s="281">
        <v>2</v>
      </c>
      <c r="EL37" s="281">
        <v>1</v>
      </c>
      <c r="EM37" s="278">
        <v>12</v>
      </c>
      <c r="EN37" s="283">
        <v>16</v>
      </c>
      <c r="EO37" s="277">
        <v>1</v>
      </c>
      <c r="EP37" s="281">
        <v>1</v>
      </c>
      <c r="EQ37" s="278">
        <v>2</v>
      </c>
      <c r="ER37" s="280">
        <v>0</v>
      </c>
      <c r="ES37" s="281">
        <v>12</v>
      </c>
      <c r="ET37" s="281">
        <v>13</v>
      </c>
      <c r="EU37" s="281">
        <v>1</v>
      </c>
      <c r="EV37" s="281">
        <v>3</v>
      </c>
      <c r="EW37" s="281">
        <v>1</v>
      </c>
      <c r="EX37" s="278">
        <v>30</v>
      </c>
      <c r="EY37" s="283">
        <v>32</v>
      </c>
    </row>
    <row r="38" spans="1:155" ht="19.5" customHeight="1" x14ac:dyDescent="0.2">
      <c r="A38" s="262" t="s">
        <v>36</v>
      </c>
      <c r="B38" s="277">
        <v>0</v>
      </c>
      <c r="C38" s="281">
        <v>0</v>
      </c>
      <c r="D38" s="385">
        <v>0</v>
      </c>
      <c r="E38" s="280">
        <v>0</v>
      </c>
      <c r="F38" s="281">
        <v>3</v>
      </c>
      <c r="G38" s="281">
        <v>1</v>
      </c>
      <c r="H38" s="281">
        <v>0</v>
      </c>
      <c r="I38" s="281">
        <v>0</v>
      </c>
      <c r="J38" s="281">
        <v>0</v>
      </c>
      <c r="K38" s="282">
        <v>4</v>
      </c>
      <c r="L38" s="283">
        <v>4</v>
      </c>
      <c r="M38" s="277">
        <v>0</v>
      </c>
      <c r="N38" s="281">
        <v>0</v>
      </c>
      <c r="O38" s="278">
        <v>0</v>
      </c>
      <c r="P38" s="280">
        <v>0</v>
      </c>
      <c r="Q38" s="281">
        <v>0</v>
      </c>
      <c r="R38" s="281">
        <v>0</v>
      </c>
      <c r="S38" s="281">
        <v>0</v>
      </c>
      <c r="T38" s="281">
        <v>1</v>
      </c>
      <c r="U38" s="281">
        <v>0</v>
      </c>
      <c r="V38" s="278">
        <v>1</v>
      </c>
      <c r="W38" s="283">
        <v>1</v>
      </c>
      <c r="X38" s="277">
        <v>1</v>
      </c>
      <c r="Y38" s="281">
        <v>1</v>
      </c>
      <c r="Z38" s="278">
        <v>2</v>
      </c>
      <c r="AA38" s="280">
        <v>0</v>
      </c>
      <c r="AB38" s="281">
        <v>3</v>
      </c>
      <c r="AC38" s="281">
        <v>1</v>
      </c>
      <c r="AD38" s="281">
        <v>1</v>
      </c>
      <c r="AE38" s="281">
        <v>2</v>
      </c>
      <c r="AF38" s="281">
        <v>0</v>
      </c>
      <c r="AG38" s="278">
        <v>7</v>
      </c>
      <c r="AH38" s="283">
        <v>9</v>
      </c>
      <c r="AI38" s="277">
        <v>0</v>
      </c>
      <c r="AJ38" s="281">
        <v>0</v>
      </c>
      <c r="AK38" s="278">
        <v>0</v>
      </c>
      <c r="AL38" s="280">
        <v>0</v>
      </c>
      <c r="AM38" s="281">
        <v>0</v>
      </c>
      <c r="AN38" s="281">
        <v>0</v>
      </c>
      <c r="AO38" s="281">
        <v>0</v>
      </c>
      <c r="AP38" s="281">
        <v>0</v>
      </c>
      <c r="AQ38" s="281">
        <v>0</v>
      </c>
      <c r="AR38" s="278">
        <v>0</v>
      </c>
      <c r="AS38" s="283">
        <v>0</v>
      </c>
      <c r="AT38" s="277">
        <v>1</v>
      </c>
      <c r="AU38" s="281">
        <v>1</v>
      </c>
      <c r="AV38" s="278">
        <v>2</v>
      </c>
      <c r="AW38" s="280">
        <v>0</v>
      </c>
      <c r="AX38" s="281">
        <v>1</v>
      </c>
      <c r="AY38" s="281">
        <v>2</v>
      </c>
      <c r="AZ38" s="281">
        <v>4</v>
      </c>
      <c r="BA38" s="281">
        <v>1</v>
      </c>
      <c r="BB38" s="281">
        <v>0</v>
      </c>
      <c r="BC38" s="282">
        <v>8</v>
      </c>
      <c r="BD38" s="283">
        <v>10</v>
      </c>
      <c r="BE38" s="277">
        <v>0</v>
      </c>
      <c r="BF38" s="281">
        <v>0</v>
      </c>
      <c r="BG38" s="278">
        <v>0</v>
      </c>
      <c r="BH38" s="280">
        <v>0</v>
      </c>
      <c r="BI38" s="281">
        <v>2</v>
      </c>
      <c r="BJ38" s="281">
        <v>1</v>
      </c>
      <c r="BK38" s="281">
        <v>0</v>
      </c>
      <c r="BL38" s="281">
        <v>1</v>
      </c>
      <c r="BM38" s="281">
        <v>0</v>
      </c>
      <c r="BN38" s="278">
        <v>4</v>
      </c>
      <c r="BO38" s="283">
        <v>4</v>
      </c>
      <c r="BP38" s="277">
        <v>0</v>
      </c>
      <c r="BQ38" s="281">
        <v>1</v>
      </c>
      <c r="BR38" s="278">
        <v>1</v>
      </c>
      <c r="BS38" s="280">
        <v>0</v>
      </c>
      <c r="BT38" s="281">
        <v>0</v>
      </c>
      <c r="BU38" s="281">
        <v>1</v>
      </c>
      <c r="BV38" s="281">
        <v>1</v>
      </c>
      <c r="BW38" s="281">
        <v>0</v>
      </c>
      <c r="BX38" s="281">
        <v>0</v>
      </c>
      <c r="BY38" s="278">
        <v>2</v>
      </c>
      <c r="BZ38" s="283">
        <v>3</v>
      </c>
      <c r="CA38" s="277">
        <v>0</v>
      </c>
      <c r="CB38" s="281">
        <v>0</v>
      </c>
      <c r="CC38" s="278">
        <v>0</v>
      </c>
      <c r="CD38" s="280">
        <v>0</v>
      </c>
      <c r="CE38" s="281">
        <v>0</v>
      </c>
      <c r="CF38" s="281">
        <v>0</v>
      </c>
      <c r="CG38" s="281">
        <v>1</v>
      </c>
      <c r="CH38" s="281">
        <v>1</v>
      </c>
      <c r="CI38" s="281">
        <v>0</v>
      </c>
      <c r="CJ38" s="278">
        <v>2</v>
      </c>
      <c r="CK38" s="283">
        <v>2</v>
      </c>
      <c r="CL38" s="277">
        <v>0</v>
      </c>
      <c r="CM38" s="281">
        <v>0</v>
      </c>
      <c r="CN38" s="278">
        <v>0</v>
      </c>
      <c r="CO38" s="280">
        <v>0</v>
      </c>
      <c r="CP38" s="281">
        <v>0</v>
      </c>
      <c r="CQ38" s="281">
        <v>0</v>
      </c>
      <c r="CR38" s="281">
        <v>0</v>
      </c>
      <c r="CS38" s="281">
        <v>0</v>
      </c>
      <c r="CT38" s="281">
        <v>0</v>
      </c>
      <c r="CU38" s="278">
        <v>0</v>
      </c>
      <c r="CV38" s="283">
        <v>0</v>
      </c>
      <c r="CW38" s="277">
        <v>0</v>
      </c>
      <c r="CX38" s="281">
        <v>0</v>
      </c>
      <c r="CY38" s="278">
        <v>0</v>
      </c>
      <c r="CZ38" s="280">
        <v>0</v>
      </c>
      <c r="DA38" s="281">
        <v>0</v>
      </c>
      <c r="DB38" s="281">
        <v>0</v>
      </c>
      <c r="DC38" s="281">
        <v>0</v>
      </c>
      <c r="DD38" s="281">
        <v>0</v>
      </c>
      <c r="DE38" s="281">
        <v>0</v>
      </c>
      <c r="DF38" s="278">
        <v>0</v>
      </c>
      <c r="DG38" s="283">
        <v>0</v>
      </c>
      <c r="DH38" s="277">
        <v>0</v>
      </c>
      <c r="DI38" s="281">
        <v>0</v>
      </c>
      <c r="DJ38" s="278">
        <v>0</v>
      </c>
      <c r="DK38" s="280">
        <v>0</v>
      </c>
      <c r="DL38" s="281">
        <v>0</v>
      </c>
      <c r="DM38" s="281">
        <v>0</v>
      </c>
      <c r="DN38" s="281">
        <v>0</v>
      </c>
      <c r="DO38" s="281">
        <v>0</v>
      </c>
      <c r="DP38" s="281">
        <v>0</v>
      </c>
      <c r="DQ38" s="278">
        <v>0</v>
      </c>
      <c r="DR38" s="283">
        <v>0</v>
      </c>
      <c r="DS38" s="277">
        <v>2</v>
      </c>
      <c r="DT38" s="281">
        <v>3</v>
      </c>
      <c r="DU38" s="278">
        <v>5</v>
      </c>
      <c r="DV38" s="280">
        <v>0</v>
      </c>
      <c r="DW38" s="281">
        <v>6</v>
      </c>
      <c r="DX38" s="281">
        <v>3</v>
      </c>
      <c r="DY38" s="281">
        <v>4</v>
      </c>
      <c r="DZ38" s="281">
        <v>3</v>
      </c>
      <c r="EA38" s="281">
        <v>1</v>
      </c>
      <c r="EB38" s="278">
        <v>17</v>
      </c>
      <c r="EC38" s="283">
        <v>22</v>
      </c>
      <c r="ED38" s="277">
        <v>1</v>
      </c>
      <c r="EE38" s="281">
        <v>0</v>
      </c>
      <c r="EF38" s="278">
        <v>1</v>
      </c>
      <c r="EG38" s="280">
        <v>0</v>
      </c>
      <c r="EH38" s="281">
        <v>0</v>
      </c>
      <c r="EI38" s="281">
        <v>1</v>
      </c>
      <c r="EJ38" s="281">
        <v>1</v>
      </c>
      <c r="EK38" s="281">
        <v>0</v>
      </c>
      <c r="EL38" s="281">
        <v>0</v>
      </c>
      <c r="EM38" s="278">
        <v>2</v>
      </c>
      <c r="EN38" s="283">
        <v>3</v>
      </c>
      <c r="EO38" s="277">
        <v>2</v>
      </c>
      <c r="EP38" s="281">
        <v>4</v>
      </c>
      <c r="EQ38" s="278">
        <v>6</v>
      </c>
      <c r="ER38" s="280">
        <v>0</v>
      </c>
      <c r="ES38" s="281">
        <v>11</v>
      </c>
      <c r="ET38" s="281">
        <v>4</v>
      </c>
      <c r="EU38" s="281">
        <v>3</v>
      </c>
      <c r="EV38" s="281">
        <v>2</v>
      </c>
      <c r="EW38" s="281">
        <v>1</v>
      </c>
      <c r="EX38" s="278">
        <v>21</v>
      </c>
      <c r="EY38" s="283">
        <v>27</v>
      </c>
    </row>
    <row r="39" spans="1:155" ht="19.5" customHeight="1" thickBot="1" x14ac:dyDescent="0.25">
      <c r="A39" s="263" t="s">
        <v>37</v>
      </c>
      <c r="B39" s="284">
        <v>0</v>
      </c>
      <c r="C39" s="288">
        <v>0</v>
      </c>
      <c r="D39" s="386">
        <v>0</v>
      </c>
      <c r="E39" s="287">
        <v>0</v>
      </c>
      <c r="F39" s="288">
        <v>0</v>
      </c>
      <c r="G39" s="288">
        <v>0</v>
      </c>
      <c r="H39" s="288">
        <v>0</v>
      </c>
      <c r="I39" s="288">
        <v>0</v>
      </c>
      <c r="J39" s="288">
        <v>0</v>
      </c>
      <c r="K39" s="289">
        <v>0</v>
      </c>
      <c r="L39" s="290">
        <v>0</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1</v>
      </c>
      <c r="AC39" s="288">
        <v>0</v>
      </c>
      <c r="AD39" s="288">
        <v>0</v>
      </c>
      <c r="AE39" s="288">
        <v>0</v>
      </c>
      <c r="AF39" s="288">
        <v>0</v>
      </c>
      <c r="AG39" s="285">
        <v>1</v>
      </c>
      <c r="AH39" s="290">
        <v>1</v>
      </c>
      <c r="AI39" s="284">
        <v>0</v>
      </c>
      <c r="AJ39" s="288">
        <v>0</v>
      </c>
      <c r="AK39" s="285">
        <v>0</v>
      </c>
      <c r="AL39" s="287">
        <v>0</v>
      </c>
      <c r="AM39" s="288">
        <v>1</v>
      </c>
      <c r="AN39" s="288">
        <v>0</v>
      </c>
      <c r="AO39" s="288">
        <v>0</v>
      </c>
      <c r="AP39" s="288">
        <v>0</v>
      </c>
      <c r="AQ39" s="288">
        <v>0</v>
      </c>
      <c r="AR39" s="285">
        <v>1</v>
      </c>
      <c r="AS39" s="290">
        <v>1</v>
      </c>
      <c r="AT39" s="284">
        <v>0</v>
      </c>
      <c r="AU39" s="288">
        <v>0</v>
      </c>
      <c r="AV39" s="285">
        <v>0</v>
      </c>
      <c r="AW39" s="287">
        <v>0</v>
      </c>
      <c r="AX39" s="288">
        <v>0</v>
      </c>
      <c r="AY39" s="288">
        <v>0</v>
      </c>
      <c r="AZ39" s="288">
        <v>0</v>
      </c>
      <c r="BA39" s="288">
        <v>0</v>
      </c>
      <c r="BB39" s="288">
        <v>1</v>
      </c>
      <c r="BC39" s="289">
        <v>1</v>
      </c>
      <c r="BD39" s="290">
        <v>1</v>
      </c>
      <c r="BE39" s="284">
        <v>0</v>
      </c>
      <c r="BF39" s="288">
        <v>0</v>
      </c>
      <c r="BG39" s="285">
        <v>0</v>
      </c>
      <c r="BH39" s="287">
        <v>0</v>
      </c>
      <c r="BI39" s="288">
        <v>1</v>
      </c>
      <c r="BJ39" s="288">
        <v>2</v>
      </c>
      <c r="BK39" s="288">
        <v>0</v>
      </c>
      <c r="BL39" s="288">
        <v>0</v>
      </c>
      <c r="BM39" s="288">
        <v>0</v>
      </c>
      <c r="BN39" s="285">
        <v>3</v>
      </c>
      <c r="BO39" s="290">
        <v>3</v>
      </c>
      <c r="BP39" s="284">
        <v>0</v>
      </c>
      <c r="BQ39" s="288">
        <v>0</v>
      </c>
      <c r="BR39" s="285">
        <v>0</v>
      </c>
      <c r="BS39" s="287">
        <v>0</v>
      </c>
      <c r="BT39" s="288">
        <v>0</v>
      </c>
      <c r="BU39" s="288">
        <v>1</v>
      </c>
      <c r="BV39" s="288">
        <v>0</v>
      </c>
      <c r="BW39" s="288">
        <v>0</v>
      </c>
      <c r="BX39" s="288">
        <v>0</v>
      </c>
      <c r="BY39" s="285">
        <v>1</v>
      </c>
      <c r="BZ39" s="290">
        <v>1</v>
      </c>
      <c r="CA39" s="284">
        <v>0</v>
      </c>
      <c r="CB39" s="288">
        <v>0</v>
      </c>
      <c r="CC39" s="285">
        <v>0</v>
      </c>
      <c r="CD39" s="287">
        <v>0</v>
      </c>
      <c r="CE39" s="288">
        <v>0</v>
      </c>
      <c r="CF39" s="288">
        <v>0</v>
      </c>
      <c r="CG39" s="288">
        <v>0</v>
      </c>
      <c r="CH39" s="288">
        <v>0</v>
      </c>
      <c r="CI39" s="288">
        <v>0</v>
      </c>
      <c r="CJ39" s="285">
        <v>0</v>
      </c>
      <c r="CK39" s="290">
        <v>0</v>
      </c>
      <c r="CL39" s="284">
        <v>0</v>
      </c>
      <c r="CM39" s="288">
        <v>0</v>
      </c>
      <c r="CN39" s="285">
        <v>0</v>
      </c>
      <c r="CO39" s="287">
        <v>0</v>
      </c>
      <c r="CP39" s="288">
        <v>0</v>
      </c>
      <c r="CQ39" s="288">
        <v>0</v>
      </c>
      <c r="CR39" s="288">
        <v>0</v>
      </c>
      <c r="CS39" s="288">
        <v>0</v>
      </c>
      <c r="CT39" s="288">
        <v>0</v>
      </c>
      <c r="CU39" s="285">
        <v>0</v>
      </c>
      <c r="CV39" s="290">
        <v>0</v>
      </c>
      <c r="CW39" s="284">
        <v>0</v>
      </c>
      <c r="CX39" s="288">
        <v>0</v>
      </c>
      <c r="CY39" s="285">
        <v>0</v>
      </c>
      <c r="CZ39" s="287">
        <v>0</v>
      </c>
      <c r="DA39" s="288">
        <v>0</v>
      </c>
      <c r="DB39" s="288">
        <v>0</v>
      </c>
      <c r="DC39" s="288">
        <v>0</v>
      </c>
      <c r="DD39" s="288">
        <v>0</v>
      </c>
      <c r="DE39" s="288">
        <v>0</v>
      </c>
      <c r="DF39" s="285">
        <v>0</v>
      </c>
      <c r="DG39" s="290">
        <v>0</v>
      </c>
      <c r="DH39" s="284">
        <v>0</v>
      </c>
      <c r="DI39" s="288">
        <v>0</v>
      </c>
      <c r="DJ39" s="285">
        <v>0</v>
      </c>
      <c r="DK39" s="287">
        <v>0</v>
      </c>
      <c r="DL39" s="288">
        <v>0</v>
      </c>
      <c r="DM39" s="288">
        <v>0</v>
      </c>
      <c r="DN39" s="288">
        <v>0</v>
      </c>
      <c r="DO39" s="288">
        <v>0</v>
      </c>
      <c r="DP39" s="288">
        <v>0</v>
      </c>
      <c r="DQ39" s="285">
        <v>0</v>
      </c>
      <c r="DR39" s="290">
        <v>0</v>
      </c>
      <c r="DS39" s="284">
        <v>1</v>
      </c>
      <c r="DT39" s="288">
        <v>0</v>
      </c>
      <c r="DU39" s="285">
        <v>1</v>
      </c>
      <c r="DV39" s="287">
        <v>0</v>
      </c>
      <c r="DW39" s="288">
        <v>1</v>
      </c>
      <c r="DX39" s="288">
        <v>2</v>
      </c>
      <c r="DY39" s="288">
        <v>0</v>
      </c>
      <c r="DZ39" s="288">
        <v>0</v>
      </c>
      <c r="EA39" s="288">
        <v>0</v>
      </c>
      <c r="EB39" s="285">
        <v>3</v>
      </c>
      <c r="EC39" s="290">
        <v>4</v>
      </c>
      <c r="ED39" s="284">
        <v>0</v>
      </c>
      <c r="EE39" s="288">
        <v>0</v>
      </c>
      <c r="EF39" s="285">
        <v>0</v>
      </c>
      <c r="EG39" s="287">
        <v>0</v>
      </c>
      <c r="EH39" s="288">
        <v>0</v>
      </c>
      <c r="EI39" s="288">
        <v>0</v>
      </c>
      <c r="EJ39" s="288">
        <v>0</v>
      </c>
      <c r="EK39" s="288">
        <v>0</v>
      </c>
      <c r="EL39" s="288">
        <v>1</v>
      </c>
      <c r="EM39" s="285">
        <v>1</v>
      </c>
      <c r="EN39" s="290">
        <v>1</v>
      </c>
      <c r="EO39" s="284">
        <v>1</v>
      </c>
      <c r="EP39" s="288">
        <v>0</v>
      </c>
      <c r="EQ39" s="285">
        <v>1</v>
      </c>
      <c r="ER39" s="287">
        <v>0</v>
      </c>
      <c r="ES39" s="288">
        <v>2</v>
      </c>
      <c r="ET39" s="288">
        <v>3</v>
      </c>
      <c r="EU39" s="288">
        <v>0</v>
      </c>
      <c r="EV39" s="288">
        <v>0</v>
      </c>
      <c r="EW39" s="288">
        <v>0</v>
      </c>
      <c r="EX39" s="285">
        <v>5</v>
      </c>
      <c r="EY39" s="290">
        <v>6</v>
      </c>
    </row>
  </sheetData>
  <mergeCells count="59">
    <mergeCell ref="DK4:DQ4"/>
    <mergeCell ref="DR4:DR5"/>
    <mergeCell ref="H1:I1"/>
    <mergeCell ref="K1:L1"/>
    <mergeCell ref="AT3:BD3"/>
    <mergeCell ref="BE3:BO3"/>
    <mergeCell ref="BP3:BZ3"/>
    <mergeCell ref="BD4:BD5"/>
    <mergeCell ref="CW3:DG3"/>
    <mergeCell ref="CV4:CV5"/>
    <mergeCell ref="BE4:BG4"/>
    <mergeCell ref="BH4:BN4"/>
    <mergeCell ref="BO4:BO5"/>
    <mergeCell ref="BP4:BR4"/>
    <mergeCell ref="BS4:BY4"/>
    <mergeCell ref="BZ4:BZ5"/>
    <mergeCell ref="A3:A5"/>
    <mergeCell ref="B3:L3"/>
    <mergeCell ref="M3:W3"/>
    <mergeCell ref="W4:W5"/>
    <mergeCell ref="AI3:AS3"/>
    <mergeCell ref="X3:AH3"/>
    <mergeCell ref="X4:Z4"/>
    <mergeCell ref="AA4:AG4"/>
    <mergeCell ref="AH4:AH5"/>
    <mergeCell ref="B4:D4"/>
    <mergeCell ref="E4:K4"/>
    <mergeCell ref="L4:L5"/>
    <mergeCell ref="M4:O4"/>
    <mergeCell ref="P4:V4"/>
    <mergeCell ref="DS3:EC3"/>
    <mergeCell ref="ED3:EN3"/>
    <mergeCell ref="EO3:EY3"/>
    <mergeCell ref="CA3:CK3"/>
    <mergeCell ref="CL3:CV3"/>
    <mergeCell ref="DH3:DR3"/>
    <mergeCell ref="CA4:CC4"/>
    <mergeCell ref="CD4:CJ4"/>
    <mergeCell ref="AI4:AK4"/>
    <mergeCell ref="AL4:AR4"/>
    <mergeCell ref="AS4:AS5"/>
    <mergeCell ref="AT4:AV4"/>
    <mergeCell ref="AW4:BC4"/>
    <mergeCell ref="CK4:CK5"/>
    <mergeCell ref="CL4:CN4"/>
    <mergeCell ref="CO4:CU4"/>
    <mergeCell ref="EY4:EY5"/>
    <mergeCell ref="CW4:CY4"/>
    <mergeCell ref="CZ4:DF4"/>
    <mergeCell ref="DG4:DG5"/>
    <mergeCell ref="DS4:DU4"/>
    <mergeCell ref="DV4:EB4"/>
    <mergeCell ref="EC4:EC5"/>
    <mergeCell ref="ED4:EF4"/>
    <mergeCell ref="EG4:EM4"/>
    <mergeCell ref="EN4:EN5"/>
    <mergeCell ref="EO4:EQ4"/>
    <mergeCell ref="ER4:EX4"/>
    <mergeCell ref="DH4:DJ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56"/>
    <col min="4" max="4" width="10.33203125" style="256" customWidth="1"/>
    <col min="5" max="5" width="7.6640625" style="256" customWidth="1"/>
    <col min="6" max="6" width="10.21875" style="256" customWidth="1"/>
    <col min="7" max="7" width="10.44140625" style="256" customWidth="1"/>
    <col min="8" max="15" width="9" style="256"/>
    <col min="16" max="16" width="7.21875" style="256" customWidth="1"/>
    <col min="17" max="26" width="9" style="256"/>
    <col min="27" max="27" width="7.6640625" style="256" customWidth="1"/>
    <col min="28" max="37" width="9" style="256"/>
    <col min="38" max="38" width="7.6640625" style="256" customWidth="1"/>
    <col min="39" max="48" width="9" style="256"/>
    <col min="49" max="49" width="7.21875" style="256" customWidth="1"/>
    <col min="50" max="59" width="9" style="256"/>
    <col min="60" max="60" width="7.21875" style="256" customWidth="1"/>
    <col min="61" max="70" width="9" style="256"/>
    <col min="71" max="71" width="7.33203125" style="256" customWidth="1"/>
    <col min="72" max="81" width="9" style="256"/>
    <col min="82" max="82" width="7.44140625" style="256" customWidth="1"/>
    <col min="83" max="92" width="9" style="256"/>
    <col min="93" max="93" width="7.6640625" style="256" customWidth="1"/>
    <col min="94" max="103" width="9" style="256"/>
    <col min="104" max="104" width="7.44140625" style="256" customWidth="1"/>
    <col min="105" max="114" width="9" style="256"/>
    <col min="115" max="115" width="7.44140625" style="256" customWidth="1"/>
    <col min="116" max="125" width="9" style="256"/>
    <col min="126" max="126" width="7.44140625" style="256" customWidth="1"/>
    <col min="127" max="136" width="9" style="256"/>
    <col min="137" max="137" width="7.33203125" style="256" customWidth="1"/>
    <col min="138" max="147" width="9" style="256"/>
    <col min="148" max="148" width="7.77734375" style="256" customWidth="1"/>
    <col min="149" max="16384" width="9" style="256"/>
  </cols>
  <sheetData>
    <row r="1" spans="1:155" ht="24" customHeight="1" x14ac:dyDescent="0.2">
      <c r="A1" s="291" t="s">
        <v>122</v>
      </c>
      <c r="H1" s="528">
        <f>第１表!F2</f>
        <v>4</v>
      </c>
      <c r="I1" s="528"/>
      <c r="J1" s="248">
        <f>第１表!G2</f>
        <v>5</v>
      </c>
      <c r="K1" s="529">
        <f>IF(J1&lt;3,J1+12-2,J1-2)</f>
        <v>3</v>
      </c>
      <c r="L1" s="529"/>
    </row>
    <row r="2" spans="1:155" ht="21" customHeight="1" thickBot="1" x14ac:dyDescent="0.25">
      <c r="A2" s="291" t="s">
        <v>154</v>
      </c>
      <c r="F2" s="247"/>
      <c r="G2" s="248"/>
      <c r="I2" s="350"/>
      <c r="J2" s="350"/>
    </row>
    <row r="3" spans="1:155" ht="23.25" customHeight="1" thickBot="1" x14ac:dyDescent="0.25">
      <c r="A3" s="537"/>
      <c r="B3" s="540" t="s">
        <v>70</v>
      </c>
      <c r="C3" s="541"/>
      <c r="D3" s="541"/>
      <c r="E3" s="541"/>
      <c r="F3" s="541"/>
      <c r="G3" s="541"/>
      <c r="H3" s="541"/>
      <c r="I3" s="541"/>
      <c r="J3" s="541"/>
      <c r="K3" s="541"/>
      <c r="L3" s="542"/>
      <c r="M3" s="540" t="s">
        <v>71</v>
      </c>
      <c r="N3" s="541"/>
      <c r="O3" s="541"/>
      <c r="P3" s="541"/>
      <c r="Q3" s="541"/>
      <c r="R3" s="541"/>
      <c r="S3" s="541"/>
      <c r="T3" s="541"/>
      <c r="U3" s="541"/>
      <c r="V3" s="541"/>
      <c r="W3" s="542"/>
      <c r="X3" s="540" t="s">
        <v>72</v>
      </c>
      <c r="Y3" s="541"/>
      <c r="Z3" s="541"/>
      <c r="AA3" s="541"/>
      <c r="AB3" s="541"/>
      <c r="AC3" s="541"/>
      <c r="AD3" s="541"/>
      <c r="AE3" s="541"/>
      <c r="AF3" s="541"/>
      <c r="AG3" s="541"/>
      <c r="AH3" s="542"/>
      <c r="AI3" s="540" t="s">
        <v>73</v>
      </c>
      <c r="AJ3" s="541"/>
      <c r="AK3" s="541"/>
      <c r="AL3" s="541"/>
      <c r="AM3" s="541"/>
      <c r="AN3" s="541"/>
      <c r="AO3" s="541"/>
      <c r="AP3" s="541"/>
      <c r="AQ3" s="541"/>
      <c r="AR3" s="541"/>
      <c r="AS3" s="542"/>
      <c r="AT3" s="540" t="s">
        <v>74</v>
      </c>
      <c r="AU3" s="541"/>
      <c r="AV3" s="541"/>
      <c r="AW3" s="541"/>
      <c r="AX3" s="541"/>
      <c r="AY3" s="541"/>
      <c r="AZ3" s="541"/>
      <c r="BA3" s="541"/>
      <c r="BB3" s="541"/>
      <c r="BC3" s="541"/>
      <c r="BD3" s="542"/>
      <c r="BE3" s="540" t="s">
        <v>75</v>
      </c>
      <c r="BF3" s="541"/>
      <c r="BG3" s="541"/>
      <c r="BH3" s="541"/>
      <c r="BI3" s="541"/>
      <c r="BJ3" s="541"/>
      <c r="BK3" s="541"/>
      <c r="BL3" s="541"/>
      <c r="BM3" s="541"/>
      <c r="BN3" s="541"/>
      <c r="BO3" s="542"/>
      <c r="BP3" s="540" t="s">
        <v>76</v>
      </c>
      <c r="BQ3" s="541"/>
      <c r="BR3" s="541"/>
      <c r="BS3" s="541"/>
      <c r="BT3" s="541"/>
      <c r="BU3" s="541"/>
      <c r="BV3" s="541"/>
      <c r="BW3" s="541"/>
      <c r="BX3" s="541"/>
      <c r="BY3" s="541"/>
      <c r="BZ3" s="542"/>
      <c r="CA3" s="540" t="s">
        <v>77</v>
      </c>
      <c r="CB3" s="541"/>
      <c r="CC3" s="541"/>
      <c r="CD3" s="541"/>
      <c r="CE3" s="541"/>
      <c r="CF3" s="541"/>
      <c r="CG3" s="541"/>
      <c r="CH3" s="541"/>
      <c r="CI3" s="541"/>
      <c r="CJ3" s="541"/>
      <c r="CK3" s="542"/>
      <c r="CL3" s="540" t="s">
        <v>78</v>
      </c>
      <c r="CM3" s="541"/>
      <c r="CN3" s="541"/>
      <c r="CO3" s="541"/>
      <c r="CP3" s="541"/>
      <c r="CQ3" s="541"/>
      <c r="CR3" s="541"/>
      <c r="CS3" s="541"/>
      <c r="CT3" s="541"/>
      <c r="CU3" s="541"/>
      <c r="CV3" s="542"/>
      <c r="CW3" s="540" t="s">
        <v>79</v>
      </c>
      <c r="CX3" s="541"/>
      <c r="CY3" s="541"/>
      <c r="CZ3" s="541"/>
      <c r="DA3" s="541"/>
      <c r="DB3" s="541"/>
      <c r="DC3" s="541"/>
      <c r="DD3" s="541"/>
      <c r="DE3" s="541"/>
      <c r="DF3" s="541"/>
      <c r="DG3" s="542"/>
      <c r="DH3" s="540" t="s">
        <v>152</v>
      </c>
      <c r="DI3" s="541"/>
      <c r="DJ3" s="541"/>
      <c r="DK3" s="541"/>
      <c r="DL3" s="541"/>
      <c r="DM3" s="541"/>
      <c r="DN3" s="541"/>
      <c r="DO3" s="541"/>
      <c r="DP3" s="541"/>
      <c r="DQ3" s="541"/>
      <c r="DR3" s="542"/>
      <c r="DS3" s="540" t="s">
        <v>80</v>
      </c>
      <c r="DT3" s="541"/>
      <c r="DU3" s="541"/>
      <c r="DV3" s="541"/>
      <c r="DW3" s="541"/>
      <c r="DX3" s="541"/>
      <c r="DY3" s="541"/>
      <c r="DZ3" s="541"/>
      <c r="EA3" s="541"/>
      <c r="EB3" s="541"/>
      <c r="EC3" s="542"/>
      <c r="ED3" s="540" t="s">
        <v>68</v>
      </c>
      <c r="EE3" s="541"/>
      <c r="EF3" s="541"/>
      <c r="EG3" s="541"/>
      <c r="EH3" s="541"/>
      <c r="EI3" s="541"/>
      <c r="EJ3" s="541"/>
      <c r="EK3" s="541"/>
      <c r="EL3" s="541"/>
      <c r="EM3" s="541"/>
      <c r="EN3" s="542"/>
      <c r="EO3" s="543" t="s">
        <v>69</v>
      </c>
      <c r="EP3" s="544"/>
      <c r="EQ3" s="544"/>
      <c r="ER3" s="544"/>
      <c r="ES3" s="544"/>
      <c r="ET3" s="544"/>
      <c r="EU3" s="544"/>
      <c r="EV3" s="544"/>
      <c r="EW3" s="544"/>
      <c r="EX3" s="544"/>
      <c r="EY3" s="545"/>
    </row>
    <row r="4" spans="1:155" ht="22.5" customHeight="1" x14ac:dyDescent="0.2">
      <c r="A4" s="538"/>
      <c r="B4" s="532" t="s">
        <v>61</v>
      </c>
      <c r="C4" s="533"/>
      <c r="D4" s="534"/>
      <c r="E4" s="535" t="s">
        <v>62</v>
      </c>
      <c r="F4" s="533"/>
      <c r="G4" s="533"/>
      <c r="H4" s="533"/>
      <c r="I4" s="533"/>
      <c r="J4" s="533"/>
      <c r="K4" s="536"/>
      <c r="L4" s="530" t="s">
        <v>52</v>
      </c>
      <c r="M4" s="532" t="s">
        <v>61</v>
      </c>
      <c r="N4" s="533"/>
      <c r="O4" s="534"/>
      <c r="P4" s="535" t="s">
        <v>62</v>
      </c>
      <c r="Q4" s="533"/>
      <c r="R4" s="533"/>
      <c r="S4" s="533"/>
      <c r="T4" s="533"/>
      <c r="U4" s="533"/>
      <c r="V4" s="534"/>
      <c r="W4" s="530" t="s">
        <v>52</v>
      </c>
      <c r="X4" s="532" t="s">
        <v>61</v>
      </c>
      <c r="Y4" s="533"/>
      <c r="Z4" s="534"/>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4"/>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c r="DH4" s="532" t="s">
        <v>61</v>
      </c>
      <c r="DI4" s="533"/>
      <c r="DJ4" s="534"/>
      <c r="DK4" s="535" t="s">
        <v>62</v>
      </c>
      <c r="DL4" s="533"/>
      <c r="DM4" s="533"/>
      <c r="DN4" s="533"/>
      <c r="DO4" s="533"/>
      <c r="DP4" s="533"/>
      <c r="DQ4" s="534"/>
      <c r="DR4" s="530" t="s">
        <v>52</v>
      </c>
      <c r="DS4" s="532" t="s">
        <v>61</v>
      </c>
      <c r="DT4" s="533"/>
      <c r="DU4" s="534"/>
      <c r="DV4" s="535" t="s">
        <v>62</v>
      </c>
      <c r="DW4" s="533"/>
      <c r="DX4" s="533"/>
      <c r="DY4" s="533"/>
      <c r="DZ4" s="533"/>
      <c r="EA4" s="533"/>
      <c r="EB4" s="534"/>
      <c r="EC4" s="530" t="s">
        <v>52</v>
      </c>
      <c r="ED4" s="532" t="s">
        <v>61</v>
      </c>
      <c r="EE4" s="533"/>
      <c r="EF4" s="534"/>
      <c r="EG4" s="535" t="s">
        <v>62</v>
      </c>
      <c r="EH4" s="533"/>
      <c r="EI4" s="533"/>
      <c r="EJ4" s="533"/>
      <c r="EK4" s="533"/>
      <c r="EL4" s="533"/>
      <c r="EM4" s="534"/>
      <c r="EN4" s="530" t="s">
        <v>52</v>
      </c>
      <c r="EO4" s="532" t="s">
        <v>61</v>
      </c>
      <c r="EP4" s="533"/>
      <c r="EQ4" s="534"/>
      <c r="ER4" s="535" t="s">
        <v>62</v>
      </c>
      <c r="ES4" s="533"/>
      <c r="ET4" s="533"/>
      <c r="EU4" s="533"/>
      <c r="EV4" s="533"/>
      <c r="EW4" s="533"/>
      <c r="EX4" s="534"/>
      <c r="EY4" s="530" t="s">
        <v>52</v>
      </c>
    </row>
    <row r="5" spans="1:155" ht="34.5" customHeight="1" thickBot="1" x14ac:dyDescent="0.25">
      <c r="A5" s="539"/>
      <c r="B5" s="351" t="s">
        <v>43</v>
      </c>
      <c r="C5" s="260" t="s">
        <v>162</v>
      </c>
      <c r="D5" s="383" t="s">
        <v>45</v>
      </c>
      <c r="E5" s="268" t="s">
        <v>83</v>
      </c>
      <c r="F5" s="260" t="s">
        <v>47</v>
      </c>
      <c r="G5" s="260" t="s">
        <v>48</v>
      </c>
      <c r="H5" s="260" t="s">
        <v>49</v>
      </c>
      <c r="I5" s="260" t="s">
        <v>50</v>
      </c>
      <c r="J5" s="260" t="s">
        <v>51</v>
      </c>
      <c r="K5" s="269" t="s">
        <v>45</v>
      </c>
      <c r="L5" s="531"/>
      <c r="M5" s="351" t="s">
        <v>43</v>
      </c>
      <c r="N5" s="260" t="s">
        <v>44</v>
      </c>
      <c r="O5" s="266" t="s">
        <v>45</v>
      </c>
      <c r="P5" s="268" t="s">
        <v>83</v>
      </c>
      <c r="Q5" s="260" t="s">
        <v>47</v>
      </c>
      <c r="R5" s="260" t="s">
        <v>48</v>
      </c>
      <c r="S5" s="260" t="s">
        <v>49</v>
      </c>
      <c r="T5" s="260" t="s">
        <v>50</v>
      </c>
      <c r="U5" s="260" t="s">
        <v>51</v>
      </c>
      <c r="V5" s="266" t="s">
        <v>45</v>
      </c>
      <c r="W5" s="531"/>
      <c r="X5" s="351" t="s">
        <v>43</v>
      </c>
      <c r="Y5" s="260" t="s">
        <v>44</v>
      </c>
      <c r="Z5" s="266" t="s">
        <v>45</v>
      </c>
      <c r="AA5" s="268" t="s">
        <v>83</v>
      </c>
      <c r="AB5" s="260" t="s">
        <v>47</v>
      </c>
      <c r="AC5" s="260" t="s">
        <v>48</v>
      </c>
      <c r="AD5" s="260" t="s">
        <v>49</v>
      </c>
      <c r="AE5" s="260" t="s">
        <v>50</v>
      </c>
      <c r="AF5" s="260" t="s">
        <v>51</v>
      </c>
      <c r="AG5" s="266" t="s">
        <v>45</v>
      </c>
      <c r="AH5" s="531"/>
      <c r="AI5" s="351" t="s">
        <v>43</v>
      </c>
      <c r="AJ5" s="260" t="s">
        <v>44</v>
      </c>
      <c r="AK5" s="266" t="s">
        <v>45</v>
      </c>
      <c r="AL5" s="268" t="s">
        <v>83</v>
      </c>
      <c r="AM5" s="260" t="s">
        <v>47</v>
      </c>
      <c r="AN5" s="260" t="s">
        <v>48</v>
      </c>
      <c r="AO5" s="260" t="s">
        <v>49</v>
      </c>
      <c r="AP5" s="260" t="s">
        <v>50</v>
      </c>
      <c r="AQ5" s="260" t="s">
        <v>51</v>
      </c>
      <c r="AR5" s="266" t="s">
        <v>45</v>
      </c>
      <c r="AS5" s="531"/>
      <c r="AT5" s="351" t="s">
        <v>43</v>
      </c>
      <c r="AU5" s="260" t="s">
        <v>44</v>
      </c>
      <c r="AV5" s="266" t="s">
        <v>45</v>
      </c>
      <c r="AW5" s="268" t="s">
        <v>83</v>
      </c>
      <c r="AX5" s="260" t="s">
        <v>47</v>
      </c>
      <c r="AY5" s="260" t="s">
        <v>48</v>
      </c>
      <c r="AZ5" s="260" t="s">
        <v>49</v>
      </c>
      <c r="BA5" s="260" t="s">
        <v>50</v>
      </c>
      <c r="BB5" s="260" t="s">
        <v>51</v>
      </c>
      <c r="BC5" s="269" t="s">
        <v>45</v>
      </c>
      <c r="BD5" s="531"/>
      <c r="BE5" s="351" t="s">
        <v>43</v>
      </c>
      <c r="BF5" s="260" t="s">
        <v>44</v>
      </c>
      <c r="BG5" s="266" t="s">
        <v>45</v>
      </c>
      <c r="BH5" s="268" t="s">
        <v>83</v>
      </c>
      <c r="BI5" s="260" t="s">
        <v>47</v>
      </c>
      <c r="BJ5" s="260" t="s">
        <v>48</v>
      </c>
      <c r="BK5" s="260" t="s">
        <v>49</v>
      </c>
      <c r="BL5" s="260" t="s">
        <v>50</v>
      </c>
      <c r="BM5" s="260" t="s">
        <v>51</v>
      </c>
      <c r="BN5" s="266" t="s">
        <v>45</v>
      </c>
      <c r="BO5" s="531"/>
      <c r="BP5" s="351" t="s">
        <v>43</v>
      </c>
      <c r="BQ5" s="260" t="s">
        <v>44</v>
      </c>
      <c r="BR5" s="266" t="s">
        <v>45</v>
      </c>
      <c r="BS5" s="268" t="s">
        <v>83</v>
      </c>
      <c r="BT5" s="260" t="s">
        <v>47</v>
      </c>
      <c r="BU5" s="260" t="s">
        <v>48</v>
      </c>
      <c r="BV5" s="260" t="s">
        <v>49</v>
      </c>
      <c r="BW5" s="260" t="s">
        <v>50</v>
      </c>
      <c r="BX5" s="260" t="s">
        <v>51</v>
      </c>
      <c r="BY5" s="266" t="s">
        <v>45</v>
      </c>
      <c r="BZ5" s="531"/>
      <c r="CA5" s="351" t="s">
        <v>43</v>
      </c>
      <c r="CB5" s="260" t="s">
        <v>44</v>
      </c>
      <c r="CC5" s="266" t="s">
        <v>45</v>
      </c>
      <c r="CD5" s="268" t="s">
        <v>83</v>
      </c>
      <c r="CE5" s="260" t="s">
        <v>47</v>
      </c>
      <c r="CF5" s="260" t="s">
        <v>48</v>
      </c>
      <c r="CG5" s="260" t="s">
        <v>49</v>
      </c>
      <c r="CH5" s="260" t="s">
        <v>50</v>
      </c>
      <c r="CI5" s="260" t="s">
        <v>51</v>
      </c>
      <c r="CJ5" s="266" t="s">
        <v>45</v>
      </c>
      <c r="CK5" s="531"/>
      <c r="CL5" s="351" t="s">
        <v>43</v>
      </c>
      <c r="CM5" s="260" t="s">
        <v>44</v>
      </c>
      <c r="CN5" s="266" t="s">
        <v>45</v>
      </c>
      <c r="CO5" s="268" t="s">
        <v>83</v>
      </c>
      <c r="CP5" s="260" t="s">
        <v>47</v>
      </c>
      <c r="CQ5" s="260" t="s">
        <v>48</v>
      </c>
      <c r="CR5" s="260" t="s">
        <v>49</v>
      </c>
      <c r="CS5" s="260" t="s">
        <v>50</v>
      </c>
      <c r="CT5" s="260" t="s">
        <v>51</v>
      </c>
      <c r="CU5" s="266" t="s">
        <v>45</v>
      </c>
      <c r="CV5" s="531"/>
      <c r="CW5" s="351" t="s">
        <v>43</v>
      </c>
      <c r="CX5" s="260" t="s">
        <v>44</v>
      </c>
      <c r="CY5" s="266" t="s">
        <v>45</v>
      </c>
      <c r="CZ5" s="268" t="s">
        <v>83</v>
      </c>
      <c r="DA5" s="260" t="s">
        <v>47</v>
      </c>
      <c r="DB5" s="260" t="s">
        <v>48</v>
      </c>
      <c r="DC5" s="260" t="s">
        <v>49</v>
      </c>
      <c r="DD5" s="260" t="s">
        <v>50</v>
      </c>
      <c r="DE5" s="260" t="s">
        <v>51</v>
      </c>
      <c r="DF5" s="266" t="s">
        <v>45</v>
      </c>
      <c r="DG5" s="531"/>
      <c r="DH5" s="351" t="s">
        <v>43</v>
      </c>
      <c r="DI5" s="260" t="s">
        <v>44</v>
      </c>
      <c r="DJ5" s="266" t="s">
        <v>45</v>
      </c>
      <c r="DK5" s="268" t="s">
        <v>83</v>
      </c>
      <c r="DL5" s="260" t="s">
        <v>47</v>
      </c>
      <c r="DM5" s="260" t="s">
        <v>48</v>
      </c>
      <c r="DN5" s="260" t="s">
        <v>49</v>
      </c>
      <c r="DO5" s="260" t="s">
        <v>50</v>
      </c>
      <c r="DP5" s="260" t="s">
        <v>51</v>
      </c>
      <c r="DQ5" s="266" t="s">
        <v>45</v>
      </c>
      <c r="DR5" s="531"/>
      <c r="DS5" s="351" t="s">
        <v>43</v>
      </c>
      <c r="DT5" s="260" t="s">
        <v>44</v>
      </c>
      <c r="DU5" s="266" t="s">
        <v>45</v>
      </c>
      <c r="DV5" s="268" t="s">
        <v>83</v>
      </c>
      <c r="DW5" s="260" t="s">
        <v>47</v>
      </c>
      <c r="DX5" s="260" t="s">
        <v>48</v>
      </c>
      <c r="DY5" s="260" t="s">
        <v>49</v>
      </c>
      <c r="DZ5" s="260" t="s">
        <v>50</v>
      </c>
      <c r="EA5" s="260" t="s">
        <v>51</v>
      </c>
      <c r="EB5" s="266" t="s">
        <v>45</v>
      </c>
      <c r="EC5" s="531"/>
      <c r="ED5" s="351" t="s">
        <v>43</v>
      </c>
      <c r="EE5" s="260" t="s">
        <v>44</v>
      </c>
      <c r="EF5" s="266" t="s">
        <v>45</v>
      </c>
      <c r="EG5" s="268" t="s">
        <v>83</v>
      </c>
      <c r="EH5" s="260" t="s">
        <v>47</v>
      </c>
      <c r="EI5" s="260" t="s">
        <v>48</v>
      </c>
      <c r="EJ5" s="260" t="s">
        <v>49</v>
      </c>
      <c r="EK5" s="260" t="s">
        <v>50</v>
      </c>
      <c r="EL5" s="260" t="s">
        <v>51</v>
      </c>
      <c r="EM5" s="266" t="s">
        <v>45</v>
      </c>
      <c r="EN5" s="531"/>
      <c r="EO5" s="351" t="s">
        <v>43</v>
      </c>
      <c r="EP5" s="260" t="s">
        <v>44</v>
      </c>
      <c r="EQ5" s="266" t="s">
        <v>45</v>
      </c>
      <c r="ER5" s="268" t="s">
        <v>83</v>
      </c>
      <c r="ES5" s="260" t="s">
        <v>47</v>
      </c>
      <c r="ET5" s="260" t="s">
        <v>48</v>
      </c>
      <c r="EU5" s="260" t="s">
        <v>49</v>
      </c>
      <c r="EV5" s="260" t="s">
        <v>50</v>
      </c>
      <c r="EW5" s="260" t="s">
        <v>51</v>
      </c>
      <c r="EX5" s="266" t="s">
        <v>45</v>
      </c>
      <c r="EY5" s="531"/>
    </row>
    <row r="6" spans="1:155" ht="19.5" customHeight="1" x14ac:dyDescent="0.2">
      <c r="A6" s="261" t="s">
        <v>4</v>
      </c>
      <c r="B6" s="270">
        <v>0</v>
      </c>
      <c r="C6" s="274">
        <v>0</v>
      </c>
      <c r="D6" s="384">
        <v>0</v>
      </c>
      <c r="E6" s="273">
        <v>0</v>
      </c>
      <c r="F6" s="274">
        <v>1131</v>
      </c>
      <c r="G6" s="274">
        <v>1232</v>
      </c>
      <c r="H6" s="274">
        <v>658</v>
      </c>
      <c r="I6" s="274">
        <v>577</v>
      </c>
      <c r="J6" s="274">
        <v>444</v>
      </c>
      <c r="K6" s="275">
        <v>4042</v>
      </c>
      <c r="L6" s="276">
        <v>4042</v>
      </c>
      <c r="M6" s="270">
        <v>0</v>
      </c>
      <c r="N6" s="274">
        <v>3</v>
      </c>
      <c r="O6" s="271">
        <v>3</v>
      </c>
      <c r="P6" s="273">
        <v>0</v>
      </c>
      <c r="Q6" s="274">
        <v>12</v>
      </c>
      <c r="R6" s="274">
        <v>45</v>
      </c>
      <c r="S6" s="274">
        <v>47</v>
      </c>
      <c r="T6" s="274">
        <v>133</v>
      </c>
      <c r="U6" s="274">
        <v>217</v>
      </c>
      <c r="V6" s="271">
        <v>454</v>
      </c>
      <c r="W6" s="276">
        <v>457</v>
      </c>
      <c r="X6" s="270">
        <v>189</v>
      </c>
      <c r="Y6" s="274">
        <v>400</v>
      </c>
      <c r="Z6" s="271">
        <v>589</v>
      </c>
      <c r="AA6" s="273">
        <v>0</v>
      </c>
      <c r="AB6" s="274">
        <v>843</v>
      </c>
      <c r="AC6" s="274">
        <v>1098</v>
      </c>
      <c r="AD6" s="274">
        <v>635</v>
      </c>
      <c r="AE6" s="274">
        <v>561</v>
      </c>
      <c r="AF6" s="274">
        <v>446</v>
      </c>
      <c r="AG6" s="271">
        <v>3583</v>
      </c>
      <c r="AH6" s="276">
        <v>4172</v>
      </c>
      <c r="AI6" s="270">
        <v>19</v>
      </c>
      <c r="AJ6" s="274">
        <v>53</v>
      </c>
      <c r="AK6" s="271">
        <v>72</v>
      </c>
      <c r="AL6" s="273">
        <v>0</v>
      </c>
      <c r="AM6" s="274">
        <v>81</v>
      </c>
      <c r="AN6" s="274">
        <v>141</v>
      </c>
      <c r="AO6" s="274">
        <v>81</v>
      </c>
      <c r="AP6" s="274">
        <v>78</v>
      </c>
      <c r="AQ6" s="274">
        <v>48</v>
      </c>
      <c r="AR6" s="271">
        <v>429</v>
      </c>
      <c r="AS6" s="276">
        <v>501</v>
      </c>
      <c r="AT6" s="270">
        <v>318</v>
      </c>
      <c r="AU6" s="274">
        <v>331</v>
      </c>
      <c r="AV6" s="271">
        <v>649</v>
      </c>
      <c r="AW6" s="273">
        <v>0</v>
      </c>
      <c r="AX6" s="274">
        <v>1207</v>
      </c>
      <c r="AY6" s="274">
        <v>1523</v>
      </c>
      <c r="AZ6" s="274">
        <v>1252</v>
      </c>
      <c r="BA6" s="274">
        <v>1350</v>
      </c>
      <c r="BB6" s="274">
        <v>1001</v>
      </c>
      <c r="BC6" s="275">
        <v>6333</v>
      </c>
      <c r="BD6" s="276">
        <v>6982</v>
      </c>
      <c r="BE6" s="270">
        <v>0</v>
      </c>
      <c r="BF6" s="274">
        <v>0</v>
      </c>
      <c r="BG6" s="271">
        <v>0</v>
      </c>
      <c r="BH6" s="273">
        <v>0</v>
      </c>
      <c r="BI6" s="274">
        <v>1269</v>
      </c>
      <c r="BJ6" s="274">
        <v>1131</v>
      </c>
      <c r="BK6" s="274">
        <v>538</v>
      </c>
      <c r="BL6" s="274">
        <v>329</v>
      </c>
      <c r="BM6" s="274">
        <v>147</v>
      </c>
      <c r="BN6" s="271">
        <v>3414</v>
      </c>
      <c r="BO6" s="276">
        <v>3414</v>
      </c>
      <c r="BP6" s="270">
        <v>104</v>
      </c>
      <c r="BQ6" s="274">
        <v>146</v>
      </c>
      <c r="BR6" s="271">
        <v>250</v>
      </c>
      <c r="BS6" s="273">
        <v>0</v>
      </c>
      <c r="BT6" s="274">
        <v>301</v>
      </c>
      <c r="BU6" s="274">
        <v>420</v>
      </c>
      <c r="BV6" s="274">
        <v>250</v>
      </c>
      <c r="BW6" s="274">
        <v>180</v>
      </c>
      <c r="BX6" s="274">
        <v>69</v>
      </c>
      <c r="BY6" s="271">
        <v>1220</v>
      </c>
      <c r="BZ6" s="276">
        <v>1470</v>
      </c>
      <c r="CA6" s="270">
        <v>2</v>
      </c>
      <c r="CB6" s="274">
        <v>12</v>
      </c>
      <c r="CC6" s="271">
        <v>14</v>
      </c>
      <c r="CD6" s="273">
        <v>0</v>
      </c>
      <c r="CE6" s="274">
        <v>105</v>
      </c>
      <c r="CF6" s="274">
        <v>171</v>
      </c>
      <c r="CG6" s="274">
        <v>184</v>
      </c>
      <c r="CH6" s="274">
        <v>170</v>
      </c>
      <c r="CI6" s="274">
        <v>86</v>
      </c>
      <c r="CJ6" s="271">
        <v>716</v>
      </c>
      <c r="CK6" s="276">
        <v>730</v>
      </c>
      <c r="CL6" s="270">
        <v>1</v>
      </c>
      <c r="CM6" s="274">
        <v>4</v>
      </c>
      <c r="CN6" s="271">
        <v>5</v>
      </c>
      <c r="CO6" s="273">
        <v>0</v>
      </c>
      <c r="CP6" s="274">
        <v>13</v>
      </c>
      <c r="CQ6" s="274">
        <v>38</v>
      </c>
      <c r="CR6" s="274">
        <v>36</v>
      </c>
      <c r="CS6" s="274">
        <v>34</v>
      </c>
      <c r="CT6" s="274">
        <v>28</v>
      </c>
      <c r="CU6" s="271">
        <v>149</v>
      </c>
      <c r="CV6" s="276">
        <v>154</v>
      </c>
      <c r="CW6" s="270">
        <v>0</v>
      </c>
      <c r="CX6" s="274">
        <v>0</v>
      </c>
      <c r="CY6" s="271">
        <v>0</v>
      </c>
      <c r="CZ6" s="273">
        <v>0</v>
      </c>
      <c r="DA6" s="274">
        <v>0</v>
      </c>
      <c r="DB6" s="274">
        <v>0</v>
      </c>
      <c r="DC6" s="274">
        <v>0</v>
      </c>
      <c r="DD6" s="274">
        <v>0</v>
      </c>
      <c r="DE6" s="274">
        <v>0</v>
      </c>
      <c r="DF6" s="271">
        <v>0</v>
      </c>
      <c r="DG6" s="276">
        <v>0</v>
      </c>
      <c r="DH6" s="270">
        <v>0</v>
      </c>
      <c r="DI6" s="274">
        <v>0</v>
      </c>
      <c r="DJ6" s="271">
        <v>0</v>
      </c>
      <c r="DK6" s="273">
        <v>0</v>
      </c>
      <c r="DL6" s="274">
        <v>0</v>
      </c>
      <c r="DM6" s="274">
        <v>0</v>
      </c>
      <c r="DN6" s="274">
        <v>0</v>
      </c>
      <c r="DO6" s="274">
        <v>0</v>
      </c>
      <c r="DP6" s="274">
        <v>0</v>
      </c>
      <c r="DQ6" s="271">
        <v>0</v>
      </c>
      <c r="DR6" s="276">
        <v>0</v>
      </c>
      <c r="DS6" s="270">
        <v>579</v>
      </c>
      <c r="DT6" s="274">
        <v>1133</v>
      </c>
      <c r="DU6" s="271">
        <v>1712</v>
      </c>
      <c r="DV6" s="273">
        <v>0</v>
      </c>
      <c r="DW6" s="274">
        <v>1560</v>
      </c>
      <c r="DX6" s="274">
        <v>2625</v>
      </c>
      <c r="DY6" s="274">
        <v>1527</v>
      </c>
      <c r="DZ6" s="274">
        <v>1234</v>
      </c>
      <c r="EA6" s="274">
        <v>770</v>
      </c>
      <c r="EB6" s="271">
        <v>7716</v>
      </c>
      <c r="EC6" s="276">
        <v>9428</v>
      </c>
      <c r="ED6" s="270">
        <v>226</v>
      </c>
      <c r="EE6" s="274">
        <v>174</v>
      </c>
      <c r="EF6" s="271">
        <v>400</v>
      </c>
      <c r="EG6" s="273">
        <v>0</v>
      </c>
      <c r="EH6" s="274">
        <v>596</v>
      </c>
      <c r="EI6" s="274">
        <v>622</v>
      </c>
      <c r="EJ6" s="274">
        <v>533</v>
      </c>
      <c r="EK6" s="274">
        <v>602</v>
      </c>
      <c r="EL6" s="274">
        <v>381</v>
      </c>
      <c r="EM6" s="271">
        <v>2734</v>
      </c>
      <c r="EN6" s="276">
        <v>3134</v>
      </c>
      <c r="EO6" s="270">
        <v>820</v>
      </c>
      <c r="EP6" s="274">
        <v>1462</v>
      </c>
      <c r="EQ6" s="271">
        <v>2282</v>
      </c>
      <c r="ER6" s="273">
        <v>0</v>
      </c>
      <c r="ES6" s="274">
        <v>3595</v>
      </c>
      <c r="ET6" s="274">
        <v>3736</v>
      </c>
      <c r="EU6" s="274">
        <v>1827</v>
      </c>
      <c r="EV6" s="274">
        <v>1337</v>
      </c>
      <c r="EW6" s="274">
        <v>815</v>
      </c>
      <c r="EX6" s="271">
        <v>11310</v>
      </c>
      <c r="EY6" s="276">
        <v>13592</v>
      </c>
    </row>
    <row r="7" spans="1:155" ht="19.5" customHeight="1" x14ac:dyDescent="0.2">
      <c r="A7" s="262" t="s">
        <v>5</v>
      </c>
      <c r="B7" s="277">
        <v>0</v>
      </c>
      <c r="C7" s="281">
        <v>0</v>
      </c>
      <c r="D7" s="385">
        <v>0</v>
      </c>
      <c r="E7" s="280">
        <v>0</v>
      </c>
      <c r="F7" s="281">
        <v>437</v>
      </c>
      <c r="G7" s="281">
        <v>665</v>
      </c>
      <c r="H7" s="281">
        <v>283</v>
      </c>
      <c r="I7" s="281">
        <v>252</v>
      </c>
      <c r="J7" s="281">
        <v>199</v>
      </c>
      <c r="K7" s="282">
        <v>1836</v>
      </c>
      <c r="L7" s="283">
        <v>1836</v>
      </c>
      <c r="M7" s="277">
        <v>0</v>
      </c>
      <c r="N7" s="281">
        <v>2</v>
      </c>
      <c r="O7" s="278">
        <v>2</v>
      </c>
      <c r="P7" s="280">
        <v>0</v>
      </c>
      <c r="Q7" s="281">
        <v>3</v>
      </c>
      <c r="R7" s="281">
        <v>22</v>
      </c>
      <c r="S7" s="281">
        <v>19</v>
      </c>
      <c r="T7" s="281">
        <v>55</v>
      </c>
      <c r="U7" s="281">
        <v>88</v>
      </c>
      <c r="V7" s="278">
        <v>187</v>
      </c>
      <c r="W7" s="283">
        <v>189</v>
      </c>
      <c r="X7" s="277">
        <v>94</v>
      </c>
      <c r="Y7" s="281">
        <v>217</v>
      </c>
      <c r="Z7" s="278">
        <v>311</v>
      </c>
      <c r="AA7" s="280">
        <v>0</v>
      </c>
      <c r="AB7" s="281">
        <v>326</v>
      </c>
      <c r="AC7" s="281">
        <v>597</v>
      </c>
      <c r="AD7" s="281">
        <v>301</v>
      </c>
      <c r="AE7" s="281">
        <v>268</v>
      </c>
      <c r="AF7" s="281">
        <v>196</v>
      </c>
      <c r="AG7" s="278">
        <v>1688</v>
      </c>
      <c r="AH7" s="283">
        <v>1999</v>
      </c>
      <c r="AI7" s="277">
        <v>10</v>
      </c>
      <c r="AJ7" s="281">
        <v>31</v>
      </c>
      <c r="AK7" s="278">
        <v>41</v>
      </c>
      <c r="AL7" s="280">
        <v>0</v>
      </c>
      <c r="AM7" s="281">
        <v>28</v>
      </c>
      <c r="AN7" s="281">
        <v>70</v>
      </c>
      <c r="AO7" s="281">
        <v>32</v>
      </c>
      <c r="AP7" s="281">
        <v>35</v>
      </c>
      <c r="AQ7" s="281">
        <v>19</v>
      </c>
      <c r="AR7" s="278">
        <v>184</v>
      </c>
      <c r="AS7" s="283">
        <v>225</v>
      </c>
      <c r="AT7" s="277">
        <v>139</v>
      </c>
      <c r="AU7" s="281">
        <v>168</v>
      </c>
      <c r="AV7" s="278">
        <v>307</v>
      </c>
      <c r="AW7" s="280">
        <v>0</v>
      </c>
      <c r="AX7" s="281">
        <v>494</v>
      </c>
      <c r="AY7" s="281">
        <v>749</v>
      </c>
      <c r="AZ7" s="281">
        <v>576</v>
      </c>
      <c r="BA7" s="281">
        <v>566</v>
      </c>
      <c r="BB7" s="281">
        <v>439</v>
      </c>
      <c r="BC7" s="282">
        <v>2824</v>
      </c>
      <c r="BD7" s="283">
        <v>3131</v>
      </c>
      <c r="BE7" s="277">
        <v>0</v>
      </c>
      <c r="BF7" s="281">
        <v>0</v>
      </c>
      <c r="BG7" s="278">
        <v>0</v>
      </c>
      <c r="BH7" s="280">
        <v>0</v>
      </c>
      <c r="BI7" s="281">
        <v>424</v>
      </c>
      <c r="BJ7" s="281">
        <v>507</v>
      </c>
      <c r="BK7" s="281">
        <v>227</v>
      </c>
      <c r="BL7" s="281">
        <v>129</v>
      </c>
      <c r="BM7" s="281">
        <v>61</v>
      </c>
      <c r="BN7" s="278">
        <v>1348</v>
      </c>
      <c r="BO7" s="283">
        <v>1348</v>
      </c>
      <c r="BP7" s="277">
        <v>56</v>
      </c>
      <c r="BQ7" s="281">
        <v>72</v>
      </c>
      <c r="BR7" s="278">
        <v>128</v>
      </c>
      <c r="BS7" s="280">
        <v>0</v>
      </c>
      <c r="BT7" s="281">
        <v>106</v>
      </c>
      <c r="BU7" s="281">
        <v>224</v>
      </c>
      <c r="BV7" s="281">
        <v>123</v>
      </c>
      <c r="BW7" s="281">
        <v>73</v>
      </c>
      <c r="BX7" s="281">
        <v>34</v>
      </c>
      <c r="BY7" s="278">
        <v>560</v>
      </c>
      <c r="BZ7" s="283">
        <v>688</v>
      </c>
      <c r="CA7" s="277">
        <v>0</v>
      </c>
      <c r="CB7" s="281">
        <v>6</v>
      </c>
      <c r="CC7" s="278">
        <v>6</v>
      </c>
      <c r="CD7" s="280">
        <v>0</v>
      </c>
      <c r="CE7" s="281">
        <v>35</v>
      </c>
      <c r="CF7" s="281">
        <v>88</v>
      </c>
      <c r="CG7" s="281">
        <v>76</v>
      </c>
      <c r="CH7" s="281">
        <v>61</v>
      </c>
      <c r="CI7" s="281">
        <v>30</v>
      </c>
      <c r="CJ7" s="278">
        <v>290</v>
      </c>
      <c r="CK7" s="283">
        <v>296</v>
      </c>
      <c r="CL7" s="277">
        <v>0</v>
      </c>
      <c r="CM7" s="281">
        <v>4</v>
      </c>
      <c r="CN7" s="278">
        <v>4</v>
      </c>
      <c r="CO7" s="280">
        <v>0</v>
      </c>
      <c r="CP7" s="281">
        <v>8</v>
      </c>
      <c r="CQ7" s="281">
        <v>22</v>
      </c>
      <c r="CR7" s="281">
        <v>19</v>
      </c>
      <c r="CS7" s="281">
        <v>20</v>
      </c>
      <c r="CT7" s="281">
        <v>18</v>
      </c>
      <c r="CU7" s="278">
        <v>87</v>
      </c>
      <c r="CV7" s="283">
        <v>91</v>
      </c>
      <c r="CW7" s="277">
        <v>0</v>
      </c>
      <c r="CX7" s="281">
        <v>0</v>
      </c>
      <c r="CY7" s="278">
        <v>0</v>
      </c>
      <c r="CZ7" s="280">
        <v>0</v>
      </c>
      <c r="DA7" s="281">
        <v>0</v>
      </c>
      <c r="DB7" s="281">
        <v>0</v>
      </c>
      <c r="DC7" s="281">
        <v>0</v>
      </c>
      <c r="DD7" s="281">
        <v>0</v>
      </c>
      <c r="DE7" s="281">
        <v>0</v>
      </c>
      <c r="DF7" s="278">
        <v>0</v>
      </c>
      <c r="DG7" s="283">
        <v>0</v>
      </c>
      <c r="DH7" s="277">
        <v>0</v>
      </c>
      <c r="DI7" s="281">
        <v>0</v>
      </c>
      <c r="DJ7" s="278">
        <v>0</v>
      </c>
      <c r="DK7" s="280">
        <v>0</v>
      </c>
      <c r="DL7" s="281">
        <v>0</v>
      </c>
      <c r="DM7" s="281">
        <v>0</v>
      </c>
      <c r="DN7" s="281">
        <v>0</v>
      </c>
      <c r="DO7" s="281">
        <v>0</v>
      </c>
      <c r="DP7" s="281">
        <v>0</v>
      </c>
      <c r="DQ7" s="278">
        <v>0</v>
      </c>
      <c r="DR7" s="283">
        <v>0</v>
      </c>
      <c r="DS7" s="277">
        <v>210</v>
      </c>
      <c r="DT7" s="281">
        <v>514</v>
      </c>
      <c r="DU7" s="278">
        <v>724</v>
      </c>
      <c r="DV7" s="280">
        <v>0</v>
      </c>
      <c r="DW7" s="281">
        <v>489</v>
      </c>
      <c r="DX7" s="281">
        <v>1269</v>
      </c>
      <c r="DY7" s="281">
        <v>643</v>
      </c>
      <c r="DZ7" s="281">
        <v>516</v>
      </c>
      <c r="EA7" s="281">
        <v>324</v>
      </c>
      <c r="EB7" s="278">
        <v>3241</v>
      </c>
      <c r="EC7" s="283">
        <v>3965</v>
      </c>
      <c r="ED7" s="277">
        <v>96</v>
      </c>
      <c r="EE7" s="281">
        <v>79</v>
      </c>
      <c r="EF7" s="278">
        <v>175</v>
      </c>
      <c r="EG7" s="280">
        <v>0</v>
      </c>
      <c r="EH7" s="281">
        <v>260</v>
      </c>
      <c r="EI7" s="281">
        <v>325</v>
      </c>
      <c r="EJ7" s="281">
        <v>265</v>
      </c>
      <c r="EK7" s="281">
        <v>249</v>
      </c>
      <c r="EL7" s="281">
        <v>169</v>
      </c>
      <c r="EM7" s="278">
        <v>1268</v>
      </c>
      <c r="EN7" s="283">
        <v>1443</v>
      </c>
      <c r="EO7" s="277">
        <v>338</v>
      </c>
      <c r="EP7" s="281">
        <v>705</v>
      </c>
      <c r="EQ7" s="278">
        <v>1043</v>
      </c>
      <c r="ER7" s="280">
        <v>0</v>
      </c>
      <c r="ES7" s="281">
        <v>1309</v>
      </c>
      <c r="ET7" s="281">
        <v>1849</v>
      </c>
      <c r="EU7" s="281">
        <v>776</v>
      </c>
      <c r="EV7" s="281">
        <v>573</v>
      </c>
      <c r="EW7" s="281">
        <v>360</v>
      </c>
      <c r="EX7" s="278">
        <v>4867</v>
      </c>
      <c r="EY7" s="283">
        <v>5910</v>
      </c>
    </row>
    <row r="8" spans="1:155" ht="19.5" customHeight="1" x14ac:dyDescent="0.2">
      <c r="A8" s="262" t="s">
        <v>6</v>
      </c>
      <c r="B8" s="277">
        <v>0</v>
      </c>
      <c r="C8" s="281">
        <v>0</v>
      </c>
      <c r="D8" s="385">
        <v>0</v>
      </c>
      <c r="E8" s="280">
        <v>0</v>
      </c>
      <c r="F8" s="281">
        <v>222</v>
      </c>
      <c r="G8" s="281">
        <v>171</v>
      </c>
      <c r="H8" s="281">
        <v>110</v>
      </c>
      <c r="I8" s="281">
        <v>107</v>
      </c>
      <c r="J8" s="281">
        <v>65</v>
      </c>
      <c r="K8" s="282">
        <v>675</v>
      </c>
      <c r="L8" s="283">
        <v>675</v>
      </c>
      <c r="M8" s="277">
        <v>0</v>
      </c>
      <c r="N8" s="281">
        <v>1</v>
      </c>
      <c r="O8" s="278">
        <v>1</v>
      </c>
      <c r="P8" s="280">
        <v>0</v>
      </c>
      <c r="Q8" s="281">
        <v>2</v>
      </c>
      <c r="R8" s="281">
        <v>4</v>
      </c>
      <c r="S8" s="281">
        <v>11</v>
      </c>
      <c r="T8" s="281">
        <v>29</v>
      </c>
      <c r="U8" s="281">
        <v>34</v>
      </c>
      <c r="V8" s="278">
        <v>80</v>
      </c>
      <c r="W8" s="283">
        <v>81</v>
      </c>
      <c r="X8" s="277">
        <v>28</v>
      </c>
      <c r="Y8" s="281">
        <v>60</v>
      </c>
      <c r="Z8" s="278">
        <v>88</v>
      </c>
      <c r="AA8" s="280">
        <v>0</v>
      </c>
      <c r="AB8" s="281">
        <v>185</v>
      </c>
      <c r="AC8" s="281">
        <v>163</v>
      </c>
      <c r="AD8" s="281">
        <v>110</v>
      </c>
      <c r="AE8" s="281">
        <v>92</v>
      </c>
      <c r="AF8" s="281">
        <v>72</v>
      </c>
      <c r="AG8" s="278">
        <v>622</v>
      </c>
      <c r="AH8" s="283">
        <v>710</v>
      </c>
      <c r="AI8" s="277">
        <v>2</v>
      </c>
      <c r="AJ8" s="281">
        <v>5</v>
      </c>
      <c r="AK8" s="278">
        <v>7</v>
      </c>
      <c r="AL8" s="280">
        <v>0</v>
      </c>
      <c r="AM8" s="281">
        <v>17</v>
      </c>
      <c r="AN8" s="281">
        <v>19</v>
      </c>
      <c r="AO8" s="281">
        <v>9</v>
      </c>
      <c r="AP8" s="281">
        <v>12</v>
      </c>
      <c r="AQ8" s="281">
        <v>6</v>
      </c>
      <c r="AR8" s="278">
        <v>63</v>
      </c>
      <c r="AS8" s="283">
        <v>70</v>
      </c>
      <c r="AT8" s="277">
        <v>52</v>
      </c>
      <c r="AU8" s="281">
        <v>56</v>
      </c>
      <c r="AV8" s="278">
        <v>108</v>
      </c>
      <c r="AW8" s="280">
        <v>0</v>
      </c>
      <c r="AX8" s="281">
        <v>236</v>
      </c>
      <c r="AY8" s="281">
        <v>269</v>
      </c>
      <c r="AZ8" s="281">
        <v>229</v>
      </c>
      <c r="BA8" s="281">
        <v>267</v>
      </c>
      <c r="BB8" s="281">
        <v>179</v>
      </c>
      <c r="BC8" s="282">
        <v>1180</v>
      </c>
      <c r="BD8" s="283">
        <v>1288</v>
      </c>
      <c r="BE8" s="277">
        <v>0</v>
      </c>
      <c r="BF8" s="281">
        <v>0</v>
      </c>
      <c r="BG8" s="278">
        <v>0</v>
      </c>
      <c r="BH8" s="280">
        <v>0</v>
      </c>
      <c r="BI8" s="281">
        <v>258</v>
      </c>
      <c r="BJ8" s="281">
        <v>159</v>
      </c>
      <c r="BK8" s="281">
        <v>86</v>
      </c>
      <c r="BL8" s="281">
        <v>60</v>
      </c>
      <c r="BM8" s="281">
        <v>24</v>
      </c>
      <c r="BN8" s="278">
        <v>587</v>
      </c>
      <c r="BO8" s="283">
        <v>587</v>
      </c>
      <c r="BP8" s="277">
        <v>5</v>
      </c>
      <c r="BQ8" s="281">
        <v>12</v>
      </c>
      <c r="BR8" s="278">
        <v>17</v>
      </c>
      <c r="BS8" s="280">
        <v>0</v>
      </c>
      <c r="BT8" s="281">
        <v>48</v>
      </c>
      <c r="BU8" s="281">
        <v>53</v>
      </c>
      <c r="BV8" s="281">
        <v>28</v>
      </c>
      <c r="BW8" s="281">
        <v>39</v>
      </c>
      <c r="BX8" s="281">
        <v>8</v>
      </c>
      <c r="BY8" s="278">
        <v>176</v>
      </c>
      <c r="BZ8" s="283">
        <v>193</v>
      </c>
      <c r="CA8" s="277">
        <v>0</v>
      </c>
      <c r="CB8" s="281">
        <v>2</v>
      </c>
      <c r="CC8" s="278">
        <v>2</v>
      </c>
      <c r="CD8" s="280">
        <v>0</v>
      </c>
      <c r="CE8" s="281">
        <v>14</v>
      </c>
      <c r="CF8" s="281">
        <v>20</v>
      </c>
      <c r="CG8" s="281">
        <v>28</v>
      </c>
      <c r="CH8" s="281">
        <v>23</v>
      </c>
      <c r="CI8" s="281">
        <v>16</v>
      </c>
      <c r="CJ8" s="278">
        <v>101</v>
      </c>
      <c r="CK8" s="283">
        <v>103</v>
      </c>
      <c r="CL8" s="277">
        <v>0</v>
      </c>
      <c r="CM8" s="281">
        <v>0</v>
      </c>
      <c r="CN8" s="278">
        <v>0</v>
      </c>
      <c r="CO8" s="280">
        <v>0</v>
      </c>
      <c r="CP8" s="281">
        <v>1</v>
      </c>
      <c r="CQ8" s="281">
        <v>7</v>
      </c>
      <c r="CR8" s="281">
        <v>5</v>
      </c>
      <c r="CS8" s="281">
        <v>6</v>
      </c>
      <c r="CT8" s="281">
        <v>3</v>
      </c>
      <c r="CU8" s="278">
        <v>22</v>
      </c>
      <c r="CV8" s="283">
        <v>22</v>
      </c>
      <c r="CW8" s="277">
        <v>0</v>
      </c>
      <c r="CX8" s="281">
        <v>0</v>
      </c>
      <c r="CY8" s="278">
        <v>0</v>
      </c>
      <c r="CZ8" s="280">
        <v>0</v>
      </c>
      <c r="DA8" s="281">
        <v>0</v>
      </c>
      <c r="DB8" s="281">
        <v>0</v>
      </c>
      <c r="DC8" s="281">
        <v>0</v>
      </c>
      <c r="DD8" s="281">
        <v>0</v>
      </c>
      <c r="DE8" s="281">
        <v>0</v>
      </c>
      <c r="DF8" s="278">
        <v>0</v>
      </c>
      <c r="DG8" s="283">
        <v>0</v>
      </c>
      <c r="DH8" s="277">
        <v>0</v>
      </c>
      <c r="DI8" s="281">
        <v>0</v>
      </c>
      <c r="DJ8" s="278">
        <v>0</v>
      </c>
      <c r="DK8" s="280">
        <v>0</v>
      </c>
      <c r="DL8" s="281">
        <v>0</v>
      </c>
      <c r="DM8" s="281">
        <v>0</v>
      </c>
      <c r="DN8" s="281">
        <v>0</v>
      </c>
      <c r="DO8" s="281">
        <v>0</v>
      </c>
      <c r="DP8" s="281">
        <v>0</v>
      </c>
      <c r="DQ8" s="278">
        <v>0</v>
      </c>
      <c r="DR8" s="283">
        <v>0</v>
      </c>
      <c r="DS8" s="277">
        <v>97</v>
      </c>
      <c r="DT8" s="281">
        <v>161</v>
      </c>
      <c r="DU8" s="278">
        <v>258</v>
      </c>
      <c r="DV8" s="280">
        <v>0</v>
      </c>
      <c r="DW8" s="281">
        <v>335</v>
      </c>
      <c r="DX8" s="281">
        <v>398</v>
      </c>
      <c r="DY8" s="281">
        <v>270</v>
      </c>
      <c r="DZ8" s="281">
        <v>225</v>
      </c>
      <c r="EA8" s="281">
        <v>127</v>
      </c>
      <c r="EB8" s="278">
        <v>1355</v>
      </c>
      <c r="EC8" s="283">
        <v>1613</v>
      </c>
      <c r="ED8" s="277">
        <v>33</v>
      </c>
      <c r="EE8" s="281">
        <v>22</v>
      </c>
      <c r="EF8" s="278">
        <v>55</v>
      </c>
      <c r="EG8" s="280">
        <v>0</v>
      </c>
      <c r="EH8" s="281">
        <v>95</v>
      </c>
      <c r="EI8" s="281">
        <v>89</v>
      </c>
      <c r="EJ8" s="281">
        <v>81</v>
      </c>
      <c r="EK8" s="281">
        <v>115</v>
      </c>
      <c r="EL8" s="281">
        <v>78</v>
      </c>
      <c r="EM8" s="278">
        <v>458</v>
      </c>
      <c r="EN8" s="283">
        <v>513</v>
      </c>
      <c r="EO8" s="277">
        <v>122</v>
      </c>
      <c r="EP8" s="281">
        <v>198</v>
      </c>
      <c r="EQ8" s="278">
        <v>320</v>
      </c>
      <c r="ER8" s="280">
        <v>0</v>
      </c>
      <c r="ES8" s="281">
        <v>708</v>
      </c>
      <c r="ET8" s="281">
        <v>544</v>
      </c>
      <c r="EU8" s="281">
        <v>307</v>
      </c>
      <c r="EV8" s="281">
        <v>246</v>
      </c>
      <c r="EW8" s="281">
        <v>131</v>
      </c>
      <c r="EX8" s="278">
        <v>1936</v>
      </c>
      <c r="EY8" s="283">
        <v>2256</v>
      </c>
    </row>
    <row r="9" spans="1:155" ht="19.5" customHeight="1" x14ac:dyDescent="0.2">
      <c r="A9" s="262" t="s">
        <v>14</v>
      </c>
      <c r="B9" s="277">
        <v>0</v>
      </c>
      <c r="C9" s="281">
        <v>0</v>
      </c>
      <c r="D9" s="385">
        <v>0</v>
      </c>
      <c r="E9" s="280">
        <v>0</v>
      </c>
      <c r="F9" s="281">
        <v>56</v>
      </c>
      <c r="G9" s="281">
        <v>52</v>
      </c>
      <c r="H9" s="281">
        <v>40</v>
      </c>
      <c r="I9" s="281">
        <v>32</v>
      </c>
      <c r="J9" s="281">
        <v>24</v>
      </c>
      <c r="K9" s="282">
        <v>204</v>
      </c>
      <c r="L9" s="283">
        <v>204</v>
      </c>
      <c r="M9" s="277">
        <v>0</v>
      </c>
      <c r="N9" s="281">
        <v>0</v>
      </c>
      <c r="O9" s="278">
        <v>0</v>
      </c>
      <c r="P9" s="280">
        <v>0</v>
      </c>
      <c r="Q9" s="281">
        <v>0</v>
      </c>
      <c r="R9" s="281">
        <v>2</v>
      </c>
      <c r="S9" s="281">
        <v>2</v>
      </c>
      <c r="T9" s="281">
        <v>13</v>
      </c>
      <c r="U9" s="281">
        <v>16</v>
      </c>
      <c r="V9" s="278">
        <v>33</v>
      </c>
      <c r="W9" s="283">
        <v>33</v>
      </c>
      <c r="X9" s="277">
        <v>5</v>
      </c>
      <c r="Y9" s="281">
        <v>23</v>
      </c>
      <c r="Z9" s="278">
        <v>28</v>
      </c>
      <c r="AA9" s="280">
        <v>0</v>
      </c>
      <c r="AB9" s="281">
        <v>33</v>
      </c>
      <c r="AC9" s="281">
        <v>58</v>
      </c>
      <c r="AD9" s="281">
        <v>34</v>
      </c>
      <c r="AE9" s="281">
        <v>38</v>
      </c>
      <c r="AF9" s="281">
        <v>29</v>
      </c>
      <c r="AG9" s="278">
        <v>192</v>
      </c>
      <c r="AH9" s="283">
        <v>220</v>
      </c>
      <c r="AI9" s="277">
        <v>0</v>
      </c>
      <c r="AJ9" s="281">
        <v>2</v>
      </c>
      <c r="AK9" s="278">
        <v>2</v>
      </c>
      <c r="AL9" s="280">
        <v>0</v>
      </c>
      <c r="AM9" s="281">
        <v>2</v>
      </c>
      <c r="AN9" s="281">
        <v>3</v>
      </c>
      <c r="AO9" s="281">
        <v>5</v>
      </c>
      <c r="AP9" s="281">
        <v>3</v>
      </c>
      <c r="AQ9" s="281">
        <v>1</v>
      </c>
      <c r="AR9" s="278">
        <v>14</v>
      </c>
      <c r="AS9" s="283">
        <v>16</v>
      </c>
      <c r="AT9" s="277">
        <v>13</v>
      </c>
      <c r="AU9" s="281">
        <v>26</v>
      </c>
      <c r="AV9" s="278">
        <v>39</v>
      </c>
      <c r="AW9" s="280">
        <v>0</v>
      </c>
      <c r="AX9" s="281">
        <v>74</v>
      </c>
      <c r="AY9" s="281">
        <v>75</v>
      </c>
      <c r="AZ9" s="281">
        <v>72</v>
      </c>
      <c r="BA9" s="281">
        <v>79</v>
      </c>
      <c r="BB9" s="281">
        <v>54</v>
      </c>
      <c r="BC9" s="282">
        <v>354</v>
      </c>
      <c r="BD9" s="283">
        <v>393</v>
      </c>
      <c r="BE9" s="277">
        <v>0</v>
      </c>
      <c r="BF9" s="281">
        <v>0</v>
      </c>
      <c r="BG9" s="278">
        <v>0</v>
      </c>
      <c r="BH9" s="280">
        <v>0</v>
      </c>
      <c r="BI9" s="281">
        <v>86</v>
      </c>
      <c r="BJ9" s="281">
        <v>66</v>
      </c>
      <c r="BK9" s="281">
        <v>50</v>
      </c>
      <c r="BL9" s="281">
        <v>29</v>
      </c>
      <c r="BM9" s="281">
        <v>17</v>
      </c>
      <c r="BN9" s="278">
        <v>248</v>
      </c>
      <c r="BO9" s="283">
        <v>248</v>
      </c>
      <c r="BP9" s="277">
        <v>1</v>
      </c>
      <c r="BQ9" s="281">
        <v>3</v>
      </c>
      <c r="BR9" s="278">
        <v>4</v>
      </c>
      <c r="BS9" s="280">
        <v>0</v>
      </c>
      <c r="BT9" s="281">
        <v>10</v>
      </c>
      <c r="BU9" s="281">
        <v>16</v>
      </c>
      <c r="BV9" s="281">
        <v>10</v>
      </c>
      <c r="BW9" s="281">
        <v>9</v>
      </c>
      <c r="BX9" s="281">
        <v>3</v>
      </c>
      <c r="BY9" s="278">
        <v>48</v>
      </c>
      <c r="BZ9" s="283">
        <v>52</v>
      </c>
      <c r="CA9" s="277">
        <v>0</v>
      </c>
      <c r="CB9" s="281">
        <v>0</v>
      </c>
      <c r="CC9" s="278">
        <v>0</v>
      </c>
      <c r="CD9" s="280">
        <v>0</v>
      </c>
      <c r="CE9" s="281">
        <v>7</v>
      </c>
      <c r="CF9" s="281">
        <v>11</v>
      </c>
      <c r="CG9" s="281">
        <v>12</v>
      </c>
      <c r="CH9" s="281">
        <v>19</v>
      </c>
      <c r="CI9" s="281">
        <v>8</v>
      </c>
      <c r="CJ9" s="278">
        <v>57</v>
      </c>
      <c r="CK9" s="283">
        <v>57</v>
      </c>
      <c r="CL9" s="277">
        <v>0</v>
      </c>
      <c r="CM9" s="281">
        <v>0</v>
      </c>
      <c r="CN9" s="278">
        <v>0</v>
      </c>
      <c r="CO9" s="280">
        <v>0</v>
      </c>
      <c r="CP9" s="281">
        <v>0</v>
      </c>
      <c r="CQ9" s="281">
        <v>0</v>
      </c>
      <c r="CR9" s="281">
        <v>1</v>
      </c>
      <c r="CS9" s="281">
        <v>0</v>
      </c>
      <c r="CT9" s="281">
        <v>1</v>
      </c>
      <c r="CU9" s="278">
        <v>2</v>
      </c>
      <c r="CV9" s="283">
        <v>2</v>
      </c>
      <c r="CW9" s="277">
        <v>0</v>
      </c>
      <c r="CX9" s="281">
        <v>0</v>
      </c>
      <c r="CY9" s="278">
        <v>0</v>
      </c>
      <c r="CZ9" s="280">
        <v>0</v>
      </c>
      <c r="DA9" s="281">
        <v>0</v>
      </c>
      <c r="DB9" s="281">
        <v>0</v>
      </c>
      <c r="DC9" s="281">
        <v>0</v>
      </c>
      <c r="DD9" s="281">
        <v>0</v>
      </c>
      <c r="DE9" s="281">
        <v>0</v>
      </c>
      <c r="DF9" s="278">
        <v>0</v>
      </c>
      <c r="DG9" s="283">
        <v>0</v>
      </c>
      <c r="DH9" s="277">
        <v>0</v>
      </c>
      <c r="DI9" s="281">
        <v>0</v>
      </c>
      <c r="DJ9" s="278">
        <v>0</v>
      </c>
      <c r="DK9" s="280">
        <v>0</v>
      </c>
      <c r="DL9" s="281">
        <v>0</v>
      </c>
      <c r="DM9" s="281">
        <v>0</v>
      </c>
      <c r="DN9" s="281">
        <v>0</v>
      </c>
      <c r="DO9" s="281">
        <v>0</v>
      </c>
      <c r="DP9" s="281">
        <v>0</v>
      </c>
      <c r="DQ9" s="278">
        <v>0</v>
      </c>
      <c r="DR9" s="283">
        <v>0</v>
      </c>
      <c r="DS9" s="277">
        <v>29</v>
      </c>
      <c r="DT9" s="281">
        <v>78</v>
      </c>
      <c r="DU9" s="278">
        <v>107</v>
      </c>
      <c r="DV9" s="280">
        <v>0</v>
      </c>
      <c r="DW9" s="281">
        <v>78</v>
      </c>
      <c r="DX9" s="281">
        <v>139</v>
      </c>
      <c r="DY9" s="281">
        <v>107</v>
      </c>
      <c r="DZ9" s="281">
        <v>88</v>
      </c>
      <c r="EA9" s="281">
        <v>52</v>
      </c>
      <c r="EB9" s="278">
        <v>464</v>
      </c>
      <c r="EC9" s="283">
        <v>571</v>
      </c>
      <c r="ED9" s="277">
        <v>11</v>
      </c>
      <c r="EE9" s="281">
        <v>18</v>
      </c>
      <c r="EF9" s="278">
        <v>29</v>
      </c>
      <c r="EG9" s="280">
        <v>0</v>
      </c>
      <c r="EH9" s="281">
        <v>25</v>
      </c>
      <c r="EI9" s="281">
        <v>32</v>
      </c>
      <c r="EJ9" s="281">
        <v>33</v>
      </c>
      <c r="EK9" s="281">
        <v>33</v>
      </c>
      <c r="EL9" s="281">
        <v>12</v>
      </c>
      <c r="EM9" s="278">
        <v>135</v>
      </c>
      <c r="EN9" s="283">
        <v>164</v>
      </c>
      <c r="EO9" s="277">
        <v>35</v>
      </c>
      <c r="EP9" s="281">
        <v>91</v>
      </c>
      <c r="EQ9" s="278">
        <v>126</v>
      </c>
      <c r="ER9" s="280">
        <v>0</v>
      </c>
      <c r="ES9" s="281">
        <v>188</v>
      </c>
      <c r="ET9" s="281">
        <v>199</v>
      </c>
      <c r="EU9" s="281">
        <v>126</v>
      </c>
      <c r="EV9" s="281">
        <v>93</v>
      </c>
      <c r="EW9" s="281">
        <v>56</v>
      </c>
      <c r="EX9" s="278">
        <v>662</v>
      </c>
      <c r="EY9" s="283">
        <v>788</v>
      </c>
    </row>
    <row r="10" spans="1:155" ht="19.5" customHeight="1" x14ac:dyDescent="0.2">
      <c r="A10" s="262" t="s">
        <v>7</v>
      </c>
      <c r="B10" s="277">
        <v>0</v>
      </c>
      <c r="C10" s="281">
        <v>0</v>
      </c>
      <c r="D10" s="385">
        <v>0</v>
      </c>
      <c r="E10" s="280">
        <v>0</v>
      </c>
      <c r="F10" s="281">
        <v>57</v>
      </c>
      <c r="G10" s="281">
        <v>41</v>
      </c>
      <c r="H10" s="281">
        <v>22</v>
      </c>
      <c r="I10" s="281">
        <v>10</v>
      </c>
      <c r="J10" s="281">
        <v>13</v>
      </c>
      <c r="K10" s="282">
        <v>143</v>
      </c>
      <c r="L10" s="283">
        <v>143</v>
      </c>
      <c r="M10" s="277">
        <v>0</v>
      </c>
      <c r="N10" s="281">
        <v>0</v>
      </c>
      <c r="O10" s="278">
        <v>0</v>
      </c>
      <c r="P10" s="280">
        <v>0</v>
      </c>
      <c r="Q10" s="281">
        <v>3</v>
      </c>
      <c r="R10" s="281">
        <v>3</v>
      </c>
      <c r="S10" s="281">
        <v>1</v>
      </c>
      <c r="T10" s="281">
        <v>2</v>
      </c>
      <c r="U10" s="281">
        <v>6</v>
      </c>
      <c r="V10" s="278">
        <v>15</v>
      </c>
      <c r="W10" s="283">
        <v>15</v>
      </c>
      <c r="X10" s="277">
        <v>0</v>
      </c>
      <c r="Y10" s="281">
        <v>3</v>
      </c>
      <c r="Z10" s="278">
        <v>3</v>
      </c>
      <c r="AA10" s="280">
        <v>0</v>
      </c>
      <c r="AB10" s="281">
        <v>28</v>
      </c>
      <c r="AC10" s="281">
        <v>31</v>
      </c>
      <c r="AD10" s="281">
        <v>14</v>
      </c>
      <c r="AE10" s="281">
        <v>11</v>
      </c>
      <c r="AF10" s="281">
        <v>14</v>
      </c>
      <c r="AG10" s="278">
        <v>98</v>
      </c>
      <c r="AH10" s="283">
        <v>101</v>
      </c>
      <c r="AI10" s="277">
        <v>0</v>
      </c>
      <c r="AJ10" s="281">
        <v>0</v>
      </c>
      <c r="AK10" s="278">
        <v>0</v>
      </c>
      <c r="AL10" s="280">
        <v>0</v>
      </c>
      <c r="AM10" s="281">
        <v>3</v>
      </c>
      <c r="AN10" s="281">
        <v>4</v>
      </c>
      <c r="AO10" s="281">
        <v>1</v>
      </c>
      <c r="AP10" s="281">
        <v>1</v>
      </c>
      <c r="AQ10" s="281">
        <v>0</v>
      </c>
      <c r="AR10" s="278">
        <v>9</v>
      </c>
      <c r="AS10" s="283">
        <v>9</v>
      </c>
      <c r="AT10" s="277">
        <v>13</v>
      </c>
      <c r="AU10" s="281">
        <v>5</v>
      </c>
      <c r="AV10" s="278">
        <v>18</v>
      </c>
      <c r="AW10" s="280">
        <v>0</v>
      </c>
      <c r="AX10" s="281">
        <v>54</v>
      </c>
      <c r="AY10" s="281">
        <v>51</v>
      </c>
      <c r="AZ10" s="281">
        <v>30</v>
      </c>
      <c r="BA10" s="281">
        <v>31</v>
      </c>
      <c r="BB10" s="281">
        <v>25</v>
      </c>
      <c r="BC10" s="282">
        <v>191</v>
      </c>
      <c r="BD10" s="283">
        <v>209</v>
      </c>
      <c r="BE10" s="277">
        <v>0</v>
      </c>
      <c r="BF10" s="281">
        <v>0</v>
      </c>
      <c r="BG10" s="278">
        <v>0</v>
      </c>
      <c r="BH10" s="280">
        <v>0</v>
      </c>
      <c r="BI10" s="281">
        <v>62</v>
      </c>
      <c r="BJ10" s="281">
        <v>40</v>
      </c>
      <c r="BK10" s="281">
        <v>11</v>
      </c>
      <c r="BL10" s="281">
        <v>6</v>
      </c>
      <c r="BM10" s="281">
        <v>6</v>
      </c>
      <c r="BN10" s="278">
        <v>125</v>
      </c>
      <c r="BO10" s="283">
        <v>125</v>
      </c>
      <c r="BP10" s="277">
        <v>2</v>
      </c>
      <c r="BQ10" s="281">
        <v>3</v>
      </c>
      <c r="BR10" s="278">
        <v>5</v>
      </c>
      <c r="BS10" s="280">
        <v>0</v>
      </c>
      <c r="BT10" s="281">
        <v>18</v>
      </c>
      <c r="BU10" s="281">
        <v>13</v>
      </c>
      <c r="BV10" s="281">
        <v>9</v>
      </c>
      <c r="BW10" s="281">
        <v>2</v>
      </c>
      <c r="BX10" s="281">
        <v>2</v>
      </c>
      <c r="BY10" s="278">
        <v>44</v>
      </c>
      <c r="BZ10" s="283">
        <v>49</v>
      </c>
      <c r="CA10" s="277">
        <v>0</v>
      </c>
      <c r="CB10" s="281">
        <v>0</v>
      </c>
      <c r="CC10" s="278">
        <v>0</v>
      </c>
      <c r="CD10" s="280">
        <v>0</v>
      </c>
      <c r="CE10" s="281">
        <v>5</v>
      </c>
      <c r="CF10" s="281">
        <v>5</v>
      </c>
      <c r="CG10" s="281">
        <v>9</v>
      </c>
      <c r="CH10" s="281">
        <v>6</v>
      </c>
      <c r="CI10" s="281">
        <v>2</v>
      </c>
      <c r="CJ10" s="278">
        <v>27</v>
      </c>
      <c r="CK10" s="283">
        <v>27</v>
      </c>
      <c r="CL10" s="277">
        <v>0</v>
      </c>
      <c r="CM10" s="281">
        <v>0</v>
      </c>
      <c r="CN10" s="278">
        <v>0</v>
      </c>
      <c r="CO10" s="280">
        <v>0</v>
      </c>
      <c r="CP10" s="281">
        <v>0</v>
      </c>
      <c r="CQ10" s="281">
        <v>0</v>
      </c>
      <c r="CR10" s="281">
        <v>1</v>
      </c>
      <c r="CS10" s="281">
        <v>0</v>
      </c>
      <c r="CT10" s="281">
        <v>1</v>
      </c>
      <c r="CU10" s="278">
        <v>2</v>
      </c>
      <c r="CV10" s="283">
        <v>2</v>
      </c>
      <c r="CW10" s="277">
        <v>0</v>
      </c>
      <c r="CX10" s="281">
        <v>0</v>
      </c>
      <c r="CY10" s="278">
        <v>0</v>
      </c>
      <c r="CZ10" s="280">
        <v>0</v>
      </c>
      <c r="DA10" s="281">
        <v>0</v>
      </c>
      <c r="DB10" s="281">
        <v>0</v>
      </c>
      <c r="DC10" s="281">
        <v>0</v>
      </c>
      <c r="DD10" s="281">
        <v>0</v>
      </c>
      <c r="DE10" s="281">
        <v>0</v>
      </c>
      <c r="DF10" s="278">
        <v>0</v>
      </c>
      <c r="DG10" s="283">
        <v>0</v>
      </c>
      <c r="DH10" s="277">
        <v>0</v>
      </c>
      <c r="DI10" s="281">
        <v>0</v>
      </c>
      <c r="DJ10" s="278">
        <v>0</v>
      </c>
      <c r="DK10" s="280">
        <v>0</v>
      </c>
      <c r="DL10" s="281">
        <v>0</v>
      </c>
      <c r="DM10" s="281">
        <v>0</v>
      </c>
      <c r="DN10" s="281">
        <v>0</v>
      </c>
      <c r="DO10" s="281">
        <v>0</v>
      </c>
      <c r="DP10" s="281">
        <v>0</v>
      </c>
      <c r="DQ10" s="278">
        <v>0</v>
      </c>
      <c r="DR10" s="283">
        <v>0</v>
      </c>
      <c r="DS10" s="277">
        <v>16</v>
      </c>
      <c r="DT10" s="281">
        <v>20</v>
      </c>
      <c r="DU10" s="278">
        <v>36</v>
      </c>
      <c r="DV10" s="280">
        <v>0</v>
      </c>
      <c r="DW10" s="281">
        <v>80</v>
      </c>
      <c r="DX10" s="281">
        <v>100</v>
      </c>
      <c r="DY10" s="281">
        <v>46</v>
      </c>
      <c r="DZ10" s="281">
        <v>27</v>
      </c>
      <c r="EA10" s="281">
        <v>24</v>
      </c>
      <c r="EB10" s="278">
        <v>277</v>
      </c>
      <c r="EC10" s="283">
        <v>313</v>
      </c>
      <c r="ED10" s="277">
        <v>10</v>
      </c>
      <c r="EE10" s="281">
        <v>5</v>
      </c>
      <c r="EF10" s="278">
        <v>15</v>
      </c>
      <c r="EG10" s="280">
        <v>0</v>
      </c>
      <c r="EH10" s="281">
        <v>25</v>
      </c>
      <c r="EI10" s="281">
        <v>27</v>
      </c>
      <c r="EJ10" s="281">
        <v>18</v>
      </c>
      <c r="EK10" s="281">
        <v>20</v>
      </c>
      <c r="EL10" s="281">
        <v>9</v>
      </c>
      <c r="EM10" s="278">
        <v>99</v>
      </c>
      <c r="EN10" s="283">
        <v>114</v>
      </c>
      <c r="EO10" s="277">
        <v>17</v>
      </c>
      <c r="EP10" s="281">
        <v>23</v>
      </c>
      <c r="EQ10" s="278">
        <v>40</v>
      </c>
      <c r="ER10" s="280">
        <v>0</v>
      </c>
      <c r="ES10" s="281">
        <v>161</v>
      </c>
      <c r="ET10" s="281">
        <v>132</v>
      </c>
      <c r="EU10" s="281">
        <v>61</v>
      </c>
      <c r="EV10" s="281">
        <v>29</v>
      </c>
      <c r="EW10" s="281">
        <v>23</v>
      </c>
      <c r="EX10" s="278">
        <v>406</v>
      </c>
      <c r="EY10" s="283">
        <v>446</v>
      </c>
    </row>
    <row r="11" spans="1:155" ht="19.5" customHeight="1" x14ac:dyDescent="0.2">
      <c r="A11" s="262" t="s">
        <v>8</v>
      </c>
      <c r="B11" s="277">
        <v>0</v>
      </c>
      <c r="C11" s="281">
        <v>0</v>
      </c>
      <c r="D11" s="385">
        <v>0</v>
      </c>
      <c r="E11" s="280">
        <v>0</v>
      </c>
      <c r="F11" s="281">
        <v>21</v>
      </c>
      <c r="G11" s="281">
        <v>26</v>
      </c>
      <c r="H11" s="281">
        <v>9</v>
      </c>
      <c r="I11" s="281">
        <v>11</v>
      </c>
      <c r="J11" s="281">
        <v>6</v>
      </c>
      <c r="K11" s="282">
        <v>73</v>
      </c>
      <c r="L11" s="283">
        <v>73</v>
      </c>
      <c r="M11" s="277">
        <v>0</v>
      </c>
      <c r="N11" s="281">
        <v>0</v>
      </c>
      <c r="O11" s="278">
        <v>0</v>
      </c>
      <c r="P11" s="280">
        <v>0</v>
      </c>
      <c r="Q11" s="281">
        <v>0</v>
      </c>
      <c r="R11" s="281">
        <v>0</v>
      </c>
      <c r="S11" s="281">
        <v>0</v>
      </c>
      <c r="T11" s="281">
        <v>5</v>
      </c>
      <c r="U11" s="281">
        <v>2</v>
      </c>
      <c r="V11" s="278">
        <v>7</v>
      </c>
      <c r="W11" s="283">
        <v>7</v>
      </c>
      <c r="X11" s="277">
        <v>2</v>
      </c>
      <c r="Y11" s="281">
        <v>2</v>
      </c>
      <c r="Z11" s="278">
        <v>4</v>
      </c>
      <c r="AA11" s="280">
        <v>0</v>
      </c>
      <c r="AB11" s="281">
        <v>13</v>
      </c>
      <c r="AC11" s="281">
        <v>11</v>
      </c>
      <c r="AD11" s="281">
        <v>6</v>
      </c>
      <c r="AE11" s="281">
        <v>12</v>
      </c>
      <c r="AF11" s="281">
        <v>2</v>
      </c>
      <c r="AG11" s="278">
        <v>44</v>
      </c>
      <c r="AH11" s="283">
        <v>48</v>
      </c>
      <c r="AI11" s="277">
        <v>0</v>
      </c>
      <c r="AJ11" s="281">
        <v>2</v>
      </c>
      <c r="AK11" s="278">
        <v>2</v>
      </c>
      <c r="AL11" s="280">
        <v>0</v>
      </c>
      <c r="AM11" s="281">
        <v>1</v>
      </c>
      <c r="AN11" s="281">
        <v>4</v>
      </c>
      <c r="AO11" s="281">
        <v>6</v>
      </c>
      <c r="AP11" s="281">
        <v>3</v>
      </c>
      <c r="AQ11" s="281">
        <v>2</v>
      </c>
      <c r="AR11" s="278">
        <v>16</v>
      </c>
      <c r="AS11" s="283">
        <v>18</v>
      </c>
      <c r="AT11" s="277">
        <v>5</v>
      </c>
      <c r="AU11" s="281">
        <v>2</v>
      </c>
      <c r="AV11" s="278">
        <v>7</v>
      </c>
      <c r="AW11" s="280">
        <v>0</v>
      </c>
      <c r="AX11" s="281">
        <v>11</v>
      </c>
      <c r="AY11" s="281">
        <v>23</v>
      </c>
      <c r="AZ11" s="281">
        <v>18</v>
      </c>
      <c r="BA11" s="281">
        <v>29</v>
      </c>
      <c r="BB11" s="281">
        <v>14</v>
      </c>
      <c r="BC11" s="282">
        <v>95</v>
      </c>
      <c r="BD11" s="283">
        <v>102</v>
      </c>
      <c r="BE11" s="277">
        <v>0</v>
      </c>
      <c r="BF11" s="281">
        <v>0</v>
      </c>
      <c r="BG11" s="278">
        <v>0</v>
      </c>
      <c r="BH11" s="280">
        <v>0</v>
      </c>
      <c r="BI11" s="281">
        <v>24</v>
      </c>
      <c r="BJ11" s="281">
        <v>28</v>
      </c>
      <c r="BK11" s="281">
        <v>5</v>
      </c>
      <c r="BL11" s="281">
        <v>9</v>
      </c>
      <c r="BM11" s="281">
        <v>2</v>
      </c>
      <c r="BN11" s="278">
        <v>68</v>
      </c>
      <c r="BO11" s="283">
        <v>68</v>
      </c>
      <c r="BP11" s="277">
        <v>2</v>
      </c>
      <c r="BQ11" s="281">
        <v>4</v>
      </c>
      <c r="BR11" s="278">
        <v>6</v>
      </c>
      <c r="BS11" s="280">
        <v>0</v>
      </c>
      <c r="BT11" s="281">
        <v>15</v>
      </c>
      <c r="BU11" s="281">
        <v>9</v>
      </c>
      <c r="BV11" s="281">
        <v>4</v>
      </c>
      <c r="BW11" s="281">
        <v>6</v>
      </c>
      <c r="BX11" s="281">
        <v>1</v>
      </c>
      <c r="BY11" s="278">
        <v>35</v>
      </c>
      <c r="BZ11" s="283">
        <v>41</v>
      </c>
      <c r="CA11" s="277">
        <v>0</v>
      </c>
      <c r="CB11" s="281">
        <v>0</v>
      </c>
      <c r="CC11" s="278">
        <v>0</v>
      </c>
      <c r="CD11" s="280">
        <v>0</v>
      </c>
      <c r="CE11" s="281">
        <v>4</v>
      </c>
      <c r="CF11" s="281">
        <v>6</v>
      </c>
      <c r="CG11" s="281">
        <v>2</v>
      </c>
      <c r="CH11" s="281">
        <v>4</v>
      </c>
      <c r="CI11" s="281">
        <v>2</v>
      </c>
      <c r="CJ11" s="278">
        <v>18</v>
      </c>
      <c r="CK11" s="283">
        <v>18</v>
      </c>
      <c r="CL11" s="277">
        <v>0</v>
      </c>
      <c r="CM11" s="281">
        <v>0</v>
      </c>
      <c r="CN11" s="278">
        <v>0</v>
      </c>
      <c r="CO11" s="280">
        <v>0</v>
      </c>
      <c r="CP11" s="281">
        <v>0</v>
      </c>
      <c r="CQ11" s="281">
        <v>0</v>
      </c>
      <c r="CR11" s="281">
        <v>0</v>
      </c>
      <c r="CS11" s="281">
        <v>0</v>
      </c>
      <c r="CT11" s="281">
        <v>0</v>
      </c>
      <c r="CU11" s="278">
        <v>0</v>
      </c>
      <c r="CV11" s="283">
        <v>0</v>
      </c>
      <c r="CW11" s="277">
        <v>0</v>
      </c>
      <c r="CX11" s="281">
        <v>0</v>
      </c>
      <c r="CY11" s="278">
        <v>0</v>
      </c>
      <c r="CZ11" s="280">
        <v>0</v>
      </c>
      <c r="DA11" s="281">
        <v>0</v>
      </c>
      <c r="DB11" s="281">
        <v>0</v>
      </c>
      <c r="DC11" s="281">
        <v>0</v>
      </c>
      <c r="DD11" s="281">
        <v>0</v>
      </c>
      <c r="DE11" s="281">
        <v>0</v>
      </c>
      <c r="DF11" s="278">
        <v>0</v>
      </c>
      <c r="DG11" s="283">
        <v>0</v>
      </c>
      <c r="DH11" s="277">
        <v>0</v>
      </c>
      <c r="DI11" s="281">
        <v>0</v>
      </c>
      <c r="DJ11" s="278">
        <v>0</v>
      </c>
      <c r="DK11" s="280">
        <v>0</v>
      </c>
      <c r="DL11" s="281">
        <v>0</v>
      </c>
      <c r="DM11" s="281">
        <v>0</v>
      </c>
      <c r="DN11" s="281">
        <v>0</v>
      </c>
      <c r="DO11" s="281">
        <v>0</v>
      </c>
      <c r="DP11" s="281">
        <v>0</v>
      </c>
      <c r="DQ11" s="278">
        <v>0</v>
      </c>
      <c r="DR11" s="283">
        <v>0</v>
      </c>
      <c r="DS11" s="277">
        <v>10</v>
      </c>
      <c r="DT11" s="281">
        <v>16</v>
      </c>
      <c r="DU11" s="278">
        <v>26</v>
      </c>
      <c r="DV11" s="280">
        <v>0</v>
      </c>
      <c r="DW11" s="281">
        <v>45</v>
      </c>
      <c r="DX11" s="281">
        <v>61</v>
      </c>
      <c r="DY11" s="281">
        <v>23</v>
      </c>
      <c r="DZ11" s="281">
        <v>28</v>
      </c>
      <c r="EA11" s="281">
        <v>10</v>
      </c>
      <c r="EB11" s="278">
        <v>167</v>
      </c>
      <c r="EC11" s="283">
        <v>193</v>
      </c>
      <c r="ED11" s="277">
        <v>6</v>
      </c>
      <c r="EE11" s="281">
        <v>0</v>
      </c>
      <c r="EF11" s="278">
        <v>6</v>
      </c>
      <c r="EG11" s="280">
        <v>0</v>
      </c>
      <c r="EH11" s="281">
        <v>9</v>
      </c>
      <c r="EI11" s="281">
        <v>13</v>
      </c>
      <c r="EJ11" s="281">
        <v>10</v>
      </c>
      <c r="EK11" s="281">
        <v>6</v>
      </c>
      <c r="EL11" s="281">
        <v>9</v>
      </c>
      <c r="EM11" s="278">
        <v>47</v>
      </c>
      <c r="EN11" s="283">
        <v>53</v>
      </c>
      <c r="EO11" s="277">
        <v>13</v>
      </c>
      <c r="EP11" s="281">
        <v>20</v>
      </c>
      <c r="EQ11" s="278">
        <v>33</v>
      </c>
      <c r="ER11" s="280">
        <v>0</v>
      </c>
      <c r="ES11" s="281">
        <v>93</v>
      </c>
      <c r="ET11" s="281">
        <v>87</v>
      </c>
      <c r="EU11" s="281">
        <v>27</v>
      </c>
      <c r="EV11" s="281">
        <v>31</v>
      </c>
      <c r="EW11" s="281">
        <v>9</v>
      </c>
      <c r="EX11" s="278">
        <v>247</v>
      </c>
      <c r="EY11" s="283">
        <v>280</v>
      </c>
    </row>
    <row r="12" spans="1:155" ht="19.5" customHeight="1" x14ac:dyDescent="0.2">
      <c r="A12" s="262" t="s">
        <v>9</v>
      </c>
      <c r="B12" s="277">
        <v>0</v>
      </c>
      <c r="C12" s="281">
        <v>0</v>
      </c>
      <c r="D12" s="385">
        <v>0</v>
      </c>
      <c r="E12" s="280">
        <v>0</v>
      </c>
      <c r="F12" s="281">
        <v>72</v>
      </c>
      <c r="G12" s="281">
        <v>43</v>
      </c>
      <c r="H12" s="281">
        <v>37</v>
      </c>
      <c r="I12" s="281">
        <v>39</v>
      </c>
      <c r="J12" s="281">
        <v>31</v>
      </c>
      <c r="K12" s="282">
        <v>222</v>
      </c>
      <c r="L12" s="283">
        <v>222</v>
      </c>
      <c r="M12" s="277">
        <v>0</v>
      </c>
      <c r="N12" s="281">
        <v>0</v>
      </c>
      <c r="O12" s="278">
        <v>0</v>
      </c>
      <c r="P12" s="280">
        <v>0</v>
      </c>
      <c r="Q12" s="281">
        <v>2</v>
      </c>
      <c r="R12" s="281">
        <v>2</v>
      </c>
      <c r="S12" s="281">
        <v>3</v>
      </c>
      <c r="T12" s="281">
        <v>5</v>
      </c>
      <c r="U12" s="281">
        <v>16</v>
      </c>
      <c r="V12" s="278">
        <v>28</v>
      </c>
      <c r="W12" s="283">
        <v>28</v>
      </c>
      <c r="X12" s="277">
        <v>3</v>
      </c>
      <c r="Y12" s="281">
        <v>10</v>
      </c>
      <c r="Z12" s="278">
        <v>13</v>
      </c>
      <c r="AA12" s="280">
        <v>0</v>
      </c>
      <c r="AB12" s="281">
        <v>49</v>
      </c>
      <c r="AC12" s="281">
        <v>27</v>
      </c>
      <c r="AD12" s="281">
        <v>27</v>
      </c>
      <c r="AE12" s="281">
        <v>29</v>
      </c>
      <c r="AF12" s="281">
        <v>18</v>
      </c>
      <c r="AG12" s="278">
        <v>150</v>
      </c>
      <c r="AH12" s="283">
        <v>163</v>
      </c>
      <c r="AI12" s="277">
        <v>1</v>
      </c>
      <c r="AJ12" s="281">
        <v>1</v>
      </c>
      <c r="AK12" s="278">
        <v>2</v>
      </c>
      <c r="AL12" s="280">
        <v>0</v>
      </c>
      <c r="AM12" s="281">
        <v>11</v>
      </c>
      <c r="AN12" s="281">
        <v>10</v>
      </c>
      <c r="AO12" s="281">
        <v>7</v>
      </c>
      <c r="AP12" s="281">
        <v>8</v>
      </c>
      <c r="AQ12" s="281">
        <v>4</v>
      </c>
      <c r="AR12" s="278">
        <v>40</v>
      </c>
      <c r="AS12" s="283">
        <v>42</v>
      </c>
      <c r="AT12" s="277">
        <v>16</v>
      </c>
      <c r="AU12" s="281">
        <v>7</v>
      </c>
      <c r="AV12" s="278">
        <v>23</v>
      </c>
      <c r="AW12" s="280">
        <v>0</v>
      </c>
      <c r="AX12" s="281">
        <v>49</v>
      </c>
      <c r="AY12" s="281">
        <v>63</v>
      </c>
      <c r="AZ12" s="281">
        <v>62</v>
      </c>
      <c r="BA12" s="281">
        <v>70</v>
      </c>
      <c r="BB12" s="281">
        <v>48</v>
      </c>
      <c r="BC12" s="282">
        <v>292</v>
      </c>
      <c r="BD12" s="283">
        <v>315</v>
      </c>
      <c r="BE12" s="277">
        <v>0</v>
      </c>
      <c r="BF12" s="281">
        <v>0</v>
      </c>
      <c r="BG12" s="278">
        <v>0</v>
      </c>
      <c r="BH12" s="280">
        <v>0</v>
      </c>
      <c r="BI12" s="281">
        <v>52</v>
      </c>
      <c r="BJ12" s="281">
        <v>39</v>
      </c>
      <c r="BK12" s="281">
        <v>21</v>
      </c>
      <c r="BL12" s="281">
        <v>8</v>
      </c>
      <c r="BM12" s="281">
        <v>5</v>
      </c>
      <c r="BN12" s="278">
        <v>125</v>
      </c>
      <c r="BO12" s="283">
        <v>125</v>
      </c>
      <c r="BP12" s="277">
        <v>4</v>
      </c>
      <c r="BQ12" s="281">
        <v>7</v>
      </c>
      <c r="BR12" s="278">
        <v>11</v>
      </c>
      <c r="BS12" s="280">
        <v>0</v>
      </c>
      <c r="BT12" s="281">
        <v>11</v>
      </c>
      <c r="BU12" s="281">
        <v>12</v>
      </c>
      <c r="BV12" s="281">
        <v>4</v>
      </c>
      <c r="BW12" s="281">
        <v>8</v>
      </c>
      <c r="BX12" s="281">
        <v>1</v>
      </c>
      <c r="BY12" s="278">
        <v>36</v>
      </c>
      <c r="BZ12" s="283">
        <v>47</v>
      </c>
      <c r="CA12" s="277">
        <v>1</v>
      </c>
      <c r="CB12" s="281">
        <v>0</v>
      </c>
      <c r="CC12" s="278">
        <v>1</v>
      </c>
      <c r="CD12" s="280">
        <v>0</v>
      </c>
      <c r="CE12" s="281">
        <v>5</v>
      </c>
      <c r="CF12" s="281">
        <v>7</v>
      </c>
      <c r="CG12" s="281">
        <v>6</v>
      </c>
      <c r="CH12" s="281">
        <v>8</v>
      </c>
      <c r="CI12" s="281">
        <v>9</v>
      </c>
      <c r="CJ12" s="278">
        <v>35</v>
      </c>
      <c r="CK12" s="283">
        <v>36</v>
      </c>
      <c r="CL12" s="277">
        <v>1</v>
      </c>
      <c r="CM12" s="281">
        <v>0</v>
      </c>
      <c r="CN12" s="278">
        <v>1</v>
      </c>
      <c r="CO12" s="280">
        <v>0</v>
      </c>
      <c r="CP12" s="281">
        <v>0</v>
      </c>
      <c r="CQ12" s="281">
        <v>1</v>
      </c>
      <c r="CR12" s="281">
        <v>2</v>
      </c>
      <c r="CS12" s="281">
        <v>1</v>
      </c>
      <c r="CT12" s="281">
        <v>1</v>
      </c>
      <c r="CU12" s="278">
        <v>5</v>
      </c>
      <c r="CV12" s="283">
        <v>6</v>
      </c>
      <c r="CW12" s="277">
        <v>0</v>
      </c>
      <c r="CX12" s="281">
        <v>0</v>
      </c>
      <c r="CY12" s="278">
        <v>0</v>
      </c>
      <c r="CZ12" s="280">
        <v>0</v>
      </c>
      <c r="DA12" s="281">
        <v>0</v>
      </c>
      <c r="DB12" s="281">
        <v>0</v>
      </c>
      <c r="DC12" s="281">
        <v>0</v>
      </c>
      <c r="DD12" s="281">
        <v>0</v>
      </c>
      <c r="DE12" s="281">
        <v>0</v>
      </c>
      <c r="DF12" s="278">
        <v>0</v>
      </c>
      <c r="DG12" s="283">
        <v>0</v>
      </c>
      <c r="DH12" s="277">
        <v>0</v>
      </c>
      <c r="DI12" s="281">
        <v>0</v>
      </c>
      <c r="DJ12" s="278">
        <v>0</v>
      </c>
      <c r="DK12" s="280">
        <v>0</v>
      </c>
      <c r="DL12" s="281">
        <v>0</v>
      </c>
      <c r="DM12" s="281">
        <v>0</v>
      </c>
      <c r="DN12" s="281">
        <v>0</v>
      </c>
      <c r="DO12" s="281">
        <v>0</v>
      </c>
      <c r="DP12" s="281">
        <v>0</v>
      </c>
      <c r="DQ12" s="278">
        <v>0</v>
      </c>
      <c r="DR12" s="283">
        <v>0</v>
      </c>
      <c r="DS12" s="277">
        <v>32</v>
      </c>
      <c r="DT12" s="281">
        <v>47</v>
      </c>
      <c r="DU12" s="278">
        <v>79</v>
      </c>
      <c r="DV12" s="280">
        <v>0</v>
      </c>
      <c r="DW12" s="281">
        <v>98</v>
      </c>
      <c r="DX12" s="281">
        <v>97</v>
      </c>
      <c r="DY12" s="281">
        <v>70</v>
      </c>
      <c r="DZ12" s="281">
        <v>60</v>
      </c>
      <c r="EA12" s="281">
        <v>39</v>
      </c>
      <c r="EB12" s="278">
        <v>364</v>
      </c>
      <c r="EC12" s="283">
        <v>443</v>
      </c>
      <c r="ED12" s="277">
        <v>14</v>
      </c>
      <c r="EE12" s="281">
        <v>7</v>
      </c>
      <c r="EF12" s="278">
        <v>21</v>
      </c>
      <c r="EG12" s="280">
        <v>0</v>
      </c>
      <c r="EH12" s="281">
        <v>28</v>
      </c>
      <c r="EI12" s="281">
        <v>23</v>
      </c>
      <c r="EJ12" s="281">
        <v>19</v>
      </c>
      <c r="EK12" s="281">
        <v>28</v>
      </c>
      <c r="EL12" s="281">
        <v>15</v>
      </c>
      <c r="EM12" s="278">
        <v>113</v>
      </c>
      <c r="EN12" s="283">
        <v>134</v>
      </c>
      <c r="EO12" s="277">
        <v>39</v>
      </c>
      <c r="EP12" s="281">
        <v>54</v>
      </c>
      <c r="EQ12" s="278">
        <v>93</v>
      </c>
      <c r="ER12" s="280">
        <v>0</v>
      </c>
      <c r="ES12" s="281">
        <v>181</v>
      </c>
      <c r="ET12" s="281">
        <v>128</v>
      </c>
      <c r="EU12" s="281">
        <v>85</v>
      </c>
      <c r="EV12" s="281">
        <v>61</v>
      </c>
      <c r="EW12" s="281">
        <v>41</v>
      </c>
      <c r="EX12" s="278">
        <v>496</v>
      </c>
      <c r="EY12" s="283">
        <v>589</v>
      </c>
    </row>
    <row r="13" spans="1:155" ht="19.5" customHeight="1" x14ac:dyDescent="0.2">
      <c r="A13" s="262" t="s">
        <v>10</v>
      </c>
      <c r="B13" s="277">
        <v>0</v>
      </c>
      <c r="C13" s="281">
        <v>0</v>
      </c>
      <c r="D13" s="385">
        <v>0</v>
      </c>
      <c r="E13" s="280">
        <v>0</v>
      </c>
      <c r="F13" s="281">
        <v>90</v>
      </c>
      <c r="G13" s="281">
        <v>55</v>
      </c>
      <c r="H13" s="281">
        <v>26</v>
      </c>
      <c r="I13" s="281">
        <v>30</v>
      </c>
      <c r="J13" s="281">
        <v>29</v>
      </c>
      <c r="K13" s="282">
        <v>230</v>
      </c>
      <c r="L13" s="283">
        <v>230</v>
      </c>
      <c r="M13" s="277">
        <v>0</v>
      </c>
      <c r="N13" s="281">
        <v>0</v>
      </c>
      <c r="O13" s="278">
        <v>0</v>
      </c>
      <c r="P13" s="280">
        <v>0</v>
      </c>
      <c r="Q13" s="281">
        <v>1</v>
      </c>
      <c r="R13" s="281">
        <v>0</v>
      </c>
      <c r="S13" s="281">
        <v>0</v>
      </c>
      <c r="T13" s="281">
        <v>3</v>
      </c>
      <c r="U13" s="281">
        <v>12</v>
      </c>
      <c r="V13" s="278">
        <v>16</v>
      </c>
      <c r="W13" s="283">
        <v>16</v>
      </c>
      <c r="X13" s="277">
        <v>11</v>
      </c>
      <c r="Y13" s="281">
        <v>25</v>
      </c>
      <c r="Z13" s="278">
        <v>36</v>
      </c>
      <c r="AA13" s="280">
        <v>0</v>
      </c>
      <c r="AB13" s="281">
        <v>60</v>
      </c>
      <c r="AC13" s="281">
        <v>37</v>
      </c>
      <c r="AD13" s="281">
        <v>24</v>
      </c>
      <c r="AE13" s="281">
        <v>13</v>
      </c>
      <c r="AF13" s="281">
        <v>22</v>
      </c>
      <c r="AG13" s="278">
        <v>156</v>
      </c>
      <c r="AH13" s="283">
        <v>192</v>
      </c>
      <c r="AI13" s="277">
        <v>2</v>
      </c>
      <c r="AJ13" s="281">
        <v>4</v>
      </c>
      <c r="AK13" s="278">
        <v>6</v>
      </c>
      <c r="AL13" s="280">
        <v>0</v>
      </c>
      <c r="AM13" s="281">
        <v>7</v>
      </c>
      <c r="AN13" s="281">
        <v>6</v>
      </c>
      <c r="AO13" s="281">
        <v>7</v>
      </c>
      <c r="AP13" s="281">
        <v>7</v>
      </c>
      <c r="AQ13" s="281">
        <v>4</v>
      </c>
      <c r="AR13" s="278">
        <v>31</v>
      </c>
      <c r="AS13" s="283">
        <v>37</v>
      </c>
      <c r="AT13" s="277">
        <v>17</v>
      </c>
      <c r="AU13" s="281">
        <v>22</v>
      </c>
      <c r="AV13" s="278">
        <v>39</v>
      </c>
      <c r="AW13" s="280">
        <v>0</v>
      </c>
      <c r="AX13" s="281">
        <v>95</v>
      </c>
      <c r="AY13" s="281">
        <v>84</v>
      </c>
      <c r="AZ13" s="281">
        <v>67</v>
      </c>
      <c r="BA13" s="281">
        <v>71</v>
      </c>
      <c r="BB13" s="281">
        <v>74</v>
      </c>
      <c r="BC13" s="282">
        <v>391</v>
      </c>
      <c r="BD13" s="283">
        <v>430</v>
      </c>
      <c r="BE13" s="277">
        <v>0</v>
      </c>
      <c r="BF13" s="281">
        <v>0</v>
      </c>
      <c r="BG13" s="278">
        <v>0</v>
      </c>
      <c r="BH13" s="280">
        <v>0</v>
      </c>
      <c r="BI13" s="281">
        <v>115</v>
      </c>
      <c r="BJ13" s="281">
        <v>68</v>
      </c>
      <c r="BK13" s="281">
        <v>29</v>
      </c>
      <c r="BL13" s="281">
        <v>12</v>
      </c>
      <c r="BM13" s="281">
        <v>3</v>
      </c>
      <c r="BN13" s="278">
        <v>227</v>
      </c>
      <c r="BO13" s="283">
        <v>227</v>
      </c>
      <c r="BP13" s="277">
        <v>4</v>
      </c>
      <c r="BQ13" s="281">
        <v>5</v>
      </c>
      <c r="BR13" s="278">
        <v>9</v>
      </c>
      <c r="BS13" s="280">
        <v>0</v>
      </c>
      <c r="BT13" s="281">
        <v>19</v>
      </c>
      <c r="BU13" s="281">
        <v>7</v>
      </c>
      <c r="BV13" s="281">
        <v>9</v>
      </c>
      <c r="BW13" s="281">
        <v>5</v>
      </c>
      <c r="BX13" s="281">
        <v>3</v>
      </c>
      <c r="BY13" s="278">
        <v>43</v>
      </c>
      <c r="BZ13" s="283">
        <v>52</v>
      </c>
      <c r="CA13" s="277">
        <v>0</v>
      </c>
      <c r="CB13" s="281">
        <v>1</v>
      </c>
      <c r="CC13" s="278">
        <v>1</v>
      </c>
      <c r="CD13" s="280">
        <v>0</v>
      </c>
      <c r="CE13" s="281">
        <v>9</v>
      </c>
      <c r="CF13" s="281">
        <v>5</v>
      </c>
      <c r="CG13" s="281">
        <v>9</v>
      </c>
      <c r="CH13" s="281">
        <v>10</v>
      </c>
      <c r="CI13" s="281">
        <v>3</v>
      </c>
      <c r="CJ13" s="278">
        <v>36</v>
      </c>
      <c r="CK13" s="283">
        <v>37</v>
      </c>
      <c r="CL13" s="277">
        <v>0</v>
      </c>
      <c r="CM13" s="281">
        <v>0</v>
      </c>
      <c r="CN13" s="278">
        <v>0</v>
      </c>
      <c r="CO13" s="280">
        <v>0</v>
      </c>
      <c r="CP13" s="281">
        <v>1</v>
      </c>
      <c r="CQ13" s="281">
        <v>1</v>
      </c>
      <c r="CR13" s="281">
        <v>0</v>
      </c>
      <c r="CS13" s="281">
        <v>1</v>
      </c>
      <c r="CT13" s="281">
        <v>1</v>
      </c>
      <c r="CU13" s="278">
        <v>4</v>
      </c>
      <c r="CV13" s="283">
        <v>4</v>
      </c>
      <c r="CW13" s="277">
        <v>0</v>
      </c>
      <c r="CX13" s="281">
        <v>0</v>
      </c>
      <c r="CY13" s="278">
        <v>0</v>
      </c>
      <c r="CZ13" s="280">
        <v>0</v>
      </c>
      <c r="DA13" s="281">
        <v>0</v>
      </c>
      <c r="DB13" s="281">
        <v>0</v>
      </c>
      <c r="DC13" s="281">
        <v>0</v>
      </c>
      <c r="DD13" s="281">
        <v>0</v>
      </c>
      <c r="DE13" s="281">
        <v>0</v>
      </c>
      <c r="DF13" s="278">
        <v>0</v>
      </c>
      <c r="DG13" s="283">
        <v>0</v>
      </c>
      <c r="DH13" s="277">
        <v>0</v>
      </c>
      <c r="DI13" s="281">
        <v>0</v>
      </c>
      <c r="DJ13" s="278">
        <v>0</v>
      </c>
      <c r="DK13" s="280">
        <v>0</v>
      </c>
      <c r="DL13" s="281">
        <v>0</v>
      </c>
      <c r="DM13" s="281">
        <v>0</v>
      </c>
      <c r="DN13" s="281">
        <v>0</v>
      </c>
      <c r="DO13" s="281">
        <v>0</v>
      </c>
      <c r="DP13" s="281">
        <v>0</v>
      </c>
      <c r="DQ13" s="278">
        <v>0</v>
      </c>
      <c r="DR13" s="283">
        <v>0</v>
      </c>
      <c r="DS13" s="277">
        <v>50</v>
      </c>
      <c r="DT13" s="281">
        <v>75</v>
      </c>
      <c r="DU13" s="278">
        <v>125</v>
      </c>
      <c r="DV13" s="280">
        <v>0</v>
      </c>
      <c r="DW13" s="281">
        <v>132</v>
      </c>
      <c r="DX13" s="281">
        <v>110</v>
      </c>
      <c r="DY13" s="281">
        <v>61</v>
      </c>
      <c r="DZ13" s="281">
        <v>55</v>
      </c>
      <c r="EA13" s="281">
        <v>45</v>
      </c>
      <c r="EB13" s="278">
        <v>403</v>
      </c>
      <c r="EC13" s="283">
        <v>528</v>
      </c>
      <c r="ED13" s="277">
        <v>9</v>
      </c>
      <c r="EE13" s="281">
        <v>9</v>
      </c>
      <c r="EF13" s="278">
        <v>18</v>
      </c>
      <c r="EG13" s="280">
        <v>0</v>
      </c>
      <c r="EH13" s="281">
        <v>33</v>
      </c>
      <c r="EI13" s="281">
        <v>26</v>
      </c>
      <c r="EJ13" s="281">
        <v>22</v>
      </c>
      <c r="EK13" s="281">
        <v>29</v>
      </c>
      <c r="EL13" s="281">
        <v>21</v>
      </c>
      <c r="EM13" s="278">
        <v>131</v>
      </c>
      <c r="EN13" s="283">
        <v>149</v>
      </c>
      <c r="EO13" s="277">
        <v>62</v>
      </c>
      <c r="EP13" s="281">
        <v>89</v>
      </c>
      <c r="EQ13" s="278">
        <v>151</v>
      </c>
      <c r="ER13" s="280">
        <v>0</v>
      </c>
      <c r="ES13" s="281">
        <v>245</v>
      </c>
      <c r="ET13" s="281">
        <v>145</v>
      </c>
      <c r="EU13" s="281">
        <v>71</v>
      </c>
      <c r="EV13" s="281">
        <v>56</v>
      </c>
      <c r="EW13" s="281">
        <v>43</v>
      </c>
      <c r="EX13" s="278">
        <v>560</v>
      </c>
      <c r="EY13" s="283">
        <v>711</v>
      </c>
    </row>
    <row r="14" spans="1:155" ht="19.5" customHeight="1" x14ac:dyDescent="0.2">
      <c r="A14" s="262" t="s">
        <v>11</v>
      </c>
      <c r="B14" s="277">
        <v>0</v>
      </c>
      <c r="C14" s="281">
        <v>0</v>
      </c>
      <c r="D14" s="385">
        <v>0</v>
      </c>
      <c r="E14" s="280">
        <v>0</v>
      </c>
      <c r="F14" s="281">
        <v>14</v>
      </c>
      <c r="G14" s="281">
        <v>6</v>
      </c>
      <c r="H14" s="281">
        <v>9</v>
      </c>
      <c r="I14" s="281">
        <v>7</v>
      </c>
      <c r="J14" s="281">
        <v>11</v>
      </c>
      <c r="K14" s="282">
        <v>47</v>
      </c>
      <c r="L14" s="283">
        <v>47</v>
      </c>
      <c r="M14" s="277">
        <v>0</v>
      </c>
      <c r="N14" s="281">
        <v>0</v>
      </c>
      <c r="O14" s="278">
        <v>0</v>
      </c>
      <c r="P14" s="280">
        <v>0</v>
      </c>
      <c r="Q14" s="281">
        <v>0</v>
      </c>
      <c r="R14" s="281">
        <v>0</v>
      </c>
      <c r="S14" s="281">
        <v>0</v>
      </c>
      <c r="T14" s="281">
        <v>3</v>
      </c>
      <c r="U14" s="281">
        <v>3</v>
      </c>
      <c r="V14" s="278">
        <v>6</v>
      </c>
      <c r="W14" s="283">
        <v>6</v>
      </c>
      <c r="X14" s="277">
        <v>6</v>
      </c>
      <c r="Y14" s="281">
        <v>4</v>
      </c>
      <c r="Z14" s="278">
        <v>10</v>
      </c>
      <c r="AA14" s="280">
        <v>0</v>
      </c>
      <c r="AB14" s="281">
        <v>20</v>
      </c>
      <c r="AC14" s="281">
        <v>10</v>
      </c>
      <c r="AD14" s="281">
        <v>9</v>
      </c>
      <c r="AE14" s="281">
        <v>10</v>
      </c>
      <c r="AF14" s="281">
        <v>11</v>
      </c>
      <c r="AG14" s="278">
        <v>60</v>
      </c>
      <c r="AH14" s="283">
        <v>70</v>
      </c>
      <c r="AI14" s="277">
        <v>0</v>
      </c>
      <c r="AJ14" s="281">
        <v>1</v>
      </c>
      <c r="AK14" s="278">
        <v>1</v>
      </c>
      <c r="AL14" s="280">
        <v>0</v>
      </c>
      <c r="AM14" s="281">
        <v>4</v>
      </c>
      <c r="AN14" s="281">
        <v>2</v>
      </c>
      <c r="AO14" s="281">
        <v>0</v>
      </c>
      <c r="AP14" s="281">
        <v>1</v>
      </c>
      <c r="AQ14" s="281">
        <v>1</v>
      </c>
      <c r="AR14" s="278">
        <v>8</v>
      </c>
      <c r="AS14" s="283">
        <v>9</v>
      </c>
      <c r="AT14" s="277">
        <v>5</v>
      </c>
      <c r="AU14" s="281">
        <v>2</v>
      </c>
      <c r="AV14" s="278">
        <v>7</v>
      </c>
      <c r="AW14" s="280">
        <v>0</v>
      </c>
      <c r="AX14" s="281">
        <v>22</v>
      </c>
      <c r="AY14" s="281">
        <v>10</v>
      </c>
      <c r="AZ14" s="281">
        <v>18</v>
      </c>
      <c r="BA14" s="281">
        <v>23</v>
      </c>
      <c r="BB14" s="281">
        <v>20</v>
      </c>
      <c r="BC14" s="282">
        <v>93</v>
      </c>
      <c r="BD14" s="283">
        <v>100</v>
      </c>
      <c r="BE14" s="277">
        <v>0</v>
      </c>
      <c r="BF14" s="281">
        <v>0</v>
      </c>
      <c r="BG14" s="278">
        <v>0</v>
      </c>
      <c r="BH14" s="280">
        <v>0</v>
      </c>
      <c r="BI14" s="281">
        <v>19</v>
      </c>
      <c r="BJ14" s="281">
        <v>13</v>
      </c>
      <c r="BK14" s="281">
        <v>11</v>
      </c>
      <c r="BL14" s="281">
        <v>8</v>
      </c>
      <c r="BM14" s="281">
        <v>6</v>
      </c>
      <c r="BN14" s="278">
        <v>57</v>
      </c>
      <c r="BO14" s="283">
        <v>57</v>
      </c>
      <c r="BP14" s="277">
        <v>2</v>
      </c>
      <c r="BQ14" s="281">
        <v>3</v>
      </c>
      <c r="BR14" s="278">
        <v>5</v>
      </c>
      <c r="BS14" s="280">
        <v>0</v>
      </c>
      <c r="BT14" s="281">
        <v>10</v>
      </c>
      <c r="BU14" s="281">
        <v>3</v>
      </c>
      <c r="BV14" s="281">
        <v>5</v>
      </c>
      <c r="BW14" s="281">
        <v>4</v>
      </c>
      <c r="BX14" s="281">
        <v>2</v>
      </c>
      <c r="BY14" s="278">
        <v>24</v>
      </c>
      <c r="BZ14" s="283">
        <v>29</v>
      </c>
      <c r="CA14" s="277">
        <v>0</v>
      </c>
      <c r="CB14" s="281">
        <v>0</v>
      </c>
      <c r="CC14" s="278">
        <v>0</v>
      </c>
      <c r="CD14" s="280">
        <v>0</v>
      </c>
      <c r="CE14" s="281">
        <v>1</v>
      </c>
      <c r="CF14" s="281">
        <v>2</v>
      </c>
      <c r="CG14" s="281">
        <v>4</v>
      </c>
      <c r="CH14" s="281">
        <v>5</v>
      </c>
      <c r="CI14" s="281">
        <v>2</v>
      </c>
      <c r="CJ14" s="278">
        <v>14</v>
      </c>
      <c r="CK14" s="283">
        <v>14</v>
      </c>
      <c r="CL14" s="277">
        <v>0</v>
      </c>
      <c r="CM14" s="281">
        <v>0</v>
      </c>
      <c r="CN14" s="278">
        <v>0</v>
      </c>
      <c r="CO14" s="280">
        <v>0</v>
      </c>
      <c r="CP14" s="281">
        <v>1</v>
      </c>
      <c r="CQ14" s="281">
        <v>0</v>
      </c>
      <c r="CR14" s="281">
        <v>1</v>
      </c>
      <c r="CS14" s="281">
        <v>2</v>
      </c>
      <c r="CT14" s="281">
        <v>0</v>
      </c>
      <c r="CU14" s="278">
        <v>4</v>
      </c>
      <c r="CV14" s="283">
        <v>4</v>
      </c>
      <c r="CW14" s="277">
        <v>0</v>
      </c>
      <c r="CX14" s="281">
        <v>0</v>
      </c>
      <c r="CY14" s="278">
        <v>0</v>
      </c>
      <c r="CZ14" s="280">
        <v>0</v>
      </c>
      <c r="DA14" s="281">
        <v>0</v>
      </c>
      <c r="DB14" s="281">
        <v>0</v>
      </c>
      <c r="DC14" s="281">
        <v>0</v>
      </c>
      <c r="DD14" s="281">
        <v>0</v>
      </c>
      <c r="DE14" s="281">
        <v>0</v>
      </c>
      <c r="DF14" s="278">
        <v>0</v>
      </c>
      <c r="DG14" s="283">
        <v>0</v>
      </c>
      <c r="DH14" s="277">
        <v>0</v>
      </c>
      <c r="DI14" s="281">
        <v>0</v>
      </c>
      <c r="DJ14" s="278">
        <v>0</v>
      </c>
      <c r="DK14" s="280">
        <v>0</v>
      </c>
      <c r="DL14" s="281">
        <v>0</v>
      </c>
      <c r="DM14" s="281">
        <v>0</v>
      </c>
      <c r="DN14" s="281">
        <v>0</v>
      </c>
      <c r="DO14" s="281">
        <v>0</v>
      </c>
      <c r="DP14" s="281">
        <v>0</v>
      </c>
      <c r="DQ14" s="278">
        <v>0</v>
      </c>
      <c r="DR14" s="283">
        <v>0</v>
      </c>
      <c r="DS14" s="277">
        <v>16</v>
      </c>
      <c r="DT14" s="281">
        <v>18</v>
      </c>
      <c r="DU14" s="278">
        <v>34</v>
      </c>
      <c r="DV14" s="280">
        <v>0</v>
      </c>
      <c r="DW14" s="281">
        <v>44</v>
      </c>
      <c r="DX14" s="281">
        <v>25</v>
      </c>
      <c r="DY14" s="281">
        <v>29</v>
      </c>
      <c r="DZ14" s="281">
        <v>25</v>
      </c>
      <c r="EA14" s="281">
        <v>15</v>
      </c>
      <c r="EB14" s="278">
        <v>138</v>
      </c>
      <c r="EC14" s="283">
        <v>172</v>
      </c>
      <c r="ED14" s="277">
        <v>4</v>
      </c>
      <c r="EE14" s="281">
        <v>3</v>
      </c>
      <c r="EF14" s="278">
        <v>7</v>
      </c>
      <c r="EG14" s="280">
        <v>0</v>
      </c>
      <c r="EH14" s="281">
        <v>21</v>
      </c>
      <c r="EI14" s="281">
        <v>4</v>
      </c>
      <c r="EJ14" s="281">
        <v>11</v>
      </c>
      <c r="EK14" s="281">
        <v>15</v>
      </c>
      <c r="EL14" s="281">
        <v>10</v>
      </c>
      <c r="EM14" s="278">
        <v>61</v>
      </c>
      <c r="EN14" s="283">
        <v>68</v>
      </c>
      <c r="EO14" s="277">
        <v>20</v>
      </c>
      <c r="EP14" s="281">
        <v>22</v>
      </c>
      <c r="EQ14" s="278">
        <v>42</v>
      </c>
      <c r="ER14" s="280">
        <v>0</v>
      </c>
      <c r="ES14" s="281">
        <v>77</v>
      </c>
      <c r="ET14" s="281">
        <v>35</v>
      </c>
      <c r="EU14" s="281">
        <v>31</v>
      </c>
      <c r="EV14" s="281">
        <v>26</v>
      </c>
      <c r="EW14" s="281">
        <v>14</v>
      </c>
      <c r="EX14" s="278">
        <v>183</v>
      </c>
      <c r="EY14" s="283">
        <v>225</v>
      </c>
    </row>
    <row r="15" spans="1:155" ht="19.5" customHeight="1" x14ac:dyDescent="0.2">
      <c r="A15" s="262" t="s">
        <v>12</v>
      </c>
      <c r="B15" s="277">
        <v>0</v>
      </c>
      <c r="C15" s="281">
        <v>0</v>
      </c>
      <c r="D15" s="385">
        <v>0</v>
      </c>
      <c r="E15" s="280">
        <v>0</v>
      </c>
      <c r="F15" s="281">
        <v>34</v>
      </c>
      <c r="G15" s="281">
        <v>19</v>
      </c>
      <c r="H15" s="281">
        <v>16</v>
      </c>
      <c r="I15" s="281">
        <v>17</v>
      </c>
      <c r="J15" s="281">
        <v>11</v>
      </c>
      <c r="K15" s="282">
        <v>97</v>
      </c>
      <c r="L15" s="283">
        <v>97</v>
      </c>
      <c r="M15" s="277">
        <v>0</v>
      </c>
      <c r="N15" s="281">
        <v>0</v>
      </c>
      <c r="O15" s="278">
        <v>0</v>
      </c>
      <c r="P15" s="280">
        <v>0</v>
      </c>
      <c r="Q15" s="281">
        <v>0</v>
      </c>
      <c r="R15" s="281">
        <v>1</v>
      </c>
      <c r="S15" s="281">
        <v>1</v>
      </c>
      <c r="T15" s="281">
        <v>1</v>
      </c>
      <c r="U15" s="281">
        <v>10</v>
      </c>
      <c r="V15" s="278">
        <v>13</v>
      </c>
      <c r="W15" s="283">
        <v>13</v>
      </c>
      <c r="X15" s="277">
        <v>9</v>
      </c>
      <c r="Y15" s="281">
        <v>11</v>
      </c>
      <c r="Z15" s="278">
        <v>20</v>
      </c>
      <c r="AA15" s="280">
        <v>0</v>
      </c>
      <c r="AB15" s="281">
        <v>15</v>
      </c>
      <c r="AC15" s="281">
        <v>15</v>
      </c>
      <c r="AD15" s="281">
        <v>17</v>
      </c>
      <c r="AE15" s="281">
        <v>13</v>
      </c>
      <c r="AF15" s="281">
        <v>14</v>
      </c>
      <c r="AG15" s="278">
        <v>74</v>
      </c>
      <c r="AH15" s="283">
        <v>94</v>
      </c>
      <c r="AI15" s="277">
        <v>0</v>
      </c>
      <c r="AJ15" s="281">
        <v>0</v>
      </c>
      <c r="AK15" s="278">
        <v>0</v>
      </c>
      <c r="AL15" s="280">
        <v>0</v>
      </c>
      <c r="AM15" s="281">
        <v>0</v>
      </c>
      <c r="AN15" s="281">
        <v>1</v>
      </c>
      <c r="AO15" s="281">
        <v>1</v>
      </c>
      <c r="AP15" s="281">
        <v>1</v>
      </c>
      <c r="AQ15" s="281">
        <v>2</v>
      </c>
      <c r="AR15" s="278">
        <v>5</v>
      </c>
      <c r="AS15" s="283">
        <v>5</v>
      </c>
      <c r="AT15" s="277">
        <v>12</v>
      </c>
      <c r="AU15" s="281">
        <v>10</v>
      </c>
      <c r="AV15" s="278">
        <v>22</v>
      </c>
      <c r="AW15" s="280">
        <v>0</v>
      </c>
      <c r="AX15" s="281">
        <v>20</v>
      </c>
      <c r="AY15" s="281">
        <v>17</v>
      </c>
      <c r="AZ15" s="281">
        <v>25</v>
      </c>
      <c r="BA15" s="281">
        <v>28</v>
      </c>
      <c r="BB15" s="281">
        <v>22</v>
      </c>
      <c r="BC15" s="282">
        <v>112</v>
      </c>
      <c r="BD15" s="283">
        <v>134</v>
      </c>
      <c r="BE15" s="277">
        <v>0</v>
      </c>
      <c r="BF15" s="281">
        <v>0</v>
      </c>
      <c r="BG15" s="278">
        <v>0</v>
      </c>
      <c r="BH15" s="280">
        <v>0</v>
      </c>
      <c r="BI15" s="281">
        <v>38</v>
      </c>
      <c r="BJ15" s="281">
        <v>18</v>
      </c>
      <c r="BK15" s="281">
        <v>8</v>
      </c>
      <c r="BL15" s="281">
        <v>15</v>
      </c>
      <c r="BM15" s="281">
        <v>5</v>
      </c>
      <c r="BN15" s="278">
        <v>84</v>
      </c>
      <c r="BO15" s="283">
        <v>84</v>
      </c>
      <c r="BP15" s="277">
        <v>11</v>
      </c>
      <c r="BQ15" s="281">
        <v>10</v>
      </c>
      <c r="BR15" s="278">
        <v>21</v>
      </c>
      <c r="BS15" s="280">
        <v>0</v>
      </c>
      <c r="BT15" s="281">
        <v>9</v>
      </c>
      <c r="BU15" s="281">
        <v>9</v>
      </c>
      <c r="BV15" s="281">
        <v>9</v>
      </c>
      <c r="BW15" s="281">
        <v>6</v>
      </c>
      <c r="BX15" s="281">
        <v>2</v>
      </c>
      <c r="BY15" s="278">
        <v>35</v>
      </c>
      <c r="BZ15" s="283">
        <v>56</v>
      </c>
      <c r="CA15" s="277">
        <v>0</v>
      </c>
      <c r="CB15" s="281">
        <v>1</v>
      </c>
      <c r="CC15" s="278">
        <v>1</v>
      </c>
      <c r="CD15" s="280">
        <v>0</v>
      </c>
      <c r="CE15" s="281">
        <v>3</v>
      </c>
      <c r="CF15" s="281">
        <v>1</v>
      </c>
      <c r="CG15" s="281">
        <v>6</v>
      </c>
      <c r="CH15" s="281">
        <v>7</v>
      </c>
      <c r="CI15" s="281">
        <v>3</v>
      </c>
      <c r="CJ15" s="278">
        <v>20</v>
      </c>
      <c r="CK15" s="283">
        <v>21</v>
      </c>
      <c r="CL15" s="277">
        <v>0</v>
      </c>
      <c r="CM15" s="281">
        <v>0</v>
      </c>
      <c r="CN15" s="278">
        <v>0</v>
      </c>
      <c r="CO15" s="280">
        <v>0</v>
      </c>
      <c r="CP15" s="281">
        <v>0</v>
      </c>
      <c r="CQ15" s="281">
        <v>0</v>
      </c>
      <c r="CR15" s="281">
        <v>0</v>
      </c>
      <c r="CS15" s="281">
        <v>0</v>
      </c>
      <c r="CT15" s="281">
        <v>1</v>
      </c>
      <c r="CU15" s="278">
        <v>1</v>
      </c>
      <c r="CV15" s="283">
        <v>1</v>
      </c>
      <c r="CW15" s="277">
        <v>0</v>
      </c>
      <c r="CX15" s="281">
        <v>0</v>
      </c>
      <c r="CY15" s="278">
        <v>0</v>
      </c>
      <c r="CZ15" s="280">
        <v>0</v>
      </c>
      <c r="DA15" s="281">
        <v>0</v>
      </c>
      <c r="DB15" s="281">
        <v>0</v>
      </c>
      <c r="DC15" s="281">
        <v>0</v>
      </c>
      <c r="DD15" s="281">
        <v>0</v>
      </c>
      <c r="DE15" s="281">
        <v>0</v>
      </c>
      <c r="DF15" s="278">
        <v>0</v>
      </c>
      <c r="DG15" s="283">
        <v>0</v>
      </c>
      <c r="DH15" s="277">
        <v>0</v>
      </c>
      <c r="DI15" s="281">
        <v>0</v>
      </c>
      <c r="DJ15" s="278">
        <v>0</v>
      </c>
      <c r="DK15" s="280">
        <v>0</v>
      </c>
      <c r="DL15" s="281">
        <v>0</v>
      </c>
      <c r="DM15" s="281">
        <v>0</v>
      </c>
      <c r="DN15" s="281">
        <v>0</v>
      </c>
      <c r="DO15" s="281">
        <v>0</v>
      </c>
      <c r="DP15" s="281">
        <v>0</v>
      </c>
      <c r="DQ15" s="278">
        <v>0</v>
      </c>
      <c r="DR15" s="283">
        <v>0</v>
      </c>
      <c r="DS15" s="277">
        <v>31</v>
      </c>
      <c r="DT15" s="281">
        <v>41</v>
      </c>
      <c r="DU15" s="278">
        <v>72</v>
      </c>
      <c r="DV15" s="280">
        <v>0</v>
      </c>
      <c r="DW15" s="281">
        <v>31</v>
      </c>
      <c r="DX15" s="281">
        <v>49</v>
      </c>
      <c r="DY15" s="281">
        <v>41</v>
      </c>
      <c r="DZ15" s="281">
        <v>40</v>
      </c>
      <c r="EA15" s="281">
        <v>23</v>
      </c>
      <c r="EB15" s="278">
        <v>184</v>
      </c>
      <c r="EC15" s="283">
        <v>256</v>
      </c>
      <c r="ED15" s="277">
        <v>7</v>
      </c>
      <c r="EE15" s="281">
        <v>5</v>
      </c>
      <c r="EF15" s="278">
        <v>12</v>
      </c>
      <c r="EG15" s="280">
        <v>0</v>
      </c>
      <c r="EH15" s="281">
        <v>6</v>
      </c>
      <c r="EI15" s="281">
        <v>7</v>
      </c>
      <c r="EJ15" s="281">
        <v>12</v>
      </c>
      <c r="EK15" s="281">
        <v>10</v>
      </c>
      <c r="EL15" s="281">
        <v>8</v>
      </c>
      <c r="EM15" s="278">
        <v>43</v>
      </c>
      <c r="EN15" s="283">
        <v>55</v>
      </c>
      <c r="EO15" s="277">
        <v>45</v>
      </c>
      <c r="EP15" s="281">
        <v>52</v>
      </c>
      <c r="EQ15" s="278">
        <v>97</v>
      </c>
      <c r="ER15" s="280">
        <v>0</v>
      </c>
      <c r="ES15" s="281">
        <v>93</v>
      </c>
      <c r="ET15" s="281">
        <v>65</v>
      </c>
      <c r="EU15" s="281">
        <v>48</v>
      </c>
      <c r="EV15" s="281">
        <v>38</v>
      </c>
      <c r="EW15" s="281">
        <v>23</v>
      </c>
      <c r="EX15" s="278">
        <v>267</v>
      </c>
      <c r="EY15" s="283">
        <v>364</v>
      </c>
    </row>
    <row r="16" spans="1:155" ht="19.5" customHeight="1" x14ac:dyDescent="0.2">
      <c r="A16" s="262" t="s">
        <v>13</v>
      </c>
      <c r="B16" s="277">
        <v>0</v>
      </c>
      <c r="C16" s="281">
        <v>0</v>
      </c>
      <c r="D16" s="385">
        <v>0</v>
      </c>
      <c r="E16" s="280">
        <v>0</v>
      </c>
      <c r="F16" s="281">
        <v>13</v>
      </c>
      <c r="G16" s="281">
        <v>24</v>
      </c>
      <c r="H16" s="281">
        <v>19</v>
      </c>
      <c r="I16" s="281">
        <v>13</v>
      </c>
      <c r="J16" s="281">
        <v>11</v>
      </c>
      <c r="K16" s="282">
        <v>80</v>
      </c>
      <c r="L16" s="283">
        <v>80</v>
      </c>
      <c r="M16" s="277">
        <v>0</v>
      </c>
      <c r="N16" s="281">
        <v>0</v>
      </c>
      <c r="O16" s="278">
        <v>0</v>
      </c>
      <c r="P16" s="280">
        <v>0</v>
      </c>
      <c r="Q16" s="281">
        <v>0</v>
      </c>
      <c r="R16" s="281">
        <v>0</v>
      </c>
      <c r="S16" s="281">
        <v>1</v>
      </c>
      <c r="T16" s="281">
        <v>3</v>
      </c>
      <c r="U16" s="281">
        <v>0</v>
      </c>
      <c r="V16" s="278">
        <v>4</v>
      </c>
      <c r="W16" s="283">
        <v>4</v>
      </c>
      <c r="X16" s="277">
        <v>1</v>
      </c>
      <c r="Y16" s="281">
        <v>4</v>
      </c>
      <c r="Z16" s="278">
        <v>5</v>
      </c>
      <c r="AA16" s="280">
        <v>0</v>
      </c>
      <c r="AB16" s="281">
        <v>9</v>
      </c>
      <c r="AC16" s="281">
        <v>11</v>
      </c>
      <c r="AD16" s="281">
        <v>13</v>
      </c>
      <c r="AE16" s="281">
        <v>8</v>
      </c>
      <c r="AF16" s="281">
        <v>8</v>
      </c>
      <c r="AG16" s="278">
        <v>49</v>
      </c>
      <c r="AH16" s="283">
        <v>54</v>
      </c>
      <c r="AI16" s="277">
        <v>0</v>
      </c>
      <c r="AJ16" s="281">
        <v>0</v>
      </c>
      <c r="AK16" s="278">
        <v>0</v>
      </c>
      <c r="AL16" s="280">
        <v>0</v>
      </c>
      <c r="AM16" s="281">
        <v>0</v>
      </c>
      <c r="AN16" s="281">
        <v>5</v>
      </c>
      <c r="AO16" s="281">
        <v>2</v>
      </c>
      <c r="AP16" s="281">
        <v>1</v>
      </c>
      <c r="AQ16" s="281">
        <v>2</v>
      </c>
      <c r="AR16" s="278">
        <v>10</v>
      </c>
      <c r="AS16" s="283">
        <v>10</v>
      </c>
      <c r="AT16" s="277">
        <v>8</v>
      </c>
      <c r="AU16" s="281">
        <v>5</v>
      </c>
      <c r="AV16" s="278">
        <v>13</v>
      </c>
      <c r="AW16" s="280">
        <v>0</v>
      </c>
      <c r="AX16" s="281">
        <v>14</v>
      </c>
      <c r="AY16" s="281">
        <v>20</v>
      </c>
      <c r="AZ16" s="281">
        <v>21</v>
      </c>
      <c r="BA16" s="281">
        <v>17</v>
      </c>
      <c r="BB16" s="281">
        <v>15</v>
      </c>
      <c r="BC16" s="282">
        <v>87</v>
      </c>
      <c r="BD16" s="283">
        <v>100</v>
      </c>
      <c r="BE16" s="277">
        <v>0</v>
      </c>
      <c r="BF16" s="281">
        <v>0</v>
      </c>
      <c r="BG16" s="278">
        <v>0</v>
      </c>
      <c r="BH16" s="280">
        <v>0</v>
      </c>
      <c r="BI16" s="281">
        <v>15</v>
      </c>
      <c r="BJ16" s="281">
        <v>16</v>
      </c>
      <c r="BK16" s="281">
        <v>13</v>
      </c>
      <c r="BL16" s="281">
        <v>4</v>
      </c>
      <c r="BM16" s="281">
        <v>2</v>
      </c>
      <c r="BN16" s="278">
        <v>50</v>
      </c>
      <c r="BO16" s="283">
        <v>50</v>
      </c>
      <c r="BP16" s="277">
        <v>0</v>
      </c>
      <c r="BQ16" s="281">
        <v>1</v>
      </c>
      <c r="BR16" s="278">
        <v>1</v>
      </c>
      <c r="BS16" s="280">
        <v>0</v>
      </c>
      <c r="BT16" s="281">
        <v>2</v>
      </c>
      <c r="BU16" s="281">
        <v>3</v>
      </c>
      <c r="BV16" s="281">
        <v>5</v>
      </c>
      <c r="BW16" s="281">
        <v>2</v>
      </c>
      <c r="BX16" s="281">
        <v>0</v>
      </c>
      <c r="BY16" s="278">
        <v>12</v>
      </c>
      <c r="BZ16" s="283">
        <v>13</v>
      </c>
      <c r="CA16" s="277">
        <v>0</v>
      </c>
      <c r="CB16" s="281">
        <v>0</v>
      </c>
      <c r="CC16" s="278">
        <v>0</v>
      </c>
      <c r="CD16" s="280">
        <v>0</v>
      </c>
      <c r="CE16" s="281">
        <v>2</v>
      </c>
      <c r="CF16" s="281">
        <v>1</v>
      </c>
      <c r="CG16" s="281">
        <v>4</v>
      </c>
      <c r="CH16" s="281">
        <v>1</v>
      </c>
      <c r="CI16" s="281">
        <v>2</v>
      </c>
      <c r="CJ16" s="278">
        <v>10</v>
      </c>
      <c r="CK16" s="283">
        <v>10</v>
      </c>
      <c r="CL16" s="277">
        <v>0</v>
      </c>
      <c r="CM16" s="281">
        <v>0</v>
      </c>
      <c r="CN16" s="278">
        <v>0</v>
      </c>
      <c r="CO16" s="280">
        <v>0</v>
      </c>
      <c r="CP16" s="281">
        <v>0</v>
      </c>
      <c r="CQ16" s="281">
        <v>0</v>
      </c>
      <c r="CR16" s="281">
        <v>0</v>
      </c>
      <c r="CS16" s="281">
        <v>1</v>
      </c>
      <c r="CT16" s="281">
        <v>0</v>
      </c>
      <c r="CU16" s="278">
        <v>1</v>
      </c>
      <c r="CV16" s="283">
        <v>1</v>
      </c>
      <c r="CW16" s="277">
        <v>0</v>
      </c>
      <c r="CX16" s="281">
        <v>0</v>
      </c>
      <c r="CY16" s="278">
        <v>0</v>
      </c>
      <c r="CZ16" s="280">
        <v>0</v>
      </c>
      <c r="DA16" s="281">
        <v>0</v>
      </c>
      <c r="DB16" s="281">
        <v>0</v>
      </c>
      <c r="DC16" s="281">
        <v>0</v>
      </c>
      <c r="DD16" s="281">
        <v>0</v>
      </c>
      <c r="DE16" s="281">
        <v>0</v>
      </c>
      <c r="DF16" s="278">
        <v>0</v>
      </c>
      <c r="DG16" s="283">
        <v>0</v>
      </c>
      <c r="DH16" s="277">
        <v>0</v>
      </c>
      <c r="DI16" s="281">
        <v>0</v>
      </c>
      <c r="DJ16" s="278">
        <v>0</v>
      </c>
      <c r="DK16" s="280">
        <v>0</v>
      </c>
      <c r="DL16" s="281">
        <v>0</v>
      </c>
      <c r="DM16" s="281">
        <v>0</v>
      </c>
      <c r="DN16" s="281">
        <v>0</v>
      </c>
      <c r="DO16" s="281">
        <v>0</v>
      </c>
      <c r="DP16" s="281">
        <v>0</v>
      </c>
      <c r="DQ16" s="278">
        <v>0</v>
      </c>
      <c r="DR16" s="283">
        <v>0</v>
      </c>
      <c r="DS16" s="277">
        <v>7</v>
      </c>
      <c r="DT16" s="281">
        <v>17</v>
      </c>
      <c r="DU16" s="278">
        <v>24</v>
      </c>
      <c r="DV16" s="280">
        <v>0</v>
      </c>
      <c r="DW16" s="281">
        <v>13</v>
      </c>
      <c r="DX16" s="281">
        <v>36</v>
      </c>
      <c r="DY16" s="281">
        <v>24</v>
      </c>
      <c r="DZ16" s="281">
        <v>15</v>
      </c>
      <c r="EA16" s="281">
        <v>14</v>
      </c>
      <c r="EB16" s="278">
        <v>102</v>
      </c>
      <c r="EC16" s="283">
        <v>126</v>
      </c>
      <c r="ED16" s="277">
        <v>6</v>
      </c>
      <c r="EE16" s="281">
        <v>3</v>
      </c>
      <c r="EF16" s="278">
        <v>9</v>
      </c>
      <c r="EG16" s="280">
        <v>0</v>
      </c>
      <c r="EH16" s="281">
        <v>12</v>
      </c>
      <c r="EI16" s="281">
        <v>9</v>
      </c>
      <c r="EJ16" s="281">
        <v>9</v>
      </c>
      <c r="EK16" s="281">
        <v>8</v>
      </c>
      <c r="EL16" s="281">
        <v>6</v>
      </c>
      <c r="EM16" s="278">
        <v>44</v>
      </c>
      <c r="EN16" s="283">
        <v>53</v>
      </c>
      <c r="EO16" s="277">
        <v>8</v>
      </c>
      <c r="EP16" s="281">
        <v>19</v>
      </c>
      <c r="EQ16" s="278">
        <v>27</v>
      </c>
      <c r="ER16" s="280">
        <v>0</v>
      </c>
      <c r="ES16" s="281">
        <v>42</v>
      </c>
      <c r="ET16" s="281">
        <v>55</v>
      </c>
      <c r="EU16" s="281">
        <v>38</v>
      </c>
      <c r="EV16" s="281">
        <v>18</v>
      </c>
      <c r="EW16" s="281">
        <v>15</v>
      </c>
      <c r="EX16" s="278">
        <v>168</v>
      </c>
      <c r="EY16" s="283">
        <v>195</v>
      </c>
    </row>
    <row r="17" spans="1:155" ht="19.5" customHeight="1" x14ac:dyDescent="0.2">
      <c r="A17" s="262" t="s">
        <v>15</v>
      </c>
      <c r="B17" s="277">
        <v>0</v>
      </c>
      <c r="C17" s="281">
        <v>0</v>
      </c>
      <c r="D17" s="385">
        <v>0</v>
      </c>
      <c r="E17" s="280">
        <v>0</v>
      </c>
      <c r="F17" s="281">
        <v>4</v>
      </c>
      <c r="G17" s="281">
        <v>4</v>
      </c>
      <c r="H17" s="281">
        <v>1</v>
      </c>
      <c r="I17" s="281">
        <v>2</v>
      </c>
      <c r="J17" s="281">
        <v>5</v>
      </c>
      <c r="K17" s="282">
        <v>16</v>
      </c>
      <c r="L17" s="283">
        <v>16</v>
      </c>
      <c r="M17" s="277">
        <v>0</v>
      </c>
      <c r="N17" s="281">
        <v>0</v>
      </c>
      <c r="O17" s="278">
        <v>0</v>
      </c>
      <c r="P17" s="280">
        <v>0</v>
      </c>
      <c r="Q17" s="281">
        <v>0</v>
      </c>
      <c r="R17" s="281">
        <v>0</v>
      </c>
      <c r="S17" s="281">
        <v>0</v>
      </c>
      <c r="T17" s="281">
        <v>0</v>
      </c>
      <c r="U17" s="281">
        <v>3</v>
      </c>
      <c r="V17" s="278">
        <v>3</v>
      </c>
      <c r="W17" s="283">
        <v>3</v>
      </c>
      <c r="X17" s="277">
        <v>0</v>
      </c>
      <c r="Y17" s="281">
        <v>0</v>
      </c>
      <c r="Z17" s="278">
        <v>0</v>
      </c>
      <c r="AA17" s="280">
        <v>0</v>
      </c>
      <c r="AB17" s="281">
        <v>1</v>
      </c>
      <c r="AC17" s="281">
        <v>1</v>
      </c>
      <c r="AD17" s="281">
        <v>3</v>
      </c>
      <c r="AE17" s="281">
        <v>3</v>
      </c>
      <c r="AF17" s="281">
        <v>6</v>
      </c>
      <c r="AG17" s="278">
        <v>14</v>
      </c>
      <c r="AH17" s="283">
        <v>14</v>
      </c>
      <c r="AI17" s="277">
        <v>0</v>
      </c>
      <c r="AJ17" s="281">
        <v>0</v>
      </c>
      <c r="AK17" s="278">
        <v>0</v>
      </c>
      <c r="AL17" s="280">
        <v>0</v>
      </c>
      <c r="AM17" s="281">
        <v>0</v>
      </c>
      <c r="AN17" s="281">
        <v>0</v>
      </c>
      <c r="AO17" s="281">
        <v>0</v>
      </c>
      <c r="AP17" s="281">
        <v>0</v>
      </c>
      <c r="AQ17" s="281">
        <v>0</v>
      </c>
      <c r="AR17" s="278">
        <v>0</v>
      </c>
      <c r="AS17" s="283">
        <v>0</v>
      </c>
      <c r="AT17" s="277">
        <v>0</v>
      </c>
      <c r="AU17" s="281">
        <v>3</v>
      </c>
      <c r="AV17" s="278">
        <v>3</v>
      </c>
      <c r="AW17" s="280">
        <v>0</v>
      </c>
      <c r="AX17" s="281">
        <v>3</v>
      </c>
      <c r="AY17" s="281">
        <v>5</v>
      </c>
      <c r="AZ17" s="281">
        <v>4</v>
      </c>
      <c r="BA17" s="281">
        <v>1</v>
      </c>
      <c r="BB17" s="281">
        <v>4</v>
      </c>
      <c r="BC17" s="282">
        <v>17</v>
      </c>
      <c r="BD17" s="283">
        <v>20</v>
      </c>
      <c r="BE17" s="277">
        <v>0</v>
      </c>
      <c r="BF17" s="281">
        <v>0</v>
      </c>
      <c r="BG17" s="278">
        <v>0</v>
      </c>
      <c r="BH17" s="280">
        <v>0</v>
      </c>
      <c r="BI17" s="281">
        <v>3</v>
      </c>
      <c r="BJ17" s="281">
        <v>2</v>
      </c>
      <c r="BK17" s="281">
        <v>3</v>
      </c>
      <c r="BL17" s="281">
        <v>2</v>
      </c>
      <c r="BM17" s="281">
        <v>1</v>
      </c>
      <c r="BN17" s="278">
        <v>11</v>
      </c>
      <c r="BO17" s="283">
        <v>11</v>
      </c>
      <c r="BP17" s="277">
        <v>0</v>
      </c>
      <c r="BQ17" s="281">
        <v>1</v>
      </c>
      <c r="BR17" s="278">
        <v>1</v>
      </c>
      <c r="BS17" s="280">
        <v>0</v>
      </c>
      <c r="BT17" s="281">
        <v>2</v>
      </c>
      <c r="BU17" s="281">
        <v>2</v>
      </c>
      <c r="BV17" s="281">
        <v>2</v>
      </c>
      <c r="BW17" s="281">
        <v>1</v>
      </c>
      <c r="BX17" s="281">
        <v>2</v>
      </c>
      <c r="BY17" s="278">
        <v>9</v>
      </c>
      <c r="BZ17" s="283">
        <v>10</v>
      </c>
      <c r="CA17" s="277">
        <v>0</v>
      </c>
      <c r="CB17" s="281">
        <v>0</v>
      </c>
      <c r="CC17" s="278">
        <v>0</v>
      </c>
      <c r="CD17" s="280">
        <v>0</v>
      </c>
      <c r="CE17" s="281">
        <v>0</v>
      </c>
      <c r="CF17" s="281">
        <v>1</v>
      </c>
      <c r="CG17" s="281">
        <v>1</v>
      </c>
      <c r="CH17" s="281">
        <v>5</v>
      </c>
      <c r="CI17" s="281">
        <v>2</v>
      </c>
      <c r="CJ17" s="278">
        <v>9</v>
      </c>
      <c r="CK17" s="283">
        <v>9</v>
      </c>
      <c r="CL17" s="277">
        <v>0</v>
      </c>
      <c r="CM17" s="281">
        <v>0</v>
      </c>
      <c r="CN17" s="278">
        <v>0</v>
      </c>
      <c r="CO17" s="280">
        <v>0</v>
      </c>
      <c r="CP17" s="281">
        <v>0</v>
      </c>
      <c r="CQ17" s="281">
        <v>0</v>
      </c>
      <c r="CR17" s="281">
        <v>0</v>
      </c>
      <c r="CS17" s="281">
        <v>0</v>
      </c>
      <c r="CT17" s="281">
        <v>0</v>
      </c>
      <c r="CU17" s="278">
        <v>0</v>
      </c>
      <c r="CV17" s="283">
        <v>0</v>
      </c>
      <c r="CW17" s="277">
        <v>0</v>
      </c>
      <c r="CX17" s="281">
        <v>0</v>
      </c>
      <c r="CY17" s="278">
        <v>0</v>
      </c>
      <c r="CZ17" s="280">
        <v>0</v>
      </c>
      <c r="DA17" s="281">
        <v>0</v>
      </c>
      <c r="DB17" s="281">
        <v>0</v>
      </c>
      <c r="DC17" s="281">
        <v>0</v>
      </c>
      <c r="DD17" s="281">
        <v>0</v>
      </c>
      <c r="DE17" s="281">
        <v>0</v>
      </c>
      <c r="DF17" s="278">
        <v>0</v>
      </c>
      <c r="DG17" s="283">
        <v>0</v>
      </c>
      <c r="DH17" s="277">
        <v>0</v>
      </c>
      <c r="DI17" s="281">
        <v>0</v>
      </c>
      <c r="DJ17" s="278">
        <v>0</v>
      </c>
      <c r="DK17" s="280">
        <v>0</v>
      </c>
      <c r="DL17" s="281">
        <v>0</v>
      </c>
      <c r="DM17" s="281">
        <v>0</v>
      </c>
      <c r="DN17" s="281">
        <v>0</v>
      </c>
      <c r="DO17" s="281">
        <v>0</v>
      </c>
      <c r="DP17" s="281">
        <v>0</v>
      </c>
      <c r="DQ17" s="278">
        <v>0</v>
      </c>
      <c r="DR17" s="283">
        <v>0</v>
      </c>
      <c r="DS17" s="277">
        <v>0</v>
      </c>
      <c r="DT17" s="281">
        <v>4</v>
      </c>
      <c r="DU17" s="278">
        <v>4</v>
      </c>
      <c r="DV17" s="280">
        <v>0</v>
      </c>
      <c r="DW17" s="281">
        <v>6</v>
      </c>
      <c r="DX17" s="281">
        <v>10</v>
      </c>
      <c r="DY17" s="281">
        <v>5</v>
      </c>
      <c r="DZ17" s="281">
        <v>8</v>
      </c>
      <c r="EA17" s="281">
        <v>7</v>
      </c>
      <c r="EB17" s="278">
        <v>36</v>
      </c>
      <c r="EC17" s="283">
        <v>40</v>
      </c>
      <c r="ED17" s="277">
        <v>2</v>
      </c>
      <c r="EE17" s="281">
        <v>3</v>
      </c>
      <c r="EF17" s="278">
        <v>5</v>
      </c>
      <c r="EG17" s="280">
        <v>0</v>
      </c>
      <c r="EH17" s="281">
        <v>6</v>
      </c>
      <c r="EI17" s="281">
        <v>2</v>
      </c>
      <c r="EJ17" s="281">
        <v>3</v>
      </c>
      <c r="EK17" s="281">
        <v>0</v>
      </c>
      <c r="EL17" s="281">
        <v>0</v>
      </c>
      <c r="EM17" s="278">
        <v>11</v>
      </c>
      <c r="EN17" s="283">
        <v>16</v>
      </c>
      <c r="EO17" s="277">
        <v>0</v>
      </c>
      <c r="EP17" s="281">
        <v>4</v>
      </c>
      <c r="EQ17" s="278">
        <v>4</v>
      </c>
      <c r="ER17" s="280">
        <v>0</v>
      </c>
      <c r="ES17" s="281">
        <v>14</v>
      </c>
      <c r="ET17" s="281">
        <v>11</v>
      </c>
      <c r="EU17" s="281">
        <v>8</v>
      </c>
      <c r="EV17" s="281">
        <v>9</v>
      </c>
      <c r="EW17" s="281">
        <v>8</v>
      </c>
      <c r="EX17" s="278">
        <v>50</v>
      </c>
      <c r="EY17" s="283">
        <v>54</v>
      </c>
    </row>
    <row r="18" spans="1:155" ht="19.5" customHeight="1" x14ac:dyDescent="0.2">
      <c r="A18" s="262" t="s">
        <v>16</v>
      </c>
      <c r="B18" s="277">
        <v>0</v>
      </c>
      <c r="C18" s="281">
        <v>0</v>
      </c>
      <c r="D18" s="385">
        <v>0</v>
      </c>
      <c r="E18" s="280">
        <v>0</v>
      </c>
      <c r="F18" s="281">
        <v>10</v>
      </c>
      <c r="G18" s="281">
        <v>12</v>
      </c>
      <c r="H18" s="281">
        <v>8</v>
      </c>
      <c r="I18" s="281">
        <v>3</v>
      </c>
      <c r="J18" s="281">
        <v>4</v>
      </c>
      <c r="K18" s="282">
        <v>37</v>
      </c>
      <c r="L18" s="283">
        <v>37</v>
      </c>
      <c r="M18" s="277">
        <v>0</v>
      </c>
      <c r="N18" s="281">
        <v>0</v>
      </c>
      <c r="O18" s="278">
        <v>0</v>
      </c>
      <c r="P18" s="280">
        <v>0</v>
      </c>
      <c r="Q18" s="281">
        <v>0</v>
      </c>
      <c r="R18" s="281">
        <v>1</v>
      </c>
      <c r="S18" s="281">
        <v>1</v>
      </c>
      <c r="T18" s="281">
        <v>0</v>
      </c>
      <c r="U18" s="281">
        <v>1</v>
      </c>
      <c r="V18" s="278">
        <v>3</v>
      </c>
      <c r="W18" s="283">
        <v>3</v>
      </c>
      <c r="X18" s="277">
        <v>2</v>
      </c>
      <c r="Y18" s="281">
        <v>3</v>
      </c>
      <c r="Z18" s="278">
        <v>5</v>
      </c>
      <c r="AA18" s="280">
        <v>0</v>
      </c>
      <c r="AB18" s="281">
        <v>7</v>
      </c>
      <c r="AC18" s="281">
        <v>13</v>
      </c>
      <c r="AD18" s="281">
        <v>9</v>
      </c>
      <c r="AE18" s="281">
        <v>5</v>
      </c>
      <c r="AF18" s="281">
        <v>5</v>
      </c>
      <c r="AG18" s="278">
        <v>39</v>
      </c>
      <c r="AH18" s="283">
        <v>44</v>
      </c>
      <c r="AI18" s="277">
        <v>0</v>
      </c>
      <c r="AJ18" s="281">
        <v>1</v>
      </c>
      <c r="AK18" s="278">
        <v>1</v>
      </c>
      <c r="AL18" s="280">
        <v>0</v>
      </c>
      <c r="AM18" s="281">
        <v>0</v>
      </c>
      <c r="AN18" s="281">
        <v>0</v>
      </c>
      <c r="AO18" s="281">
        <v>2</v>
      </c>
      <c r="AP18" s="281">
        <v>0</v>
      </c>
      <c r="AQ18" s="281">
        <v>1</v>
      </c>
      <c r="AR18" s="278">
        <v>3</v>
      </c>
      <c r="AS18" s="283">
        <v>4</v>
      </c>
      <c r="AT18" s="277">
        <v>5</v>
      </c>
      <c r="AU18" s="281">
        <v>0</v>
      </c>
      <c r="AV18" s="278">
        <v>5</v>
      </c>
      <c r="AW18" s="280">
        <v>0</v>
      </c>
      <c r="AX18" s="281">
        <v>16</v>
      </c>
      <c r="AY18" s="281">
        <v>12</v>
      </c>
      <c r="AZ18" s="281">
        <v>13</v>
      </c>
      <c r="BA18" s="281">
        <v>14</v>
      </c>
      <c r="BB18" s="281">
        <v>9</v>
      </c>
      <c r="BC18" s="282">
        <v>64</v>
      </c>
      <c r="BD18" s="283">
        <v>69</v>
      </c>
      <c r="BE18" s="277">
        <v>0</v>
      </c>
      <c r="BF18" s="281">
        <v>0</v>
      </c>
      <c r="BG18" s="278">
        <v>0</v>
      </c>
      <c r="BH18" s="280">
        <v>0</v>
      </c>
      <c r="BI18" s="281">
        <v>16</v>
      </c>
      <c r="BJ18" s="281">
        <v>16</v>
      </c>
      <c r="BK18" s="281">
        <v>6</v>
      </c>
      <c r="BL18" s="281">
        <v>3</v>
      </c>
      <c r="BM18" s="281">
        <v>2</v>
      </c>
      <c r="BN18" s="278">
        <v>43</v>
      </c>
      <c r="BO18" s="283">
        <v>43</v>
      </c>
      <c r="BP18" s="277">
        <v>5</v>
      </c>
      <c r="BQ18" s="281">
        <v>5</v>
      </c>
      <c r="BR18" s="278">
        <v>10</v>
      </c>
      <c r="BS18" s="280">
        <v>0</v>
      </c>
      <c r="BT18" s="281">
        <v>10</v>
      </c>
      <c r="BU18" s="281">
        <v>13</v>
      </c>
      <c r="BV18" s="281">
        <v>4</v>
      </c>
      <c r="BW18" s="281">
        <v>0</v>
      </c>
      <c r="BX18" s="281">
        <v>0</v>
      </c>
      <c r="BY18" s="278">
        <v>27</v>
      </c>
      <c r="BZ18" s="283">
        <v>37</v>
      </c>
      <c r="CA18" s="277">
        <v>0</v>
      </c>
      <c r="CB18" s="281">
        <v>0</v>
      </c>
      <c r="CC18" s="278">
        <v>0</v>
      </c>
      <c r="CD18" s="280">
        <v>0</v>
      </c>
      <c r="CE18" s="281">
        <v>3</v>
      </c>
      <c r="CF18" s="281">
        <v>3</v>
      </c>
      <c r="CG18" s="281">
        <v>3</v>
      </c>
      <c r="CH18" s="281">
        <v>0</v>
      </c>
      <c r="CI18" s="281">
        <v>1</v>
      </c>
      <c r="CJ18" s="278">
        <v>10</v>
      </c>
      <c r="CK18" s="283">
        <v>10</v>
      </c>
      <c r="CL18" s="277">
        <v>0</v>
      </c>
      <c r="CM18" s="281">
        <v>0</v>
      </c>
      <c r="CN18" s="278">
        <v>0</v>
      </c>
      <c r="CO18" s="280">
        <v>0</v>
      </c>
      <c r="CP18" s="281">
        <v>1</v>
      </c>
      <c r="CQ18" s="281">
        <v>0</v>
      </c>
      <c r="CR18" s="281">
        <v>1</v>
      </c>
      <c r="CS18" s="281">
        <v>0</v>
      </c>
      <c r="CT18" s="281">
        <v>0</v>
      </c>
      <c r="CU18" s="278">
        <v>2</v>
      </c>
      <c r="CV18" s="283">
        <v>2</v>
      </c>
      <c r="CW18" s="277">
        <v>0</v>
      </c>
      <c r="CX18" s="281">
        <v>0</v>
      </c>
      <c r="CY18" s="278">
        <v>0</v>
      </c>
      <c r="CZ18" s="280">
        <v>0</v>
      </c>
      <c r="DA18" s="281">
        <v>0</v>
      </c>
      <c r="DB18" s="281">
        <v>0</v>
      </c>
      <c r="DC18" s="281">
        <v>0</v>
      </c>
      <c r="DD18" s="281">
        <v>0</v>
      </c>
      <c r="DE18" s="281">
        <v>0</v>
      </c>
      <c r="DF18" s="278">
        <v>0</v>
      </c>
      <c r="DG18" s="283">
        <v>0</v>
      </c>
      <c r="DH18" s="277">
        <v>0</v>
      </c>
      <c r="DI18" s="281">
        <v>0</v>
      </c>
      <c r="DJ18" s="278">
        <v>0</v>
      </c>
      <c r="DK18" s="280">
        <v>0</v>
      </c>
      <c r="DL18" s="281">
        <v>0</v>
      </c>
      <c r="DM18" s="281">
        <v>0</v>
      </c>
      <c r="DN18" s="281">
        <v>0</v>
      </c>
      <c r="DO18" s="281">
        <v>0</v>
      </c>
      <c r="DP18" s="281">
        <v>0</v>
      </c>
      <c r="DQ18" s="278">
        <v>0</v>
      </c>
      <c r="DR18" s="283">
        <v>0</v>
      </c>
      <c r="DS18" s="277">
        <v>6</v>
      </c>
      <c r="DT18" s="281">
        <v>14</v>
      </c>
      <c r="DU18" s="278">
        <v>20</v>
      </c>
      <c r="DV18" s="280">
        <v>0</v>
      </c>
      <c r="DW18" s="281">
        <v>20</v>
      </c>
      <c r="DX18" s="281">
        <v>35</v>
      </c>
      <c r="DY18" s="281">
        <v>25</v>
      </c>
      <c r="DZ18" s="281">
        <v>8</v>
      </c>
      <c r="EA18" s="281">
        <v>8</v>
      </c>
      <c r="EB18" s="278">
        <v>96</v>
      </c>
      <c r="EC18" s="283">
        <v>116</v>
      </c>
      <c r="ED18" s="277">
        <v>6</v>
      </c>
      <c r="EE18" s="281">
        <v>0</v>
      </c>
      <c r="EF18" s="278">
        <v>6</v>
      </c>
      <c r="EG18" s="280">
        <v>0</v>
      </c>
      <c r="EH18" s="281">
        <v>14</v>
      </c>
      <c r="EI18" s="281">
        <v>10</v>
      </c>
      <c r="EJ18" s="281">
        <v>2</v>
      </c>
      <c r="EK18" s="281">
        <v>12</v>
      </c>
      <c r="EL18" s="281">
        <v>6</v>
      </c>
      <c r="EM18" s="278">
        <v>44</v>
      </c>
      <c r="EN18" s="283">
        <v>50</v>
      </c>
      <c r="EO18" s="277">
        <v>12</v>
      </c>
      <c r="EP18" s="281">
        <v>20</v>
      </c>
      <c r="EQ18" s="278">
        <v>32</v>
      </c>
      <c r="ER18" s="280">
        <v>0</v>
      </c>
      <c r="ES18" s="281">
        <v>46</v>
      </c>
      <c r="ET18" s="281">
        <v>51</v>
      </c>
      <c r="EU18" s="281">
        <v>27</v>
      </c>
      <c r="EV18" s="281">
        <v>9</v>
      </c>
      <c r="EW18" s="281">
        <v>10</v>
      </c>
      <c r="EX18" s="278">
        <v>143</v>
      </c>
      <c r="EY18" s="283">
        <v>175</v>
      </c>
    </row>
    <row r="19" spans="1:155" ht="19.5" customHeight="1" x14ac:dyDescent="0.2">
      <c r="A19" s="262" t="s">
        <v>17</v>
      </c>
      <c r="B19" s="277">
        <v>0</v>
      </c>
      <c r="C19" s="281">
        <v>0</v>
      </c>
      <c r="D19" s="385">
        <v>0</v>
      </c>
      <c r="E19" s="280">
        <v>0</v>
      </c>
      <c r="F19" s="281">
        <v>8</v>
      </c>
      <c r="G19" s="281">
        <v>19</v>
      </c>
      <c r="H19" s="281">
        <v>19</v>
      </c>
      <c r="I19" s="281">
        <v>7</v>
      </c>
      <c r="J19" s="281">
        <v>4</v>
      </c>
      <c r="K19" s="282">
        <v>57</v>
      </c>
      <c r="L19" s="283">
        <v>57</v>
      </c>
      <c r="M19" s="277">
        <v>0</v>
      </c>
      <c r="N19" s="281">
        <v>0</v>
      </c>
      <c r="O19" s="278">
        <v>0</v>
      </c>
      <c r="P19" s="280">
        <v>0</v>
      </c>
      <c r="Q19" s="281">
        <v>0</v>
      </c>
      <c r="R19" s="281">
        <v>4</v>
      </c>
      <c r="S19" s="281">
        <v>2</v>
      </c>
      <c r="T19" s="281">
        <v>4</v>
      </c>
      <c r="U19" s="281">
        <v>3</v>
      </c>
      <c r="V19" s="278">
        <v>13</v>
      </c>
      <c r="W19" s="283">
        <v>13</v>
      </c>
      <c r="X19" s="277">
        <v>5</v>
      </c>
      <c r="Y19" s="281">
        <v>9</v>
      </c>
      <c r="Z19" s="278">
        <v>14</v>
      </c>
      <c r="AA19" s="280">
        <v>0</v>
      </c>
      <c r="AB19" s="281">
        <v>13</v>
      </c>
      <c r="AC19" s="281">
        <v>22</v>
      </c>
      <c r="AD19" s="281">
        <v>13</v>
      </c>
      <c r="AE19" s="281">
        <v>8</v>
      </c>
      <c r="AF19" s="281">
        <v>7</v>
      </c>
      <c r="AG19" s="278">
        <v>63</v>
      </c>
      <c r="AH19" s="283">
        <v>77</v>
      </c>
      <c r="AI19" s="277">
        <v>0</v>
      </c>
      <c r="AJ19" s="281">
        <v>0</v>
      </c>
      <c r="AK19" s="278">
        <v>0</v>
      </c>
      <c r="AL19" s="280">
        <v>0</v>
      </c>
      <c r="AM19" s="281">
        <v>0</v>
      </c>
      <c r="AN19" s="281">
        <v>1</v>
      </c>
      <c r="AO19" s="281">
        <v>1</v>
      </c>
      <c r="AP19" s="281">
        <v>0</v>
      </c>
      <c r="AQ19" s="281">
        <v>0</v>
      </c>
      <c r="AR19" s="278">
        <v>2</v>
      </c>
      <c r="AS19" s="283">
        <v>2</v>
      </c>
      <c r="AT19" s="277">
        <v>2</v>
      </c>
      <c r="AU19" s="281">
        <v>8</v>
      </c>
      <c r="AV19" s="278">
        <v>10</v>
      </c>
      <c r="AW19" s="280">
        <v>0</v>
      </c>
      <c r="AX19" s="281">
        <v>17</v>
      </c>
      <c r="AY19" s="281">
        <v>31</v>
      </c>
      <c r="AZ19" s="281">
        <v>21</v>
      </c>
      <c r="BA19" s="281">
        <v>24</v>
      </c>
      <c r="BB19" s="281">
        <v>18</v>
      </c>
      <c r="BC19" s="282">
        <v>111</v>
      </c>
      <c r="BD19" s="283">
        <v>121</v>
      </c>
      <c r="BE19" s="277">
        <v>0</v>
      </c>
      <c r="BF19" s="281">
        <v>0</v>
      </c>
      <c r="BG19" s="278">
        <v>0</v>
      </c>
      <c r="BH19" s="280">
        <v>0</v>
      </c>
      <c r="BI19" s="281">
        <v>20</v>
      </c>
      <c r="BJ19" s="281">
        <v>34</v>
      </c>
      <c r="BK19" s="281">
        <v>15</v>
      </c>
      <c r="BL19" s="281">
        <v>7</v>
      </c>
      <c r="BM19" s="281">
        <v>0</v>
      </c>
      <c r="BN19" s="278">
        <v>76</v>
      </c>
      <c r="BO19" s="283">
        <v>76</v>
      </c>
      <c r="BP19" s="277">
        <v>2</v>
      </c>
      <c r="BQ19" s="281">
        <v>4</v>
      </c>
      <c r="BR19" s="278">
        <v>6</v>
      </c>
      <c r="BS19" s="280">
        <v>0</v>
      </c>
      <c r="BT19" s="281">
        <v>7</v>
      </c>
      <c r="BU19" s="281">
        <v>3</v>
      </c>
      <c r="BV19" s="281">
        <v>6</v>
      </c>
      <c r="BW19" s="281">
        <v>2</v>
      </c>
      <c r="BX19" s="281">
        <v>1</v>
      </c>
      <c r="BY19" s="278">
        <v>19</v>
      </c>
      <c r="BZ19" s="283">
        <v>25</v>
      </c>
      <c r="CA19" s="277">
        <v>0</v>
      </c>
      <c r="CB19" s="281">
        <v>0</v>
      </c>
      <c r="CC19" s="278">
        <v>0</v>
      </c>
      <c r="CD19" s="280">
        <v>0</v>
      </c>
      <c r="CE19" s="281">
        <v>4</v>
      </c>
      <c r="CF19" s="281">
        <v>4</v>
      </c>
      <c r="CG19" s="281">
        <v>5</v>
      </c>
      <c r="CH19" s="281">
        <v>4</v>
      </c>
      <c r="CI19" s="281">
        <v>0</v>
      </c>
      <c r="CJ19" s="278">
        <v>17</v>
      </c>
      <c r="CK19" s="283">
        <v>17</v>
      </c>
      <c r="CL19" s="277">
        <v>0</v>
      </c>
      <c r="CM19" s="281">
        <v>0</v>
      </c>
      <c r="CN19" s="278">
        <v>0</v>
      </c>
      <c r="CO19" s="280">
        <v>0</v>
      </c>
      <c r="CP19" s="281">
        <v>1</v>
      </c>
      <c r="CQ19" s="281">
        <v>0</v>
      </c>
      <c r="CR19" s="281">
        <v>1</v>
      </c>
      <c r="CS19" s="281">
        <v>0</v>
      </c>
      <c r="CT19" s="281">
        <v>0</v>
      </c>
      <c r="CU19" s="278">
        <v>2</v>
      </c>
      <c r="CV19" s="283">
        <v>2</v>
      </c>
      <c r="CW19" s="277">
        <v>0</v>
      </c>
      <c r="CX19" s="281">
        <v>0</v>
      </c>
      <c r="CY19" s="278">
        <v>0</v>
      </c>
      <c r="CZ19" s="280">
        <v>0</v>
      </c>
      <c r="DA19" s="281">
        <v>0</v>
      </c>
      <c r="DB19" s="281">
        <v>0</v>
      </c>
      <c r="DC19" s="281">
        <v>0</v>
      </c>
      <c r="DD19" s="281">
        <v>0</v>
      </c>
      <c r="DE19" s="281">
        <v>0</v>
      </c>
      <c r="DF19" s="278">
        <v>0</v>
      </c>
      <c r="DG19" s="283">
        <v>0</v>
      </c>
      <c r="DH19" s="277">
        <v>0</v>
      </c>
      <c r="DI19" s="281">
        <v>0</v>
      </c>
      <c r="DJ19" s="278">
        <v>0</v>
      </c>
      <c r="DK19" s="280">
        <v>0</v>
      </c>
      <c r="DL19" s="281">
        <v>0</v>
      </c>
      <c r="DM19" s="281">
        <v>0</v>
      </c>
      <c r="DN19" s="281">
        <v>0</v>
      </c>
      <c r="DO19" s="281">
        <v>0</v>
      </c>
      <c r="DP19" s="281">
        <v>0</v>
      </c>
      <c r="DQ19" s="278">
        <v>0</v>
      </c>
      <c r="DR19" s="283">
        <v>0</v>
      </c>
      <c r="DS19" s="277">
        <v>17</v>
      </c>
      <c r="DT19" s="281">
        <v>19</v>
      </c>
      <c r="DU19" s="278">
        <v>36</v>
      </c>
      <c r="DV19" s="280">
        <v>0</v>
      </c>
      <c r="DW19" s="281">
        <v>19</v>
      </c>
      <c r="DX19" s="281">
        <v>60</v>
      </c>
      <c r="DY19" s="281">
        <v>41</v>
      </c>
      <c r="DZ19" s="281">
        <v>25</v>
      </c>
      <c r="EA19" s="281">
        <v>11</v>
      </c>
      <c r="EB19" s="278">
        <v>156</v>
      </c>
      <c r="EC19" s="283">
        <v>192</v>
      </c>
      <c r="ED19" s="277">
        <v>2</v>
      </c>
      <c r="EE19" s="281">
        <v>4</v>
      </c>
      <c r="EF19" s="278">
        <v>6</v>
      </c>
      <c r="EG19" s="280">
        <v>0</v>
      </c>
      <c r="EH19" s="281">
        <v>11</v>
      </c>
      <c r="EI19" s="281">
        <v>8</v>
      </c>
      <c r="EJ19" s="281">
        <v>5</v>
      </c>
      <c r="EK19" s="281">
        <v>15</v>
      </c>
      <c r="EL19" s="281">
        <v>7</v>
      </c>
      <c r="EM19" s="278">
        <v>46</v>
      </c>
      <c r="EN19" s="283">
        <v>52</v>
      </c>
      <c r="EO19" s="277">
        <v>21</v>
      </c>
      <c r="EP19" s="281">
        <v>25</v>
      </c>
      <c r="EQ19" s="278">
        <v>46</v>
      </c>
      <c r="ER19" s="280">
        <v>0</v>
      </c>
      <c r="ES19" s="281">
        <v>57</v>
      </c>
      <c r="ET19" s="281">
        <v>83</v>
      </c>
      <c r="EU19" s="281">
        <v>49</v>
      </c>
      <c r="EV19" s="281">
        <v>26</v>
      </c>
      <c r="EW19" s="281">
        <v>13</v>
      </c>
      <c r="EX19" s="278">
        <v>228</v>
      </c>
      <c r="EY19" s="283">
        <v>274</v>
      </c>
    </row>
    <row r="20" spans="1:155" ht="19.5" customHeight="1" x14ac:dyDescent="0.2">
      <c r="A20" s="262" t="s">
        <v>18</v>
      </c>
      <c r="B20" s="277">
        <v>0</v>
      </c>
      <c r="C20" s="281">
        <v>0</v>
      </c>
      <c r="D20" s="385">
        <v>0</v>
      </c>
      <c r="E20" s="280">
        <v>0</v>
      </c>
      <c r="F20" s="281">
        <v>24</v>
      </c>
      <c r="G20" s="281">
        <v>32</v>
      </c>
      <c r="H20" s="281">
        <v>19</v>
      </c>
      <c r="I20" s="281">
        <v>15</v>
      </c>
      <c r="J20" s="281">
        <v>9</v>
      </c>
      <c r="K20" s="282">
        <v>99</v>
      </c>
      <c r="L20" s="283">
        <v>99</v>
      </c>
      <c r="M20" s="277">
        <v>0</v>
      </c>
      <c r="N20" s="281">
        <v>0</v>
      </c>
      <c r="O20" s="278">
        <v>0</v>
      </c>
      <c r="P20" s="280">
        <v>0</v>
      </c>
      <c r="Q20" s="281">
        <v>0</v>
      </c>
      <c r="R20" s="281">
        <v>1</v>
      </c>
      <c r="S20" s="281">
        <v>1</v>
      </c>
      <c r="T20" s="281">
        <v>4</v>
      </c>
      <c r="U20" s="281">
        <v>5</v>
      </c>
      <c r="V20" s="278">
        <v>11</v>
      </c>
      <c r="W20" s="283">
        <v>11</v>
      </c>
      <c r="X20" s="277">
        <v>6</v>
      </c>
      <c r="Y20" s="281">
        <v>6</v>
      </c>
      <c r="Z20" s="278">
        <v>12</v>
      </c>
      <c r="AA20" s="280">
        <v>0</v>
      </c>
      <c r="AB20" s="281">
        <v>17</v>
      </c>
      <c r="AC20" s="281">
        <v>33</v>
      </c>
      <c r="AD20" s="281">
        <v>13</v>
      </c>
      <c r="AE20" s="281">
        <v>20</v>
      </c>
      <c r="AF20" s="281">
        <v>8</v>
      </c>
      <c r="AG20" s="278">
        <v>91</v>
      </c>
      <c r="AH20" s="283">
        <v>103</v>
      </c>
      <c r="AI20" s="277">
        <v>1</v>
      </c>
      <c r="AJ20" s="281">
        <v>0</v>
      </c>
      <c r="AK20" s="278">
        <v>1</v>
      </c>
      <c r="AL20" s="280">
        <v>0</v>
      </c>
      <c r="AM20" s="281">
        <v>2</v>
      </c>
      <c r="AN20" s="281">
        <v>4</v>
      </c>
      <c r="AO20" s="281">
        <v>1</v>
      </c>
      <c r="AP20" s="281">
        <v>2</v>
      </c>
      <c r="AQ20" s="281">
        <v>1</v>
      </c>
      <c r="AR20" s="278">
        <v>10</v>
      </c>
      <c r="AS20" s="283">
        <v>11</v>
      </c>
      <c r="AT20" s="277">
        <v>6</v>
      </c>
      <c r="AU20" s="281">
        <v>2</v>
      </c>
      <c r="AV20" s="278">
        <v>8</v>
      </c>
      <c r="AW20" s="280">
        <v>0</v>
      </c>
      <c r="AX20" s="281">
        <v>27</v>
      </c>
      <c r="AY20" s="281">
        <v>34</v>
      </c>
      <c r="AZ20" s="281">
        <v>21</v>
      </c>
      <c r="BA20" s="281">
        <v>33</v>
      </c>
      <c r="BB20" s="281">
        <v>28</v>
      </c>
      <c r="BC20" s="282">
        <v>143</v>
      </c>
      <c r="BD20" s="283">
        <v>151</v>
      </c>
      <c r="BE20" s="277">
        <v>0</v>
      </c>
      <c r="BF20" s="281">
        <v>0</v>
      </c>
      <c r="BG20" s="278">
        <v>0</v>
      </c>
      <c r="BH20" s="280">
        <v>0</v>
      </c>
      <c r="BI20" s="281">
        <v>31</v>
      </c>
      <c r="BJ20" s="281">
        <v>46</v>
      </c>
      <c r="BK20" s="281">
        <v>13</v>
      </c>
      <c r="BL20" s="281">
        <v>10</v>
      </c>
      <c r="BM20" s="281">
        <v>3</v>
      </c>
      <c r="BN20" s="278">
        <v>103</v>
      </c>
      <c r="BO20" s="283">
        <v>103</v>
      </c>
      <c r="BP20" s="277">
        <v>3</v>
      </c>
      <c r="BQ20" s="281">
        <v>4</v>
      </c>
      <c r="BR20" s="278">
        <v>7</v>
      </c>
      <c r="BS20" s="280">
        <v>0</v>
      </c>
      <c r="BT20" s="281">
        <v>8</v>
      </c>
      <c r="BU20" s="281">
        <v>10</v>
      </c>
      <c r="BV20" s="281">
        <v>6</v>
      </c>
      <c r="BW20" s="281">
        <v>5</v>
      </c>
      <c r="BX20" s="281">
        <v>2</v>
      </c>
      <c r="BY20" s="278">
        <v>31</v>
      </c>
      <c r="BZ20" s="283">
        <v>38</v>
      </c>
      <c r="CA20" s="277">
        <v>0</v>
      </c>
      <c r="CB20" s="281">
        <v>0</v>
      </c>
      <c r="CC20" s="278">
        <v>0</v>
      </c>
      <c r="CD20" s="280">
        <v>0</v>
      </c>
      <c r="CE20" s="281">
        <v>2</v>
      </c>
      <c r="CF20" s="281">
        <v>7</v>
      </c>
      <c r="CG20" s="281">
        <v>6</v>
      </c>
      <c r="CH20" s="281">
        <v>4</v>
      </c>
      <c r="CI20" s="281">
        <v>2</v>
      </c>
      <c r="CJ20" s="278">
        <v>21</v>
      </c>
      <c r="CK20" s="283">
        <v>21</v>
      </c>
      <c r="CL20" s="277">
        <v>0</v>
      </c>
      <c r="CM20" s="281">
        <v>0</v>
      </c>
      <c r="CN20" s="278">
        <v>0</v>
      </c>
      <c r="CO20" s="280">
        <v>0</v>
      </c>
      <c r="CP20" s="281">
        <v>0</v>
      </c>
      <c r="CQ20" s="281">
        <v>0</v>
      </c>
      <c r="CR20" s="281">
        <v>0</v>
      </c>
      <c r="CS20" s="281">
        <v>0</v>
      </c>
      <c r="CT20" s="281">
        <v>1</v>
      </c>
      <c r="CU20" s="278">
        <v>1</v>
      </c>
      <c r="CV20" s="283">
        <v>1</v>
      </c>
      <c r="CW20" s="277">
        <v>0</v>
      </c>
      <c r="CX20" s="281">
        <v>0</v>
      </c>
      <c r="CY20" s="278">
        <v>0</v>
      </c>
      <c r="CZ20" s="280">
        <v>0</v>
      </c>
      <c r="DA20" s="281">
        <v>0</v>
      </c>
      <c r="DB20" s="281">
        <v>0</v>
      </c>
      <c r="DC20" s="281">
        <v>0</v>
      </c>
      <c r="DD20" s="281">
        <v>0</v>
      </c>
      <c r="DE20" s="281">
        <v>0</v>
      </c>
      <c r="DF20" s="278">
        <v>0</v>
      </c>
      <c r="DG20" s="283">
        <v>0</v>
      </c>
      <c r="DH20" s="277">
        <v>0</v>
      </c>
      <c r="DI20" s="281">
        <v>0</v>
      </c>
      <c r="DJ20" s="278">
        <v>0</v>
      </c>
      <c r="DK20" s="280">
        <v>0</v>
      </c>
      <c r="DL20" s="281">
        <v>0</v>
      </c>
      <c r="DM20" s="281">
        <v>0</v>
      </c>
      <c r="DN20" s="281">
        <v>0</v>
      </c>
      <c r="DO20" s="281">
        <v>0</v>
      </c>
      <c r="DP20" s="281">
        <v>0</v>
      </c>
      <c r="DQ20" s="278">
        <v>0</v>
      </c>
      <c r="DR20" s="283">
        <v>0</v>
      </c>
      <c r="DS20" s="277">
        <v>11</v>
      </c>
      <c r="DT20" s="281">
        <v>22</v>
      </c>
      <c r="DU20" s="278">
        <v>33</v>
      </c>
      <c r="DV20" s="280">
        <v>0</v>
      </c>
      <c r="DW20" s="281">
        <v>40</v>
      </c>
      <c r="DX20" s="281">
        <v>70</v>
      </c>
      <c r="DY20" s="281">
        <v>33</v>
      </c>
      <c r="DZ20" s="281">
        <v>38</v>
      </c>
      <c r="EA20" s="281">
        <v>21</v>
      </c>
      <c r="EB20" s="278">
        <v>202</v>
      </c>
      <c r="EC20" s="283">
        <v>235</v>
      </c>
      <c r="ED20" s="277">
        <v>4</v>
      </c>
      <c r="EE20" s="281">
        <v>1</v>
      </c>
      <c r="EF20" s="278">
        <v>5</v>
      </c>
      <c r="EG20" s="280">
        <v>0</v>
      </c>
      <c r="EH20" s="281">
        <v>12</v>
      </c>
      <c r="EI20" s="281">
        <v>11</v>
      </c>
      <c r="EJ20" s="281">
        <v>7</v>
      </c>
      <c r="EK20" s="281">
        <v>12</v>
      </c>
      <c r="EL20" s="281">
        <v>13</v>
      </c>
      <c r="EM20" s="278">
        <v>55</v>
      </c>
      <c r="EN20" s="283">
        <v>60</v>
      </c>
      <c r="EO20" s="277">
        <v>19</v>
      </c>
      <c r="EP20" s="281">
        <v>29</v>
      </c>
      <c r="EQ20" s="278">
        <v>48</v>
      </c>
      <c r="ER20" s="280">
        <v>0</v>
      </c>
      <c r="ES20" s="281">
        <v>90</v>
      </c>
      <c r="ET20" s="281">
        <v>110</v>
      </c>
      <c r="EU20" s="281">
        <v>44</v>
      </c>
      <c r="EV20" s="281">
        <v>39</v>
      </c>
      <c r="EW20" s="281">
        <v>18</v>
      </c>
      <c r="EX20" s="278">
        <v>301</v>
      </c>
      <c r="EY20" s="283">
        <v>349</v>
      </c>
    </row>
    <row r="21" spans="1:155" ht="19.5" customHeight="1" x14ac:dyDescent="0.2">
      <c r="A21" s="262" t="s">
        <v>19</v>
      </c>
      <c r="B21" s="277">
        <v>0</v>
      </c>
      <c r="C21" s="281">
        <v>0</v>
      </c>
      <c r="D21" s="385">
        <v>0</v>
      </c>
      <c r="E21" s="280">
        <v>0</v>
      </c>
      <c r="F21" s="281">
        <v>7</v>
      </c>
      <c r="G21" s="281">
        <v>9</v>
      </c>
      <c r="H21" s="281">
        <v>7</v>
      </c>
      <c r="I21" s="281">
        <v>4</v>
      </c>
      <c r="J21" s="281">
        <v>2</v>
      </c>
      <c r="K21" s="282">
        <v>29</v>
      </c>
      <c r="L21" s="283">
        <v>29</v>
      </c>
      <c r="M21" s="277">
        <v>0</v>
      </c>
      <c r="N21" s="281">
        <v>0</v>
      </c>
      <c r="O21" s="278">
        <v>0</v>
      </c>
      <c r="P21" s="280">
        <v>0</v>
      </c>
      <c r="Q21" s="281">
        <v>0</v>
      </c>
      <c r="R21" s="281">
        <v>0</v>
      </c>
      <c r="S21" s="281">
        <v>1</v>
      </c>
      <c r="T21" s="281">
        <v>1</v>
      </c>
      <c r="U21" s="281">
        <v>2</v>
      </c>
      <c r="V21" s="278">
        <v>4</v>
      </c>
      <c r="W21" s="283">
        <v>4</v>
      </c>
      <c r="X21" s="277">
        <v>3</v>
      </c>
      <c r="Y21" s="281">
        <v>2</v>
      </c>
      <c r="Z21" s="278">
        <v>5</v>
      </c>
      <c r="AA21" s="280">
        <v>0</v>
      </c>
      <c r="AB21" s="281">
        <v>8</v>
      </c>
      <c r="AC21" s="281">
        <v>12</v>
      </c>
      <c r="AD21" s="281">
        <v>5</v>
      </c>
      <c r="AE21" s="281">
        <v>5</v>
      </c>
      <c r="AF21" s="281">
        <v>5</v>
      </c>
      <c r="AG21" s="278">
        <v>35</v>
      </c>
      <c r="AH21" s="283">
        <v>40</v>
      </c>
      <c r="AI21" s="277">
        <v>0</v>
      </c>
      <c r="AJ21" s="281">
        <v>0</v>
      </c>
      <c r="AK21" s="278">
        <v>0</v>
      </c>
      <c r="AL21" s="280">
        <v>0</v>
      </c>
      <c r="AM21" s="281">
        <v>0</v>
      </c>
      <c r="AN21" s="281">
        <v>1</v>
      </c>
      <c r="AO21" s="281">
        <v>1</v>
      </c>
      <c r="AP21" s="281">
        <v>0</v>
      </c>
      <c r="AQ21" s="281">
        <v>0</v>
      </c>
      <c r="AR21" s="278">
        <v>2</v>
      </c>
      <c r="AS21" s="283">
        <v>2</v>
      </c>
      <c r="AT21" s="277">
        <v>4</v>
      </c>
      <c r="AU21" s="281">
        <v>3</v>
      </c>
      <c r="AV21" s="278">
        <v>7</v>
      </c>
      <c r="AW21" s="280">
        <v>0</v>
      </c>
      <c r="AX21" s="281">
        <v>9</v>
      </c>
      <c r="AY21" s="281">
        <v>12</v>
      </c>
      <c r="AZ21" s="281">
        <v>12</v>
      </c>
      <c r="BA21" s="281">
        <v>8</v>
      </c>
      <c r="BB21" s="281">
        <v>6</v>
      </c>
      <c r="BC21" s="282">
        <v>47</v>
      </c>
      <c r="BD21" s="283">
        <v>54</v>
      </c>
      <c r="BE21" s="277">
        <v>0</v>
      </c>
      <c r="BF21" s="281">
        <v>0</v>
      </c>
      <c r="BG21" s="278">
        <v>0</v>
      </c>
      <c r="BH21" s="280">
        <v>0</v>
      </c>
      <c r="BI21" s="281">
        <v>18</v>
      </c>
      <c r="BJ21" s="281">
        <v>7</v>
      </c>
      <c r="BK21" s="281">
        <v>7</v>
      </c>
      <c r="BL21" s="281">
        <v>1</v>
      </c>
      <c r="BM21" s="281">
        <v>4</v>
      </c>
      <c r="BN21" s="278">
        <v>37</v>
      </c>
      <c r="BO21" s="283">
        <v>37</v>
      </c>
      <c r="BP21" s="277">
        <v>0</v>
      </c>
      <c r="BQ21" s="281">
        <v>3</v>
      </c>
      <c r="BR21" s="278">
        <v>3</v>
      </c>
      <c r="BS21" s="280">
        <v>0</v>
      </c>
      <c r="BT21" s="281">
        <v>3</v>
      </c>
      <c r="BU21" s="281">
        <v>2</v>
      </c>
      <c r="BV21" s="281">
        <v>3</v>
      </c>
      <c r="BW21" s="281">
        <v>5</v>
      </c>
      <c r="BX21" s="281">
        <v>2</v>
      </c>
      <c r="BY21" s="278">
        <v>15</v>
      </c>
      <c r="BZ21" s="283">
        <v>18</v>
      </c>
      <c r="CA21" s="277">
        <v>0</v>
      </c>
      <c r="CB21" s="281">
        <v>1</v>
      </c>
      <c r="CC21" s="278">
        <v>1</v>
      </c>
      <c r="CD21" s="280">
        <v>0</v>
      </c>
      <c r="CE21" s="281">
        <v>1</v>
      </c>
      <c r="CF21" s="281">
        <v>3</v>
      </c>
      <c r="CG21" s="281">
        <v>2</v>
      </c>
      <c r="CH21" s="281">
        <v>0</v>
      </c>
      <c r="CI21" s="281">
        <v>1</v>
      </c>
      <c r="CJ21" s="278">
        <v>7</v>
      </c>
      <c r="CK21" s="283">
        <v>8</v>
      </c>
      <c r="CL21" s="277">
        <v>0</v>
      </c>
      <c r="CM21" s="281">
        <v>0</v>
      </c>
      <c r="CN21" s="278">
        <v>0</v>
      </c>
      <c r="CO21" s="280">
        <v>0</v>
      </c>
      <c r="CP21" s="281">
        <v>0</v>
      </c>
      <c r="CQ21" s="281">
        <v>1</v>
      </c>
      <c r="CR21" s="281">
        <v>1</v>
      </c>
      <c r="CS21" s="281">
        <v>2</v>
      </c>
      <c r="CT21" s="281">
        <v>0</v>
      </c>
      <c r="CU21" s="278">
        <v>4</v>
      </c>
      <c r="CV21" s="283">
        <v>4</v>
      </c>
      <c r="CW21" s="277">
        <v>0</v>
      </c>
      <c r="CX21" s="281">
        <v>0</v>
      </c>
      <c r="CY21" s="278">
        <v>0</v>
      </c>
      <c r="CZ21" s="280">
        <v>0</v>
      </c>
      <c r="DA21" s="281">
        <v>0</v>
      </c>
      <c r="DB21" s="281">
        <v>0</v>
      </c>
      <c r="DC21" s="281">
        <v>0</v>
      </c>
      <c r="DD21" s="281">
        <v>0</v>
      </c>
      <c r="DE21" s="281">
        <v>0</v>
      </c>
      <c r="DF21" s="278">
        <v>0</v>
      </c>
      <c r="DG21" s="283">
        <v>0</v>
      </c>
      <c r="DH21" s="277">
        <v>0</v>
      </c>
      <c r="DI21" s="281">
        <v>0</v>
      </c>
      <c r="DJ21" s="278">
        <v>0</v>
      </c>
      <c r="DK21" s="280">
        <v>0</v>
      </c>
      <c r="DL21" s="281">
        <v>0</v>
      </c>
      <c r="DM21" s="281">
        <v>0</v>
      </c>
      <c r="DN21" s="281">
        <v>0</v>
      </c>
      <c r="DO21" s="281">
        <v>0</v>
      </c>
      <c r="DP21" s="281">
        <v>0</v>
      </c>
      <c r="DQ21" s="278">
        <v>0</v>
      </c>
      <c r="DR21" s="283">
        <v>0</v>
      </c>
      <c r="DS21" s="277">
        <v>6</v>
      </c>
      <c r="DT21" s="281">
        <v>9</v>
      </c>
      <c r="DU21" s="278">
        <v>15</v>
      </c>
      <c r="DV21" s="280">
        <v>0</v>
      </c>
      <c r="DW21" s="281">
        <v>15</v>
      </c>
      <c r="DX21" s="281">
        <v>23</v>
      </c>
      <c r="DY21" s="281">
        <v>17</v>
      </c>
      <c r="DZ21" s="281">
        <v>10</v>
      </c>
      <c r="EA21" s="281">
        <v>6</v>
      </c>
      <c r="EB21" s="278">
        <v>71</v>
      </c>
      <c r="EC21" s="283">
        <v>86</v>
      </c>
      <c r="ED21" s="277">
        <v>1</v>
      </c>
      <c r="EE21" s="281">
        <v>3</v>
      </c>
      <c r="EF21" s="278">
        <v>4</v>
      </c>
      <c r="EG21" s="280">
        <v>0</v>
      </c>
      <c r="EH21" s="281">
        <v>8</v>
      </c>
      <c r="EI21" s="281">
        <v>4</v>
      </c>
      <c r="EJ21" s="281">
        <v>6</v>
      </c>
      <c r="EK21" s="281">
        <v>1</v>
      </c>
      <c r="EL21" s="281">
        <v>4</v>
      </c>
      <c r="EM21" s="278">
        <v>23</v>
      </c>
      <c r="EN21" s="283">
        <v>27</v>
      </c>
      <c r="EO21" s="277">
        <v>9</v>
      </c>
      <c r="EP21" s="281">
        <v>12</v>
      </c>
      <c r="EQ21" s="278">
        <v>21</v>
      </c>
      <c r="ER21" s="280">
        <v>0</v>
      </c>
      <c r="ES21" s="281">
        <v>34</v>
      </c>
      <c r="ET21" s="281">
        <v>32</v>
      </c>
      <c r="EU21" s="281">
        <v>19</v>
      </c>
      <c r="EV21" s="281">
        <v>9</v>
      </c>
      <c r="EW21" s="281">
        <v>6</v>
      </c>
      <c r="EX21" s="278">
        <v>100</v>
      </c>
      <c r="EY21" s="283">
        <v>121</v>
      </c>
    </row>
    <row r="22" spans="1:155" ht="19.5" customHeight="1" x14ac:dyDescent="0.2">
      <c r="A22" s="262" t="s">
        <v>20</v>
      </c>
      <c r="B22" s="277">
        <v>0</v>
      </c>
      <c r="C22" s="281">
        <v>0</v>
      </c>
      <c r="D22" s="385">
        <v>0</v>
      </c>
      <c r="E22" s="280">
        <v>0</v>
      </c>
      <c r="F22" s="281">
        <v>16</v>
      </c>
      <c r="G22" s="281">
        <v>7</v>
      </c>
      <c r="H22" s="281">
        <v>3</v>
      </c>
      <c r="I22" s="281">
        <v>7</v>
      </c>
      <c r="J22" s="281">
        <v>4</v>
      </c>
      <c r="K22" s="282">
        <v>37</v>
      </c>
      <c r="L22" s="283">
        <v>37</v>
      </c>
      <c r="M22" s="277">
        <v>0</v>
      </c>
      <c r="N22" s="281">
        <v>0</v>
      </c>
      <c r="O22" s="278">
        <v>0</v>
      </c>
      <c r="P22" s="280">
        <v>0</v>
      </c>
      <c r="Q22" s="281">
        <v>1</v>
      </c>
      <c r="R22" s="281">
        <v>1</v>
      </c>
      <c r="S22" s="281">
        <v>0</v>
      </c>
      <c r="T22" s="281">
        <v>0</v>
      </c>
      <c r="U22" s="281">
        <v>2</v>
      </c>
      <c r="V22" s="278">
        <v>4</v>
      </c>
      <c r="W22" s="283">
        <v>4</v>
      </c>
      <c r="X22" s="277">
        <v>3</v>
      </c>
      <c r="Y22" s="281">
        <v>6</v>
      </c>
      <c r="Z22" s="278">
        <v>9</v>
      </c>
      <c r="AA22" s="280">
        <v>0</v>
      </c>
      <c r="AB22" s="281">
        <v>15</v>
      </c>
      <c r="AC22" s="281">
        <v>11</v>
      </c>
      <c r="AD22" s="281">
        <v>7</v>
      </c>
      <c r="AE22" s="281">
        <v>6</v>
      </c>
      <c r="AF22" s="281">
        <v>1</v>
      </c>
      <c r="AG22" s="278">
        <v>40</v>
      </c>
      <c r="AH22" s="283">
        <v>49</v>
      </c>
      <c r="AI22" s="277">
        <v>2</v>
      </c>
      <c r="AJ22" s="281">
        <v>2</v>
      </c>
      <c r="AK22" s="278">
        <v>4</v>
      </c>
      <c r="AL22" s="280">
        <v>0</v>
      </c>
      <c r="AM22" s="281">
        <v>2</v>
      </c>
      <c r="AN22" s="281">
        <v>4</v>
      </c>
      <c r="AO22" s="281">
        <v>2</v>
      </c>
      <c r="AP22" s="281">
        <v>0</v>
      </c>
      <c r="AQ22" s="281">
        <v>1</v>
      </c>
      <c r="AR22" s="278">
        <v>9</v>
      </c>
      <c r="AS22" s="283">
        <v>13</v>
      </c>
      <c r="AT22" s="277">
        <v>1</v>
      </c>
      <c r="AU22" s="281">
        <v>1</v>
      </c>
      <c r="AV22" s="278">
        <v>2</v>
      </c>
      <c r="AW22" s="280">
        <v>0</v>
      </c>
      <c r="AX22" s="281">
        <v>18</v>
      </c>
      <c r="AY22" s="281">
        <v>11</v>
      </c>
      <c r="AZ22" s="281">
        <v>8</v>
      </c>
      <c r="BA22" s="281">
        <v>13</v>
      </c>
      <c r="BB22" s="281">
        <v>8</v>
      </c>
      <c r="BC22" s="282">
        <v>58</v>
      </c>
      <c r="BD22" s="283">
        <v>60</v>
      </c>
      <c r="BE22" s="277">
        <v>0</v>
      </c>
      <c r="BF22" s="281">
        <v>0</v>
      </c>
      <c r="BG22" s="278">
        <v>0</v>
      </c>
      <c r="BH22" s="280">
        <v>0</v>
      </c>
      <c r="BI22" s="281">
        <v>9</v>
      </c>
      <c r="BJ22" s="281">
        <v>10</v>
      </c>
      <c r="BK22" s="281">
        <v>7</v>
      </c>
      <c r="BL22" s="281">
        <v>5</v>
      </c>
      <c r="BM22" s="281">
        <v>3</v>
      </c>
      <c r="BN22" s="278">
        <v>34</v>
      </c>
      <c r="BO22" s="283">
        <v>34</v>
      </c>
      <c r="BP22" s="277">
        <v>2</v>
      </c>
      <c r="BQ22" s="281">
        <v>2</v>
      </c>
      <c r="BR22" s="278">
        <v>4</v>
      </c>
      <c r="BS22" s="280">
        <v>0</v>
      </c>
      <c r="BT22" s="281">
        <v>8</v>
      </c>
      <c r="BU22" s="281">
        <v>14</v>
      </c>
      <c r="BV22" s="281">
        <v>4</v>
      </c>
      <c r="BW22" s="281">
        <v>4</v>
      </c>
      <c r="BX22" s="281">
        <v>2</v>
      </c>
      <c r="BY22" s="278">
        <v>32</v>
      </c>
      <c r="BZ22" s="283">
        <v>36</v>
      </c>
      <c r="CA22" s="277">
        <v>0</v>
      </c>
      <c r="CB22" s="281">
        <v>1</v>
      </c>
      <c r="CC22" s="278">
        <v>1</v>
      </c>
      <c r="CD22" s="280">
        <v>0</v>
      </c>
      <c r="CE22" s="281">
        <v>2</v>
      </c>
      <c r="CF22" s="281">
        <v>0</v>
      </c>
      <c r="CG22" s="281">
        <v>4</v>
      </c>
      <c r="CH22" s="281">
        <v>3</v>
      </c>
      <c r="CI22" s="281">
        <v>0</v>
      </c>
      <c r="CJ22" s="278">
        <v>9</v>
      </c>
      <c r="CK22" s="283">
        <v>10</v>
      </c>
      <c r="CL22" s="277">
        <v>0</v>
      </c>
      <c r="CM22" s="281">
        <v>0</v>
      </c>
      <c r="CN22" s="278">
        <v>0</v>
      </c>
      <c r="CO22" s="280">
        <v>0</v>
      </c>
      <c r="CP22" s="281">
        <v>0</v>
      </c>
      <c r="CQ22" s="281">
        <v>1</v>
      </c>
      <c r="CR22" s="281">
        <v>2</v>
      </c>
      <c r="CS22" s="281">
        <v>0</v>
      </c>
      <c r="CT22" s="281">
        <v>0</v>
      </c>
      <c r="CU22" s="278">
        <v>3</v>
      </c>
      <c r="CV22" s="283">
        <v>3</v>
      </c>
      <c r="CW22" s="277">
        <v>0</v>
      </c>
      <c r="CX22" s="281">
        <v>0</v>
      </c>
      <c r="CY22" s="278">
        <v>0</v>
      </c>
      <c r="CZ22" s="280">
        <v>0</v>
      </c>
      <c r="DA22" s="281">
        <v>0</v>
      </c>
      <c r="DB22" s="281">
        <v>0</v>
      </c>
      <c r="DC22" s="281">
        <v>0</v>
      </c>
      <c r="DD22" s="281">
        <v>0</v>
      </c>
      <c r="DE22" s="281">
        <v>0</v>
      </c>
      <c r="DF22" s="278">
        <v>0</v>
      </c>
      <c r="DG22" s="283">
        <v>0</v>
      </c>
      <c r="DH22" s="277">
        <v>0</v>
      </c>
      <c r="DI22" s="281">
        <v>0</v>
      </c>
      <c r="DJ22" s="278">
        <v>0</v>
      </c>
      <c r="DK22" s="280">
        <v>0</v>
      </c>
      <c r="DL22" s="281">
        <v>0</v>
      </c>
      <c r="DM22" s="281">
        <v>0</v>
      </c>
      <c r="DN22" s="281">
        <v>0</v>
      </c>
      <c r="DO22" s="281">
        <v>0</v>
      </c>
      <c r="DP22" s="281">
        <v>0</v>
      </c>
      <c r="DQ22" s="278">
        <v>0</v>
      </c>
      <c r="DR22" s="283">
        <v>0</v>
      </c>
      <c r="DS22" s="277">
        <v>5</v>
      </c>
      <c r="DT22" s="281">
        <v>19</v>
      </c>
      <c r="DU22" s="278">
        <v>24</v>
      </c>
      <c r="DV22" s="280">
        <v>0</v>
      </c>
      <c r="DW22" s="281">
        <v>25</v>
      </c>
      <c r="DX22" s="281">
        <v>27</v>
      </c>
      <c r="DY22" s="281">
        <v>14</v>
      </c>
      <c r="DZ22" s="281">
        <v>14</v>
      </c>
      <c r="EA22" s="281">
        <v>5</v>
      </c>
      <c r="EB22" s="278">
        <v>85</v>
      </c>
      <c r="EC22" s="283">
        <v>109</v>
      </c>
      <c r="ED22" s="277">
        <v>1</v>
      </c>
      <c r="EE22" s="281">
        <v>2</v>
      </c>
      <c r="EF22" s="278">
        <v>3</v>
      </c>
      <c r="EG22" s="280">
        <v>0</v>
      </c>
      <c r="EH22" s="281">
        <v>7</v>
      </c>
      <c r="EI22" s="281">
        <v>4</v>
      </c>
      <c r="EJ22" s="281">
        <v>4</v>
      </c>
      <c r="EK22" s="281">
        <v>7</v>
      </c>
      <c r="EL22" s="281">
        <v>2</v>
      </c>
      <c r="EM22" s="278">
        <v>24</v>
      </c>
      <c r="EN22" s="283">
        <v>27</v>
      </c>
      <c r="EO22" s="277">
        <v>12</v>
      </c>
      <c r="EP22" s="281">
        <v>24</v>
      </c>
      <c r="EQ22" s="278">
        <v>36</v>
      </c>
      <c r="ER22" s="280">
        <v>0</v>
      </c>
      <c r="ES22" s="281">
        <v>53</v>
      </c>
      <c r="ET22" s="281">
        <v>42</v>
      </c>
      <c r="EU22" s="281">
        <v>18</v>
      </c>
      <c r="EV22" s="281">
        <v>17</v>
      </c>
      <c r="EW22" s="281">
        <v>6</v>
      </c>
      <c r="EX22" s="278">
        <v>136</v>
      </c>
      <c r="EY22" s="283">
        <v>172</v>
      </c>
    </row>
    <row r="23" spans="1:155" ht="19.5" customHeight="1" x14ac:dyDescent="0.2">
      <c r="A23" s="262" t="s">
        <v>21</v>
      </c>
      <c r="B23" s="277">
        <v>0</v>
      </c>
      <c r="C23" s="281">
        <v>0</v>
      </c>
      <c r="D23" s="385">
        <v>0</v>
      </c>
      <c r="E23" s="280">
        <v>0</v>
      </c>
      <c r="F23" s="281">
        <v>6</v>
      </c>
      <c r="G23" s="281">
        <v>12</v>
      </c>
      <c r="H23" s="281">
        <v>4</v>
      </c>
      <c r="I23" s="281">
        <v>2</v>
      </c>
      <c r="J23" s="281">
        <v>2</v>
      </c>
      <c r="K23" s="282">
        <v>26</v>
      </c>
      <c r="L23" s="283">
        <v>26</v>
      </c>
      <c r="M23" s="277">
        <v>0</v>
      </c>
      <c r="N23" s="281">
        <v>0</v>
      </c>
      <c r="O23" s="278">
        <v>0</v>
      </c>
      <c r="P23" s="280">
        <v>0</v>
      </c>
      <c r="Q23" s="281">
        <v>0</v>
      </c>
      <c r="R23" s="281">
        <v>1</v>
      </c>
      <c r="S23" s="281">
        <v>1</v>
      </c>
      <c r="T23" s="281">
        <v>1</v>
      </c>
      <c r="U23" s="281">
        <v>3</v>
      </c>
      <c r="V23" s="278">
        <v>6</v>
      </c>
      <c r="W23" s="283">
        <v>6</v>
      </c>
      <c r="X23" s="277">
        <v>1</v>
      </c>
      <c r="Y23" s="281">
        <v>1</v>
      </c>
      <c r="Z23" s="278">
        <v>2</v>
      </c>
      <c r="AA23" s="280">
        <v>0</v>
      </c>
      <c r="AB23" s="281">
        <v>11</v>
      </c>
      <c r="AC23" s="281">
        <v>8</v>
      </c>
      <c r="AD23" s="281">
        <v>6</v>
      </c>
      <c r="AE23" s="281">
        <v>3</v>
      </c>
      <c r="AF23" s="281">
        <v>5</v>
      </c>
      <c r="AG23" s="278">
        <v>33</v>
      </c>
      <c r="AH23" s="283">
        <v>35</v>
      </c>
      <c r="AI23" s="277">
        <v>1</v>
      </c>
      <c r="AJ23" s="281">
        <v>0</v>
      </c>
      <c r="AK23" s="278">
        <v>1</v>
      </c>
      <c r="AL23" s="280">
        <v>0</v>
      </c>
      <c r="AM23" s="281">
        <v>0</v>
      </c>
      <c r="AN23" s="281">
        <v>2</v>
      </c>
      <c r="AO23" s="281">
        <v>0</v>
      </c>
      <c r="AP23" s="281">
        <v>0</v>
      </c>
      <c r="AQ23" s="281">
        <v>1</v>
      </c>
      <c r="AR23" s="278">
        <v>3</v>
      </c>
      <c r="AS23" s="283">
        <v>4</v>
      </c>
      <c r="AT23" s="277">
        <v>9</v>
      </c>
      <c r="AU23" s="281">
        <v>2</v>
      </c>
      <c r="AV23" s="278">
        <v>11</v>
      </c>
      <c r="AW23" s="280">
        <v>0</v>
      </c>
      <c r="AX23" s="281">
        <v>8</v>
      </c>
      <c r="AY23" s="281">
        <v>9</v>
      </c>
      <c r="AZ23" s="281">
        <v>10</v>
      </c>
      <c r="BA23" s="281">
        <v>7</v>
      </c>
      <c r="BB23" s="281">
        <v>9</v>
      </c>
      <c r="BC23" s="282">
        <v>43</v>
      </c>
      <c r="BD23" s="283">
        <v>54</v>
      </c>
      <c r="BE23" s="277">
        <v>0</v>
      </c>
      <c r="BF23" s="281">
        <v>0</v>
      </c>
      <c r="BG23" s="278">
        <v>0</v>
      </c>
      <c r="BH23" s="280">
        <v>0</v>
      </c>
      <c r="BI23" s="281">
        <v>19</v>
      </c>
      <c r="BJ23" s="281">
        <v>17</v>
      </c>
      <c r="BK23" s="281">
        <v>6</v>
      </c>
      <c r="BL23" s="281">
        <v>6</v>
      </c>
      <c r="BM23" s="281">
        <v>0</v>
      </c>
      <c r="BN23" s="278">
        <v>48</v>
      </c>
      <c r="BO23" s="283">
        <v>48</v>
      </c>
      <c r="BP23" s="277">
        <v>2</v>
      </c>
      <c r="BQ23" s="281">
        <v>1</v>
      </c>
      <c r="BR23" s="278">
        <v>3</v>
      </c>
      <c r="BS23" s="280">
        <v>0</v>
      </c>
      <c r="BT23" s="281">
        <v>1</v>
      </c>
      <c r="BU23" s="281">
        <v>2</v>
      </c>
      <c r="BV23" s="281">
        <v>1</v>
      </c>
      <c r="BW23" s="281">
        <v>1</v>
      </c>
      <c r="BX23" s="281">
        <v>1</v>
      </c>
      <c r="BY23" s="278">
        <v>6</v>
      </c>
      <c r="BZ23" s="283">
        <v>9</v>
      </c>
      <c r="CA23" s="277">
        <v>1</v>
      </c>
      <c r="CB23" s="281">
        <v>0</v>
      </c>
      <c r="CC23" s="278">
        <v>1</v>
      </c>
      <c r="CD23" s="280">
        <v>0</v>
      </c>
      <c r="CE23" s="281">
        <v>2</v>
      </c>
      <c r="CF23" s="281">
        <v>1</v>
      </c>
      <c r="CG23" s="281">
        <v>0</v>
      </c>
      <c r="CH23" s="281">
        <v>2</v>
      </c>
      <c r="CI23" s="281">
        <v>1</v>
      </c>
      <c r="CJ23" s="278">
        <v>6</v>
      </c>
      <c r="CK23" s="283">
        <v>7</v>
      </c>
      <c r="CL23" s="277">
        <v>0</v>
      </c>
      <c r="CM23" s="281">
        <v>0</v>
      </c>
      <c r="CN23" s="278">
        <v>0</v>
      </c>
      <c r="CO23" s="280">
        <v>0</v>
      </c>
      <c r="CP23" s="281">
        <v>0</v>
      </c>
      <c r="CQ23" s="281">
        <v>2</v>
      </c>
      <c r="CR23" s="281">
        <v>0</v>
      </c>
      <c r="CS23" s="281">
        <v>0</v>
      </c>
      <c r="CT23" s="281">
        <v>1</v>
      </c>
      <c r="CU23" s="278">
        <v>3</v>
      </c>
      <c r="CV23" s="283">
        <v>3</v>
      </c>
      <c r="CW23" s="277">
        <v>0</v>
      </c>
      <c r="CX23" s="281">
        <v>0</v>
      </c>
      <c r="CY23" s="278">
        <v>0</v>
      </c>
      <c r="CZ23" s="280">
        <v>0</v>
      </c>
      <c r="DA23" s="281">
        <v>0</v>
      </c>
      <c r="DB23" s="281">
        <v>0</v>
      </c>
      <c r="DC23" s="281">
        <v>0</v>
      </c>
      <c r="DD23" s="281">
        <v>0</v>
      </c>
      <c r="DE23" s="281">
        <v>0</v>
      </c>
      <c r="DF23" s="278">
        <v>0</v>
      </c>
      <c r="DG23" s="283">
        <v>0</v>
      </c>
      <c r="DH23" s="277">
        <v>0</v>
      </c>
      <c r="DI23" s="281">
        <v>0</v>
      </c>
      <c r="DJ23" s="278">
        <v>0</v>
      </c>
      <c r="DK23" s="280">
        <v>0</v>
      </c>
      <c r="DL23" s="281">
        <v>0</v>
      </c>
      <c r="DM23" s="281">
        <v>0</v>
      </c>
      <c r="DN23" s="281">
        <v>0</v>
      </c>
      <c r="DO23" s="281">
        <v>0</v>
      </c>
      <c r="DP23" s="281">
        <v>0</v>
      </c>
      <c r="DQ23" s="278">
        <v>0</v>
      </c>
      <c r="DR23" s="283">
        <v>0</v>
      </c>
      <c r="DS23" s="277">
        <v>9</v>
      </c>
      <c r="DT23" s="281">
        <v>7</v>
      </c>
      <c r="DU23" s="278">
        <v>16</v>
      </c>
      <c r="DV23" s="280">
        <v>0</v>
      </c>
      <c r="DW23" s="281">
        <v>18</v>
      </c>
      <c r="DX23" s="281">
        <v>26</v>
      </c>
      <c r="DY23" s="281">
        <v>14</v>
      </c>
      <c r="DZ23" s="281">
        <v>7</v>
      </c>
      <c r="EA23" s="281">
        <v>5</v>
      </c>
      <c r="EB23" s="278">
        <v>70</v>
      </c>
      <c r="EC23" s="283">
        <v>86</v>
      </c>
      <c r="ED23" s="277">
        <v>4</v>
      </c>
      <c r="EE23" s="281">
        <v>1</v>
      </c>
      <c r="EF23" s="278">
        <v>5</v>
      </c>
      <c r="EG23" s="280">
        <v>0</v>
      </c>
      <c r="EH23" s="281">
        <v>0</v>
      </c>
      <c r="EI23" s="281">
        <v>2</v>
      </c>
      <c r="EJ23" s="281">
        <v>5</v>
      </c>
      <c r="EK23" s="281">
        <v>3</v>
      </c>
      <c r="EL23" s="281">
        <v>3</v>
      </c>
      <c r="EM23" s="278">
        <v>13</v>
      </c>
      <c r="EN23" s="283">
        <v>18</v>
      </c>
      <c r="EO23" s="277">
        <v>12</v>
      </c>
      <c r="EP23" s="281">
        <v>8</v>
      </c>
      <c r="EQ23" s="278">
        <v>20</v>
      </c>
      <c r="ER23" s="280">
        <v>0</v>
      </c>
      <c r="ES23" s="281">
        <v>44</v>
      </c>
      <c r="ET23" s="281">
        <v>38</v>
      </c>
      <c r="EU23" s="281">
        <v>15</v>
      </c>
      <c r="EV23" s="281">
        <v>9</v>
      </c>
      <c r="EW23" s="281">
        <v>6</v>
      </c>
      <c r="EX23" s="278">
        <v>112</v>
      </c>
      <c r="EY23" s="283">
        <v>132</v>
      </c>
    </row>
    <row r="24" spans="1:155" ht="19.5" customHeight="1" x14ac:dyDescent="0.2">
      <c r="A24" s="262" t="s">
        <v>22</v>
      </c>
      <c r="B24" s="277">
        <v>0</v>
      </c>
      <c r="C24" s="281">
        <v>0</v>
      </c>
      <c r="D24" s="385">
        <v>0</v>
      </c>
      <c r="E24" s="280">
        <v>0</v>
      </c>
      <c r="F24" s="281">
        <v>5</v>
      </c>
      <c r="G24" s="281">
        <v>2</v>
      </c>
      <c r="H24" s="281">
        <v>2</v>
      </c>
      <c r="I24" s="281">
        <v>4</v>
      </c>
      <c r="J24" s="281">
        <v>2</v>
      </c>
      <c r="K24" s="282">
        <v>15</v>
      </c>
      <c r="L24" s="283">
        <v>15</v>
      </c>
      <c r="M24" s="277">
        <v>0</v>
      </c>
      <c r="N24" s="281">
        <v>0</v>
      </c>
      <c r="O24" s="278">
        <v>0</v>
      </c>
      <c r="P24" s="280">
        <v>0</v>
      </c>
      <c r="Q24" s="281">
        <v>0</v>
      </c>
      <c r="R24" s="281">
        <v>0</v>
      </c>
      <c r="S24" s="281">
        <v>0</v>
      </c>
      <c r="T24" s="281">
        <v>2</v>
      </c>
      <c r="U24" s="281">
        <v>3</v>
      </c>
      <c r="V24" s="278">
        <v>5</v>
      </c>
      <c r="W24" s="283">
        <v>5</v>
      </c>
      <c r="X24" s="277">
        <v>2</v>
      </c>
      <c r="Y24" s="281">
        <v>1</v>
      </c>
      <c r="Z24" s="278">
        <v>3</v>
      </c>
      <c r="AA24" s="280">
        <v>0</v>
      </c>
      <c r="AB24" s="281">
        <v>4</v>
      </c>
      <c r="AC24" s="281">
        <v>8</v>
      </c>
      <c r="AD24" s="281">
        <v>0</v>
      </c>
      <c r="AE24" s="281">
        <v>2</v>
      </c>
      <c r="AF24" s="281">
        <v>3</v>
      </c>
      <c r="AG24" s="278">
        <v>17</v>
      </c>
      <c r="AH24" s="283">
        <v>20</v>
      </c>
      <c r="AI24" s="277">
        <v>0</v>
      </c>
      <c r="AJ24" s="281">
        <v>0</v>
      </c>
      <c r="AK24" s="278">
        <v>0</v>
      </c>
      <c r="AL24" s="280">
        <v>0</v>
      </c>
      <c r="AM24" s="281">
        <v>1</v>
      </c>
      <c r="AN24" s="281">
        <v>0</v>
      </c>
      <c r="AO24" s="281">
        <v>0</v>
      </c>
      <c r="AP24" s="281">
        <v>1</v>
      </c>
      <c r="AQ24" s="281">
        <v>0</v>
      </c>
      <c r="AR24" s="278">
        <v>2</v>
      </c>
      <c r="AS24" s="283">
        <v>2</v>
      </c>
      <c r="AT24" s="277">
        <v>0</v>
      </c>
      <c r="AU24" s="281">
        <v>1</v>
      </c>
      <c r="AV24" s="278">
        <v>1</v>
      </c>
      <c r="AW24" s="280">
        <v>0</v>
      </c>
      <c r="AX24" s="281">
        <v>5</v>
      </c>
      <c r="AY24" s="281">
        <v>3</v>
      </c>
      <c r="AZ24" s="281">
        <v>2</v>
      </c>
      <c r="BA24" s="281">
        <v>9</v>
      </c>
      <c r="BB24" s="281">
        <v>1</v>
      </c>
      <c r="BC24" s="282">
        <v>20</v>
      </c>
      <c r="BD24" s="283">
        <v>21</v>
      </c>
      <c r="BE24" s="277">
        <v>0</v>
      </c>
      <c r="BF24" s="281">
        <v>0</v>
      </c>
      <c r="BG24" s="278">
        <v>0</v>
      </c>
      <c r="BH24" s="280">
        <v>0</v>
      </c>
      <c r="BI24" s="281">
        <v>7</v>
      </c>
      <c r="BJ24" s="281">
        <v>5</v>
      </c>
      <c r="BK24" s="281">
        <v>0</v>
      </c>
      <c r="BL24" s="281">
        <v>5</v>
      </c>
      <c r="BM24" s="281">
        <v>2</v>
      </c>
      <c r="BN24" s="278">
        <v>19</v>
      </c>
      <c r="BO24" s="283">
        <v>19</v>
      </c>
      <c r="BP24" s="277">
        <v>0</v>
      </c>
      <c r="BQ24" s="281">
        <v>0</v>
      </c>
      <c r="BR24" s="278">
        <v>0</v>
      </c>
      <c r="BS24" s="280">
        <v>0</v>
      </c>
      <c r="BT24" s="281">
        <v>0</v>
      </c>
      <c r="BU24" s="281">
        <v>1</v>
      </c>
      <c r="BV24" s="281">
        <v>1</v>
      </c>
      <c r="BW24" s="281">
        <v>0</v>
      </c>
      <c r="BX24" s="281">
        <v>0</v>
      </c>
      <c r="BY24" s="278">
        <v>2</v>
      </c>
      <c r="BZ24" s="283">
        <v>2</v>
      </c>
      <c r="CA24" s="277">
        <v>0</v>
      </c>
      <c r="CB24" s="281">
        <v>0</v>
      </c>
      <c r="CC24" s="278">
        <v>0</v>
      </c>
      <c r="CD24" s="280">
        <v>0</v>
      </c>
      <c r="CE24" s="281">
        <v>0</v>
      </c>
      <c r="CF24" s="281">
        <v>0</v>
      </c>
      <c r="CG24" s="281">
        <v>0</v>
      </c>
      <c r="CH24" s="281">
        <v>0</v>
      </c>
      <c r="CI24" s="281">
        <v>0</v>
      </c>
      <c r="CJ24" s="278">
        <v>0</v>
      </c>
      <c r="CK24" s="283">
        <v>0</v>
      </c>
      <c r="CL24" s="277">
        <v>0</v>
      </c>
      <c r="CM24" s="281">
        <v>0</v>
      </c>
      <c r="CN24" s="278">
        <v>0</v>
      </c>
      <c r="CO24" s="280">
        <v>0</v>
      </c>
      <c r="CP24" s="281">
        <v>0</v>
      </c>
      <c r="CQ24" s="281">
        <v>2</v>
      </c>
      <c r="CR24" s="281">
        <v>0</v>
      </c>
      <c r="CS24" s="281">
        <v>0</v>
      </c>
      <c r="CT24" s="281">
        <v>0</v>
      </c>
      <c r="CU24" s="278">
        <v>2</v>
      </c>
      <c r="CV24" s="283">
        <v>2</v>
      </c>
      <c r="CW24" s="277">
        <v>0</v>
      </c>
      <c r="CX24" s="281">
        <v>0</v>
      </c>
      <c r="CY24" s="278">
        <v>0</v>
      </c>
      <c r="CZ24" s="280">
        <v>0</v>
      </c>
      <c r="DA24" s="281">
        <v>0</v>
      </c>
      <c r="DB24" s="281">
        <v>0</v>
      </c>
      <c r="DC24" s="281">
        <v>0</v>
      </c>
      <c r="DD24" s="281">
        <v>0</v>
      </c>
      <c r="DE24" s="281">
        <v>0</v>
      </c>
      <c r="DF24" s="278">
        <v>0</v>
      </c>
      <c r="DG24" s="283">
        <v>0</v>
      </c>
      <c r="DH24" s="277">
        <v>0</v>
      </c>
      <c r="DI24" s="281">
        <v>0</v>
      </c>
      <c r="DJ24" s="278">
        <v>0</v>
      </c>
      <c r="DK24" s="280">
        <v>0</v>
      </c>
      <c r="DL24" s="281">
        <v>0</v>
      </c>
      <c r="DM24" s="281">
        <v>0</v>
      </c>
      <c r="DN24" s="281">
        <v>0</v>
      </c>
      <c r="DO24" s="281">
        <v>0</v>
      </c>
      <c r="DP24" s="281">
        <v>0</v>
      </c>
      <c r="DQ24" s="278">
        <v>0</v>
      </c>
      <c r="DR24" s="283">
        <v>0</v>
      </c>
      <c r="DS24" s="277">
        <v>2</v>
      </c>
      <c r="DT24" s="281">
        <v>6</v>
      </c>
      <c r="DU24" s="278">
        <v>8</v>
      </c>
      <c r="DV24" s="280">
        <v>0</v>
      </c>
      <c r="DW24" s="281">
        <v>8</v>
      </c>
      <c r="DX24" s="281">
        <v>8</v>
      </c>
      <c r="DY24" s="281">
        <v>4</v>
      </c>
      <c r="DZ24" s="281">
        <v>6</v>
      </c>
      <c r="EA24" s="281">
        <v>3</v>
      </c>
      <c r="EB24" s="278">
        <v>29</v>
      </c>
      <c r="EC24" s="283">
        <v>37</v>
      </c>
      <c r="ED24" s="277">
        <v>0</v>
      </c>
      <c r="EE24" s="281">
        <v>1</v>
      </c>
      <c r="EF24" s="278">
        <v>1</v>
      </c>
      <c r="EG24" s="280">
        <v>0</v>
      </c>
      <c r="EH24" s="281">
        <v>2</v>
      </c>
      <c r="EI24" s="281">
        <v>2</v>
      </c>
      <c r="EJ24" s="281">
        <v>1</v>
      </c>
      <c r="EK24" s="281">
        <v>5</v>
      </c>
      <c r="EL24" s="281">
        <v>2</v>
      </c>
      <c r="EM24" s="278">
        <v>12</v>
      </c>
      <c r="EN24" s="283">
        <v>13</v>
      </c>
      <c r="EO24" s="277">
        <v>3</v>
      </c>
      <c r="EP24" s="281">
        <v>6</v>
      </c>
      <c r="EQ24" s="278">
        <v>9</v>
      </c>
      <c r="ER24" s="280">
        <v>0</v>
      </c>
      <c r="ES24" s="281">
        <v>21</v>
      </c>
      <c r="ET24" s="281">
        <v>16</v>
      </c>
      <c r="EU24" s="281">
        <v>6</v>
      </c>
      <c r="EV24" s="281">
        <v>6</v>
      </c>
      <c r="EW24" s="281">
        <v>3</v>
      </c>
      <c r="EX24" s="278">
        <v>52</v>
      </c>
      <c r="EY24" s="283">
        <v>61</v>
      </c>
    </row>
    <row r="25" spans="1:155" ht="19.5" customHeight="1" x14ac:dyDescent="0.2">
      <c r="A25" s="262" t="s">
        <v>23</v>
      </c>
      <c r="B25" s="277">
        <v>0</v>
      </c>
      <c r="C25" s="281">
        <v>0</v>
      </c>
      <c r="D25" s="385">
        <v>0</v>
      </c>
      <c r="E25" s="280">
        <v>0</v>
      </c>
      <c r="F25" s="281">
        <v>2</v>
      </c>
      <c r="G25" s="281">
        <v>9</v>
      </c>
      <c r="H25" s="281">
        <v>4</v>
      </c>
      <c r="I25" s="281">
        <v>3</v>
      </c>
      <c r="J25" s="281">
        <v>0</v>
      </c>
      <c r="K25" s="282">
        <v>18</v>
      </c>
      <c r="L25" s="283">
        <v>18</v>
      </c>
      <c r="M25" s="277">
        <v>0</v>
      </c>
      <c r="N25" s="281">
        <v>0</v>
      </c>
      <c r="O25" s="278">
        <v>0</v>
      </c>
      <c r="P25" s="280">
        <v>0</v>
      </c>
      <c r="Q25" s="281">
        <v>0</v>
      </c>
      <c r="R25" s="281">
        <v>2</v>
      </c>
      <c r="S25" s="281">
        <v>1</v>
      </c>
      <c r="T25" s="281">
        <v>1</v>
      </c>
      <c r="U25" s="281">
        <v>1</v>
      </c>
      <c r="V25" s="278">
        <v>5</v>
      </c>
      <c r="W25" s="283">
        <v>5</v>
      </c>
      <c r="X25" s="277">
        <v>3</v>
      </c>
      <c r="Y25" s="281">
        <v>1</v>
      </c>
      <c r="Z25" s="278">
        <v>4</v>
      </c>
      <c r="AA25" s="280">
        <v>0</v>
      </c>
      <c r="AB25" s="281">
        <v>2</v>
      </c>
      <c r="AC25" s="281">
        <v>7</v>
      </c>
      <c r="AD25" s="281">
        <v>6</v>
      </c>
      <c r="AE25" s="281">
        <v>5</v>
      </c>
      <c r="AF25" s="281">
        <v>1</v>
      </c>
      <c r="AG25" s="278">
        <v>21</v>
      </c>
      <c r="AH25" s="283">
        <v>25</v>
      </c>
      <c r="AI25" s="277">
        <v>0</v>
      </c>
      <c r="AJ25" s="281">
        <v>1</v>
      </c>
      <c r="AK25" s="278">
        <v>1</v>
      </c>
      <c r="AL25" s="280">
        <v>0</v>
      </c>
      <c r="AM25" s="281">
        <v>0</v>
      </c>
      <c r="AN25" s="281">
        <v>3</v>
      </c>
      <c r="AO25" s="281">
        <v>0</v>
      </c>
      <c r="AP25" s="281">
        <v>0</v>
      </c>
      <c r="AQ25" s="281">
        <v>0</v>
      </c>
      <c r="AR25" s="278">
        <v>3</v>
      </c>
      <c r="AS25" s="283">
        <v>4</v>
      </c>
      <c r="AT25" s="277">
        <v>0</v>
      </c>
      <c r="AU25" s="281">
        <v>1</v>
      </c>
      <c r="AV25" s="278">
        <v>1</v>
      </c>
      <c r="AW25" s="280">
        <v>0</v>
      </c>
      <c r="AX25" s="281">
        <v>4</v>
      </c>
      <c r="AY25" s="281">
        <v>5</v>
      </c>
      <c r="AZ25" s="281">
        <v>8</v>
      </c>
      <c r="BA25" s="281">
        <v>15</v>
      </c>
      <c r="BB25" s="281">
        <v>0</v>
      </c>
      <c r="BC25" s="282">
        <v>32</v>
      </c>
      <c r="BD25" s="283">
        <v>33</v>
      </c>
      <c r="BE25" s="277">
        <v>0</v>
      </c>
      <c r="BF25" s="281">
        <v>0</v>
      </c>
      <c r="BG25" s="278">
        <v>0</v>
      </c>
      <c r="BH25" s="280">
        <v>0</v>
      </c>
      <c r="BI25" s="281">
        <v>12</v>
      </c>
      <c r="BJ25" s="281">
        <v>13</v>
      </c>
      <c r="BK25" s="281">
        <v>6</v>
      </c>
      <c r="BL25" s="281">
        <v>4</v>
      </c>
      <c r="BM25" s="281">
        <v>0</v>
      </c>
      <c r="BN25" s="278">
        <v>35</v>
      </c>
      <c r="BO25" s="283">
        <v>35</v>
      </c>
      <c r="BP25" s="277">
        <v>0</v>
      </c>
      <c r="BQ25" s="281">
        <v>0</v>
      </c>
      <c r="BR25" s="278">
        <v>0</v>
      </c>
      <c r="BS25" s="280">
        <v>0</v>
      </c>
      <c r="BT25" s="281">
        <v>1</v>
      </c>
      <c r="BU25" s="281">
        <v>4</v>
      </c>
      <c r="BV25" s="281">
        <v>5</v>
      </c>
      <c r="BW25" s="281">
        <v>1</v>
      </c>
      <c r="BX25" s="281">
        <v>0</v>
      </c>
      <c r="BY25" s="278">
        <v>11</v>
      </c>
      <c r="BZ25" s="283">
        <v>11</v>
      </c>
      <c r="CA25" s="277">
        <v>0</v>
      </c>
      <c r="CB25" s="281">
        <v>0</v>
      </c>
      <c r="CC25" s="278">
        <v>0</v>
      </c>
      <c r="CD25" s="280">
        <v>0</v>
      </c>
      <c r="CE25" s="281">
        <v>1</v>
      </c>
      <c r="CF25" s="281">
        <v>0</v>
      </c>
      <c r="CG25" s="281">
        <v>1</v>
      </c>
      <c r="CH25" s="281">
        <v>3</v>
      </c>
      <c r="CI25" s="281">
        <v>0</v>
      </c>
      <c r="CJ25" s="278">
        <v>5</v>
      </c>
      <c r="CK25" s="283">
        <v>5</v>
      </c>
      <c r="CL25" s="277">
        <v>0</v>
      </c>
      <c r="CM25" s="281">
        <v>0</v>
      </c>
      <c r="CN25" s="278">
        <v>0</v>
      </c>
      <c r="CO25" s="280">
        <v>0</v>
      </c>
      <c r="CP25" s="281">
        <v>0</v>
      </c>
      <c r="CQ25" s="281">
        <v>0</v>
      </c>
      <c r="CR25" s="281">
        <v>0</v>
      </c>
      <c r="CS25" s="281">
        <v>0</v>
      </c>
      <c r="CT25" s="281">
        <v>0</v>
      </c>
      <c r="CU25" s="278">
        <v>0</v>
      </c>
      <c r="CV25" s="283">
        <v>0</v>
      </c>
      <c r="CW25" s="277">
        <v>0</v>
      </c>
      <c r="CX25" s="281">
        <v>0</v>
      </c>
      <c r="CY25" s="278">
        <v>0</v>
      </c>
      <c r="CZ25" s="280">
        <v>0</v>
      </c>
      <c r="DA25" s="281">
        <v>0</v>
      </c>
      <c r="DB25" s="281">
        <v>0</v>
      </c>
      <c r="DC25" s="281">
        <v>0</v>
      </c>
      <c r="DD25" s="281">
        <v>0</v>
      </c>
      <c r="DE25" s="281">
        <v>0</v>
      </c>
      <c r="DF25" s="278">
        <v>0</v>
      </c>
      <c r="DG25" s="283">
        <v>0</v>
      </c>
      <c r="DH25" s="277">
        <v>0</v>
      </c>
      <c r="DI25" s="281">
        <v>0</v>
      </c>
      <c r="DJ25" s="278">
        <v>0</v>
      </c>
      <c r="DK25" s="280">
        <v>0</v>
      </c>
      <c r="DL25" s="281">
        <v>0</v>
      </c>
      <c r="DM25" s="281">
        <v>0</v>
      </c>
      <c r="DN25" s="281">
        <v>0</v>
      </c>
      <c r="DO25" s="281">
        <v>0</v>
      </c>
      <c r="DP25" s="281">
        <v>0</v>
      </c>
      <c r="DQ25" s="278">
        <v>0</v>
      </c>
      <c r="DR25" s="283">
        <v>0</v>
      </c>
      <c r="DS25" s="277">
        <v>3</v>
      </c>
      <c r="DT25" s="281">
        <v>5</v>
      </c>
      <c r="DU25" s="278">
        <v>8</v>
      </c>
      <c r="DV25" s="280">
        <v>0</v>
      </c>
      <c r="DW25" s="281">
        <v>10</v>
      </c>
      <c r="DX25" s="281">
        <v>18</v>
      </c>
      <c r="DY25" s="281">
        <v>12</v>
      </c>
      <c r="DZ25" s="281">
        <v>8</v>
      </c>
      <c r="EA25" s="281">
        <v>4</v>
      </c>
      <c r="EB25" s="278">
        <v>52</v>
      </c>
      <c r="EC25" s="283">
        <v>60</v>
      </c>
      <c r="ED25" s="277">
        <v>0</v>
      </c>
      <c r="EE25" s="281">
        <v>1</v>
      </c>
      <c r="EF25" s="278">
        <v>1</v>
      </c>
      <c r="EG25" s="280">
        <v>0</v>
      </c>
      <c r="EH25" s="281">
        <v>3</v>
      </c>
      <c r="EI25" s="281">
        <v>2</v>
      </c>
      <c r="EJ25" s="281">
        <v>4</v>
      </c>
      <c r="EK25" s="281">
        <v>9</v>
      </c>
      <c r="EL25" s="281">
        <v>1</v>
      </c>
      <c r="EM25" s="278">
        <v>19</v>
      </c>
      <c r="EN25" s="283">
        <v>20</v>
      </c>
      <c r="EO25" s="277">
        <v>4</v>
      </c>
      <c r="EP25" s="281">
        <v>7</v>
      </c>
      <c r="EQ25" s="278">
        <v>11</v>
      </c>
      <c r="ER25" s="280">
        <v>0</v>
      </c>
      <c r="ES25" s="281">
        <v>23</v>
      </c>
      <c r="ET25" s="281">
        <v>28</v>
      </c>
      <c r="EU25" s="281">
        <v>15</v>
      </c>
      <c r="EV25" s="281">
        <v>9</v>
      </c>
      <c r="EW25" s="281">
        <v>4</v>
      </c>
      <c r="EX25" s="278">
        <v>79</v>
      </c>
      <c r="EY25" s="283">
        <v>90</v>
      </c>
    </row>
    <row r="26" spans="1:155" ht="19.5" customHeight="1" x14ac:dyDescent="0.2">
      <c r="A26" s="262" t="s">
        <v>24</v>
      </c>
      <c r="B26" s="277">
        <v>0</v>
      </c>
      <c r="C26" s="281">
        <v>0</v>
      </c>
      <c r="D26" s="385">
        <v>0</v>
      </c>
      <c r="E26" s="280">
        <v>0</v>
      </c>
      <c r="F26" s="281">
        <v>5</v>
      </c>
      <c r="G26" s="281">
        <v>8</v>
      </c>
      <c r="H26" s="281">
        <v>4</v>
      </c>
      <c r="I26" s="281">
        <v>5</v>
      </c>
      <c r="J26" s="281">
        <v>4</v>
      </c>
      <c r="K26" s="282">
        <v>26</v>
      </c>
      <c r="L26" s="283">
        <v>26</v>
      </c>
      <c r="M26" s="277">
        <v>0</v>
      </c>
      <c r="N26" s="281">
        <v>0</v>
      </c>
      <c r="O26" s="278">
        <v>0</v>
      </c>
      <c r="P26" s="280">
        <v>0</v>
      </c>
      <c r="Q26" s="281">
        <v>0</v>
      </c>
      <c r="R26" s="281">
        <v>0</v>
      </c>
      <c r="S26" s="281">
        <v>1</v>
      </c>
      <c r="T26" s="281">
        <v>0</v>
      </c>
      <c r="U26" s="281">
        <v>3</v>
      </c>
      <c r="V26" s="278">
        <v>4</v>
      </c>
      <c r="W26" s="283">
        <v>4</v>
      </c>
      <c r="X26" s="277">
        <v>0</v>
      </c>
      <c r="Y26" s="281">
        <v>1</v>
      </c>
      <c r="Z26" s="278">
        <v>1</v>
      </c>
      <c r="AA26" s="280">
        <v>0</v>
      </c>
      <c r="AB26" s="281">
        <v>8</v>
      </c>
      <c r="AC26" s="281">
        <v>2</v>
      </c>
      <c r="AD26" s="281">
        <v>2</v>
      </c>
      <c r="AE26" s="281">
        <v>2</v>
      </c>
      <c r="AF26" s="281">
        <v>6</v>
      </c>
      <c r="AG26" s="278">
        <v>20</v>
      </c>
      <c r="AH26" s="283">
        <v>21</v>
      </c>
      <c r="AI26" s="277">
        <v>0</v>
      </c>
      <c r="AJ26" s="281">
        <v>0</v>
      </c>
      <c r="AK26" s="278">
        <v>0</v>
      </c>
      <c r="AL26" s="280">
        <v>0</v>
      </c>
      <c r="AM26" s="281">
        <v>0</v>
      </c>
      <c r="AN26" s="281">
        <v>1</v>
      </c>
      <c r="AO26" s="281">
        <v>0</v>
      </c>
      <c r="AP26" s="281">
        <v>0</v>
      </c>
      <c r="AQ26" s="281">
        <v>1</v>
      </c>
      <c r="AR26" s="278">
        <v>2</v>
      </c>
      <c r="AS26" s="283">
        <v>2</v>
      </c>
      <c r="AT26" s="277">
        <v>4</v>
      </c>
      <c r="AU26" s="281">
        <v>2</v>
      </c>
      <c r="AV26" s="278">
        <v>6</v>
      </c>
      <c r="AW26" s="280">
        <v>0</v>
      </c>
      <c r="AX26" s="281">
        <v>8</v>
      </c>
      <c r="AY26" s="281">
        <v>12</v>
      </c>
      <c r="AZ26" s="281">
        <v>6</v>
      </c>
      <c r="BA26" s="281">
        <v>13</v>
      </c>
      <c r="BB26" s="281">
        <v>9</v>
      </c>
      <c r="BC26" s="282">
        <v>48</v>
      </c>
      <c r="BD26" s="283">
        <v>54</v>
      </c>
      <c r="BE26" s="277">
        <v>0</v>
      </c>
      <c r="BF26" s="281">
        <v>0</v>
      </c>
      <c r="BG26" s="278">
        <v>0</v>
      </c>
      <c r="BH26" s="280">
        <v>0</v>
      </c>
      <c r="BI26" s="281">
        <v>9</v>
      </c>
      <c r="BJ26" s="281">
        <v>6</v>
      </c>
      <c r="BK26" s="281">
        <v>0</v>
      </c>
      <c r="BL26" s="281">
        <v>0</v>
      </c>
      <c r="BM26" s="281">
        <v>0</v>
      </c>
      <c r="BN26" s="278">
        <v>15</v>
      </c>
      <c r="BO26" s="283">
        <v>15</v>
      </c>
      <c r="BP26" s="277">
        <v>1</v>
      </c>
      <c r="BQ26" s="281">
        <v>0</v>
      </c>
      <c r="BR26" s="278">
        <v>1</v>
      </c>
      <c r="BS26" s="280">
        <v>0</v>
      </c>
      <c r="BT26" s="281">
        <v>6</v>
      </c>
      <c r="BU26" s="281">
        <v>3</v>
      </c>
      <c r="BV26" s="281">
        <v>1</v>
      </c>
      <c r="BW26" s="281">
        <v>3</v>
      </c>
      <c r="BX26" s="281">
        <v>2</v>
      </c>
      <c r="BY26" s="278">
        <v>15</v>
      </c>
      <c r="BZ26" s="283">
        <v>16</v>
      </c>
      <c r="CA26" s="277">
        <v>0</v>
      </c>
      <c r="CB26" s="281">
        <v>0</v>
      </c>
      <c r="CC26" s="278">
        <v>0</v>
      </c>
      <c r="CD26" s="280">
        <v>0</v>
      </c>
      <c r="CE26" s="281">
        <v>0</v>
      </c>
      <c r="CF26" s="281">
        <v>3</v>
      </c>
      <c r="CG26" s="281">
        <v>0</v>
      </c>
      <c r="CH26" s="281">
        <v>0</v>
      </c>
      <c r="CI26" s="281">
        <v>1</v>
      </c>
      <c r="CJ26" s="278">
        <v>4</v>
      </c>
      <c r="CK26" s="283">
        <v>4</v>
      </c>
      <c r="CL26" s="277">
        <v>0</v>
      </c>
      <c r="CM26" s="281">
        <v>0</v>
      </c>
      <c r="CN26" s="278">
        <v>0</v>
      </c>
      <c r="CO26" s="280">
        <v>0</v>
      </c>
      <c r="CP26" s="281">
        <v>0</v>
      </c>
      <c r="CQ26" s="281">
        <v>0</v>
      </c>
      <c r="CR26" s="281">
        <v>0</v>
      </c>
      <c r="CS26" s="281">
        <v>0</v>
      </c>
      <c r="CT26" s="281">
        <v>0</v>
      </c>
      <c r="CU26" s="278">
        <v>0</v>
      </c>
      <c r="CV26" s="283">
        <v>0</v>
      </c>
      <c r="CW26" s="277">
        <v>0</v>
      </c>
      <c r="CX26" s="281">
        <v>0</v>
      </c>
      <c r="CY26" s="278">
        <v>0</v>
      </c>
      <c r="CZ26" s="280">
        <v>0</v>
      </c>
      <c r="DA26" s="281">
        <v>0</v>
      </c>
      <c r="DB26" s="281">
        <v>0</v>
      </c>
      <c r="DC26" s="281">
        <v>0</v>
      </c>
      <c r="DD26" s="281">
        <v>0</v>
      </c>
      <c r="DE26" s="281">
        <v>0</v>
      </c>
      <c r="DF26" s="278">
        <v>0</v>
      </c>
      <c r="DG26" s="283">
        <v>0</v>
      </c>
      <c r="DH26" s="277">
        <v>0</v>
      </c>
      <c r="DI26" s="281">
        <v>0</v>
      </c>
      <c r="DJ26" s="278">
        <v>0</v>
      </c>
      <c r="DK26" s="280">
        <v>0</v>
      </c>
      <c r="DL26" s="281">
        <v>0</v>
      </c>
      <c r="DM26" s="281">
        <v>0</v>
      </c>
      <c r="DN26" s="281">
        <v>0</v>
      </c>
      <c r="DO26" s="281">
        <v>0</v>
      </c>
      <c r="DP26" s="281">
        <v>0</v>
      </c>
      <c r="DQ26" s="278">
        <v>0</v>
      </c>
      <c r="DR26" s="283">
        <v>0</v>
      </c>
      <c r="DS26" s="277">
        <v>6</v>
      </c>
      <c r="DT26" s="281">
        <v>6</v>
      </c>
      <c r="DU26" s="278">
        <v>12</v>
      </c>
      <c r="DV26" s="280">
        <v>0</v>
      </c>
      <c r="DW26" s="281">
        <v>16</v>
      </c>
      <c r="DX26" s="281">
        <v>13</v>
      </c>
      <c r="DY26" s="281">
        <v>7</v>
      </c>
      <c r="DZ26" s="281">
        <v>6</v>
      </c>
      <c r="EA26" s="281">
        <v>9</v>
      </c>
      <c r="EB26" s="278">
        <v>51</v>
      </c>
      <c r="EC26" s="283">
        <v>63</v>
      </c>
      <c r="ED26" s="277">
        <v>3</v>
      </c>
      <c r="EE26" s="281">
        <v>2</v>
      </c>
      <c r="EF26" s="278">
        <v>5</v>
      </c>
      <c r="EG26" s="280">
        <v>0</v>
      </c>
      <c r="EH26" s="281">
        <v>3</v>
      </c>
      <c r="EI26" s="281">
        <v>7</v>
      </c>
      <c r="EJ26" s="281">
        <v>3</v>
      </c>
      <c r="EK26" s="281">
        <v>7</v>
      </c>
      <c r="EL26" s="281">
        <v>2</v>
      </c>
      <c r="EM26" s="278">
        <v>22</v>
      </c>
      <c r="EN26" s="283">
        <v>27</v>
      </c>
      <c r="EO26" s="277">
        <v>5</v>
      </c>
      <c r="EP26" s="281">
        <v>6</v>
      </c>
      <c r="EQ26" s="278">
        <v>11</v>
      </c>
      <c r="ER26" s="280">
        <v>0</v>
      </c>
      <c r="ES26" s="281">
        <v>24</v>
      </c>
      <c r="ET26" s="281">
        <v>17</v>
      </c>
      <c r="EU26" s="281">
        <v>8</v>
      </c>
      <c r="EV26" s="281">
        <v>6</v>
      </c>
      <c r="EW26" s="281">
        <v>8</v>
      </c>
      <c r="EX26" s="278">
        <v>63</v>
      </c>
      <c r="EY26" s="283">
        <v>74</v>
      </c>
    </row>
    <row r="27" spans="1:155" ht="19.5" customHeight="1" x14ac:dyDescent="0.2">
      <c r="A27" s="262" t="s">
        <v>25</v>
      </c>
      <c r="B27" s="277">
        <v>0</v>
      </c>
      <c r="C27" s="281">
        <v>0</v>
      </c>
      <c r="D27" s="385">
        <v>0</v>
      </c>
      <c r="E27" s="280">
        <v>0</v>
      </c>
      <c r="F27" s="281">
        <v>4</v>
      </c>
      <c r="G27" s="281">
        <v>1</v>
      </c>
      <c r="H27" s="281">
        <v>2</v>
      </c>
      <c r="I27" s="281">
        <v>1</v>
      </c>
      <c r="J27" s="281">
        <v>1</v>
      </c>
      <c r="K27" s="282">
        <v>9</v>
      </c>
      <c r="L27" s="283">
        <v>9</v>
      </c>
      <c r="M27" s="277">
        <v>0</v>
      </c>
      <c r="N27" s="281">
        <v>0</v>
      </c>
      <c r="O27" s="278">
        <v>0</v>
      </c>
      <c r="P27" s="280">
        <v>0</v>
      </c>
      <c r="Q27" s="281">
        <v>0</v>
      </c>
      <c r="R27" s="281">
        <v>1</v>
      </c>
      <c r="S27" s="281">
        <v>0</v>
      </c>
      <c r="T27" s="281">
        <v>0</v>
      </c>
      <c r="U27" s="281">
        <v>2</v>
      </c>
      <c r="V27" s="278">
        <v>3</v>
      </c>
      <c r="W27" s="283">
        <v>3</v>
      </c>
      <c r="X27" s="277">
        <v>1</v>
      </c>
      <c r="Y27" s="281">
        <v>3</v>
      </c>
      <c r="Z27" s="278">
        <v>4</v>
      </c>
      <c r="AA27" s="280">
        <v>0</v>
      </c>
      <c r="AB27" s="281">
        <v>2</v>
      </c>
      <c r="AC27" s="281">
        <v>3</v>
      </c>
      <c r="AD27" s="281">
        <v>2</v>
      </c>
      <c r="AE27" s="281">
        <v>1</v>
      </c>
      <c r="AF27" s="281">
        <v>1</v>
      </c>
      <c r="AG27" s="278">
        <v>9</v>
      </c>
      <c r="AH27" s="283">
        <v>13</v>
      </c>
      <c r="AI27" s="277">
        <v>0</v>
      </c>
      <c r="AJ27" s="281">
        <v>0</v>
      </c>
      <c r="AK27" s="278">
        <v>0</v>
      </c>
      <c r="AL27" s="280">
        <v>0</v>
      </c>
      <c r="AM27" s="281">
        <v>0</v>
      </c>
      <c r="AN27" s="281">
        <v>0</v>
      </c>
      <c r="AO27" s="281">
        <v>0</v>
      </c>
      <c r="AP27" s="281">
        <v>0</v>
      </c>
      <c r="AQ27" s="281">
        <v>0</v>
      </c>
      <c r="AR27" s="278">
        <v>0</v>
      </c>
      <c r="AS27" s="283">
        <v>0</v>
      </c>
      <c r="AT27" s="277">
        <v>1</v>
      </c>
      <c r="AU27" s="281">
        <v>0</v>
      </c>
      <c r="AV27" s="278">
        <v>1</v>
      </c>
      <c r="AW27" s="280">
        <v>0</v>
      </c>
      <c r="AX27" s="281">
        <v>3</v>
      </c>
      <c r="AY27" s="281">
        <v>4</v>
      </c>
      <c r="AZ27" s="281">
        <v>1</v>
      </c>
      <c r="BA27" s="281">
        <v>3</v>
      </c>
      <c r="BB27" s="281">
        <v>3</v>
      </c>
      <c r="BC27" s="282">
        <v>14</v>
      </c>
      <c r="BD27" s="283">
        <v>15</v>
      </c>
      <c r="BE27" s="277">
        <v>0</v>
      </c>
      <c r="BF27" s="281">
        <v>0</v>
      </c>
      <c r="BG27" s="278">
        <v>0</v>
      </c>
      <c r="BH27" s="280">
        <v>0</v>
      </c>
      <c r="BI27" s="281">
        <v>10</v>
      </c>
      <c r="BJ27" s="281">
        <v>2</v>
      </c>
      <c r="BK27" s="281">
        <v>2</v>
      </c>
      <c r="BL27" s="281">
        <v>1</v>
      </c>
      <c r="BM27" s="281">
        <v>0</v>
      </c>
      <c r="BN27" s="278">
        <v>15</v>
      </c>
      <c r="BO27" s="283">
        <v>15</v>
      </c>
      <c r="BP27" s="277">
        <v>0</v>
      </c>
      <c r="BQ27" s="281">
        <v>1</v>
      </c>
      <c r="BR27" s="278">
        <v>1</v>
      </c>
      <c r="BS27" s="280">
        <v>0</v>
      </c>
      <c r="BT27" s="281">
        <v>0</v>
      </c>
      <c r="BU27" s="281">
        <v>5</v>
      </c>
      <c r="BV27" s="281">
        <v>4</v>
      </c>
      <c r="BW27" s="281">
        <v>2</v>
      </c>
      <c r="BX27" s="281">
        <v>0</v>
      </c>
      <c r="BY27" s="278">
        <v>11</v>
      </c>
      <c r="BZ27" s="283">
        <v>12</v>
      </c>
      <c r="CA27" s="277">
        <v>0</v>
      </c>
      <c r="CB27" s="281">
        <v>0</v>
      </c>
      <c r="CC27" s="278">
        <v>0</v>
      </c>
      <c r="CD27" s="280">
        <v>0</v>
      </c>
      <c r="CE27" s="281">
        <v>3</v>
      </c>
      <c r="CF27" s="281">
        <v>1</v>
      </c>
      <c r="CG27" s="281">
        <v>1</v>
      </c>
      <c r="CH27" s="281">
        <v>0</v>
      </c>
      <c r="CI27" s="281">
        <v>0</v>
      </c>
      <c r="CJ27" s="278">
        <v>5</v>
      </c>
      <c r="CK27" s="283">
        <v>5</v>
      </c>
      <c r="CL27" s="277">
        <v>0</v>
      </c>
      <c r="CM27" s="281">
        <v>0</v>
      </c>
      <c r="CN27" s="278">
        <v>0</v>
      </c>
      <c r="CO27" s="280">
        <v>0</v>
      </c>
      <c r="CP27" s="281">
        <v>0</v>
      </c>
      <c r="CQ27" s="281">
        <v>0</v>
      </c>
      <c r="CR27" s="281">
        <v>0</v>
      </c>
      <c r="CS27" s="281">
        <v>0</v>
      </c>
      <c r="CT27" s="281">
        <v>0</v>
      </c>
      <c r="CU27" s="278">
        <v>0</v>
      </c>
      <c r="CV27" s="283">
        <v>0</v>
      </c>
      <c r="CW27" s="277">
        <v>0</v>
      </c>
      <c r="CX27" s="281">
        <v>0</v>
      </c>
      <c r="CY27" s="278">
        <v>0</v>
      </c>
      <c r="CZ27" s="280">
        <v>0</v>
      </c>
      <c r="DA27" s="281">
        <v>0</v>
      </c>
      <c r="DB27" s="281">
        <v>0</v>
      </c>
      <c r="DC27" s="281">
        <v>0</v>
      </c>
      <c r="DD27" s="281">
        <v>0</v>
      </c>
      <c r="DE27" s="281">
        <v>0</v>
      </c>
      <c r="DF27" s="278">
        <v>0</v>
      </c>
      <c r="DG27" s="283">
        <v>0</v>
      </c>
      <c r="DH27" s="277">
        <v>0</v>
      </c>
      <c r="DI27" s="281">
        <v>0</v>
      </c>
      <c r="DJ27" s="278">
        <v>0</v>
      </c>
      <c r="DK27" s="280">
        <v>0</v>
      </c>
      <c r="DL27" s="281">
        <v>0</v>
      </c>
      <c r="DM27" s="281">
        <v>0</v>
      </c>
      <c r="DN27" s="281">
        <v>0</v>
      </c>
      <c r="DO27" s="281">
        <v>0</v>
      </c>
      <c r="DP27" s="281">
        <v>0</v>
      </c>
      <c r="DQ27" s="278">
        <v>0</v>
      </c>
      <c r="DR27" s="283">
        <v>0</v>
      </c>
      <c r="DS27" s="277">
        <v>2</v>
      </c>
      <c r="DT27" s="281">
        <v>6</v>
      </c>
      <c r="DU27" s="278">
        <v>8</v>
      </c>
      <c r="DV27" s="280">
        <v>0</v>
      </c>
      <c r="DW27" s="281">
        <v>6</v>
      </c>
      <c r="DX27" s="281">
        <v>7</v>
      </c>
      <c r="DY27" s="281">
        <v>5</v>
      </c>
      <c r="DZ27" s="281">
        <v>4</v>
      </c>
      <c r="EA27" s="281">
        <v>3</v>
      </c>
      <c r="EB27" s="278">
        <v>25</v>
      </c>
      <c r="EC27" s="283">
        <v>33</v>
      </c>
      <c r="ED27" s="277">
        <v>0</v>
      </c>
      <c r="EE27" s="281">
        <v>0</v>
      </c>
      <c r="EF27" s="278">
        <v>0</v>
      </c>
      <c r="EG27" s="280">
        <v>0</v>
      </c>
      <c r="EH27" s="281">
        <v>0</v>
      </c>
      <c r="EI27" s="281">
        <v>2</v>
      </c>
      <c r="EJ27" s="281">
        <v>0</v>
      </c>
      <c r="EK27" s="281">
        <v>2</v>
      </c>
      <c r="EL27" s="281">
        <v>1</v>
      </c>
      <c r="EM27" s="278">
        <v>5</v>
      </c>
      <c r="EN27" s="283">
        <v>5</v>
      </c>
      <c r="EO27" s="277">
        <v>3</v>
      </c>
      <c r="EP27" s="281">
        <v>9</v>
      </c>
      <c r="EQ27" s="278">
        <v>12</v>
      </c>
      <c r="ER27" s="280">
        <v>0</v>
      </c>
      <c r="ES27" s="281">
        <v>15</v>
      </c>
      <c r="ET27" s="281">
        <v>9</v>
      </c>
      <c r="EU27" s="281">
        <v>7</v>
      </c>
      <c r="EV27" s="281">
        <v>5</v>
      </c>
      <c r="EW27" s="281">
        <v>2</v>
      </c>
      <c r="EX27" s="278">
        <v>38</v>
      </c>
      <c r="EY27" s="283">
        <v>50</v>
      </c>
    </row>
    <row r="28" spans="1:155" ht="19.5" customHeight="1" x14ac:dyDescent="0.2">
      <c r="A28" s="262" t="s">
        <v>26</v>
      </c>
      <c r="B28" s="277">
        <v>0</v>
      </c>
      <c r="C28" s="281">
        <v>0</v>
      </c>
      <c r="D28" s="385">
        <v>0</v>
      </c>
      <c r="E28" s="280">
        <v>0</v>
      </c>
      <c r="F28" s="281">
        <v>6</v>
      </c>
      <c r="G28" s="281">
        <v>3</v>
      </c>
      <c r="H28" s="281">
        <v>4</v>
      </c>
      <c r="I28" s="281">
        <v>1</v>
      </c>
      <c r="J28" s="281">
        <v>3</v>
      </c>
      <c r="K28" s="282">
        <v>17</v>
      </c>
      <c r="L28" s="283">
        <v>17</v>
      </c>
      <c r="M28" s="277">
        <v>0</v>
      </c>
      <c r="N28" s="281">
        <v>0</v>
      </c>
      <c r="O28" s="278">
        <v>0</v>
      </c>
      <c r="P28" s="280">
        <v>0</v>
      </c>
      <c r="Q28" s="281">
        <v>0</v>
      </c>
      <c r="R28" s="281">
        <v>0</v>
      </c>
      <c r="S28" s="281">
        <v>0</v>
      </c>
      <c r="T28" s="281">
        <v>0</v>
      </c>
      <c r="U28" s="281">
        <v>1</v>
      </c>
      <c r="V28" s="278">
        <v>1</v>
      </c>
      <c r="W28" s="283">
        <v>1</v>
      </c>
      <c r="X28" s="277">
        <v>0</v>
      </c>
      <c r="Y28" s="281">
        <v>3</v>
      </c>
      <c r="Z28" s="278">
        <v>3</v>
      </c>
      <c r="AA28" s="280">
        <v>0</v>
      </c>
      <c r="AB28" s="281">
        <v>4</v>
      </c>
      <c r="AC28" s="281">
        <v>5</v>
      </c>
      <c r="AD28" s="281">
        <v>3</v>
      </c>
      <c r="AE28" s="281">
        <v>2</v>
      </c>
      <c r="AF28" s="281">
        <v>4</v>
      </c>
      <c r="AG28" s="278">
        <v>18</v>
      </c>
      <c r="AH28" s="283">
        <v>21</v>
      </c>
      <c r="AI28" s="277">
        <v>0</v>
      </c>
      <c r="AJ28" s="281">
        <v>0</v>
      </c>
      <c r="AK28" s="278">
        <v>0</v>
      </c>
      <c r="AL28" s="280">
        <v>0</v>
      </c>
      <c r="AM28" s="281">
        <v>0</v>
      </c>
      <c r="AN28" s="281">
        <v>0</v>
      </c>
      <c r="AO28" s="281">
        <v>0</v>
      </c>
      <c r="AP28" s="281">
        <v>0</v>
      </c>
      <c r="AQ28" s="281">
        <v>0</v>
      </c>
      <c r="AR28" s="278">
        <v>0</v>
      </c>
      <c r="AS28" s="283">
        <v>0</v>
      </c>
      <c r="AT28" s="277">
        <v>2</v>
      </c>
      <c r="AU28" s="281">
        <v>0</v>
      </c>
      <c r="AV28" s="278">
        <v>2</v>
      </c>
      <c r="AW28" s="280">
        <v>0</v>
      </c>
      <c r="AX28" s="281">
        <v>2</v>
      </c>
      <c r="AY28" s="281">
        <v>5</v>
      </c>
      <c r="AZ28" s="281">
        <v>4</v>
      </c>
      <c r="BA28" s="281">
        <v>5</v>
      </c>
      <c r="BB28" s="281">
        <v>5</v>
      </c>
      <c r="BC28" s="282">
        <v>21</v>
      </c>
      <c r="BD28" s="283">
        <v>23</v>
      </c>
      <c r="BE28" s="277">
        <v>0</v>
      </c>
      <c r="BF28" s="281">
        <v>0</v>
      </c>
      <c r="BG28" s="278">
        <v>0</v>
      </c>
      <c r="BH28" s="280">
        <v>0</v>
      </c>
      <c r="BI28" s="281">
        <v>9</v>
      </c>
      <c r="BJ28" s="281">
        <v>3</v>
      </c>
      <c r="BK28" s="281">
        <v>2</v>
      </c>
      <c r="BL28" s="281">
        <v>0</v>
      </c>
      <c r="BM28" s="281">
        <v>0</v>
      </c>
      <c r="BN28" s="278">
        <v>14</v>
      </c>
      <c r="BO28" s="283">
        <v>14</v>
      </c>
      <c r="BP28" s="277">
        <v>0</v>
      </c>
      <c r="BQ28" s="281">
        <v>1</v>
      </c>
      <c r="BR28" s="278">
        <v>1</v>
      </c>
      <c r="BS28" s="280">
        <v>0</v>
      </c>
      <c r="BT28" s="281">
        <v>2</v>
      </c>
      <c r="BU28" s="281">
        <v>3</v>
      </c>
      <c r="BV28" s="281">
        <v>3</v>
      </c>
      <c r="BW28" s="281">
        <v>0</v>
      </c>
      <c r="BX28" s="281">
        <v>0</v>
      </c>
      <c r="BY28" s="278">
        <v>8</v>
      </c>
      <c r="BZ28" s="283">
        <v>9</v>
      </c>
      <c r="CA28" s="277">
        <v>0</v>
      </c>
      <c r="CB28" s="281">
        <v>0</v>
      </c>
      <c r="CC28" s="278">
        <v>0</v>
      </c>
      <c r="CD28" s="280">
        <v>0</v>
      </c>
      <c r="CE28" s="281">
        <v>0</v>
      </c>
      <c r="CF28" s="281">
        <v>0</v>
      </c>
      <c r="CG28" s="281">
        <v>1</v>
      </c>
      <c r="CH28" s="281">
        <v>0</v>
      </c>
      <c r="CI28" s="281">
        <v>0</v>
      </c>
      <c r="CJ28" s="278">
        <v>1</v>
      </c>
      <c r="CK28" s="283">
        <v>1</v>
      </c>
      <c r="CL28" s="277">
        <v>0</v>
      </c>
      <c r="CM28" s="281">
        <v>0</v>
      </c>
      <c r="CN28" s="278">
        <v>0</v>
      </c>
      <c r="CO28" s="280">
        <v>0</v>
      </c>
      <c r="CP28" s="281">
        <v>0</v>
      </c>
      <c r="CQ28" s="281">
        <v>0</v>
      </c>
      <c r="CR28" s="281">
        <v>1</v>
      </c>
      <c r="CS28" s="281">
        <v>0</v>
      </c>
      <c r="CT28" s="281">
        <v>0</v>
      </c>
      <c r="CU28" s="278">
        <v>1</v>
      </c>
      <c r="CV28" s="283">
        <v>1</v>
      </c>
      <c r="CW28" s="277">
        <v>0</v>
      </c>
      <c r="CX28" s="281">
        <v>0</v>
      </c>
      <c r="CY28" s="278">
        <v>0</v>
      </c>
      <c r="CZ28" s="280">
        <v>0</v>
      </c>
      <c r="DA28" s="281">
        <v>0</v>
      </c>
      <c r="DB28" s="281">
        <v>0</v>
      </c>
      <c r="DC28" s="281">
        <v>0</v>
      </c>
      <c r="DD28" s="281">
        <v>0</v>
      </c>
      <c r="DE28" s="281">
        <v>0</v>
      </c>
      <c r="DF28" s="278">
        <v>0</v>
      </c>
      <c r="DG28" s="283">
        <v>0</v>
      </c>
      <c r="DH28" s="277">
        <v>0</v>
      </c>
      <c r="DI28" s="281">
        <v>0</v>
      </c>
      <c r="DJ28" s="278">
        <v>0</v>
      </c>
      <c r="DK28" s="280">
        <v>0</v>
      </c>
      <c r="DL28" s="281">
        <v>0</v>
      </c>
      <c r="DM28" s="281">
        <v>0</v>
      </c>
      <c r="DN28" s="281">
        <v>0</v>
      </c>
      <c r="DO28" s="281">
        <v>0</v>
      </c>
      <c r="DP28" s="281">
        <v>0</v>
      </c>
      <c r="DQ28" s="278">
        <v>0</v>
      </c>
      <c r="DR28" s="283">
        <v>0</v>
      </c>
      <c r="DS28" s="277">
        <v>5</v>
      </c>
      <c r="DT28" s="281">
        <v>6</v>
      </c>
      <c r="DU28" s="278">
        <v>11</v>
      </c>
      <c r="DV28" s="280">
        <v>0</v>
      </c>
      <c r="DW28" s="281">
        <v>10</v>
      </c>
      <c r="DX28" s="281">
        <v>8</v>
      </c>
      <c r="DY28" s="281">
        <v>9</v>
      </c>
      <c r="DZ28" s="281">
        <v>3</v>
      </c>
      <c r="EA28" s="281">
        <v>4</v>
      </c>
      <c r="EB28" s="278">
        <v>34</v>
      </c>
      <c r="EC28" s="283">
        <v>45</v>
      </c>
      <c r="ED28" s="277">
        <v>2</v>
      </c>
      <c r="EE28" s="281">
        <v>1</v>
      </c>
      <c r="EF28" s="278">
        <v>3</v>
      </c>
      <c r="EG28" s="280">
        <v>0</v>
      </c>
      <c r="EH28" s="281">
        <v>1</v>
      </c>
      <c r="EI28" s="281">
        <v>5</v>
      </c>
      <c r="EJ28" s="281">
        <v>0</v>
      </c>
      <c r="EK28" s="281">
        <v>2</v>
      </c>
      <c r="EL28" s="281">
        <v>0</v>
      </c>
      <c r="EM28" s="278">
        <v>8</v>
      </c>
      <c r="EN28" s="283">
        <v>11</v>
      </c>
      <c r="EO28" s="277">
        <v>5</v>
      </c>
      <c r="EP28" s="281">
        <v>9</v>
      </c>
      <c r="EQ28" s="278">
        <v>14</v>
      </c>
      <c r="ER28" s="280">
        <v>0</v>
      </c>
      <c r="ES28" s="281">
        <v>24</v>
      </c>
      <c r="ET28" s="281">
        <v>10</v>
      </c>
      <c r="EU28" s="281">
        <v>10</v>
      </c>
      <c r="EV28" s="281">
        <v>3</v>
      </c>
      <c r="EW28" s="281">
        <v>4</v>
      </c>
      <c r="EX28" s="278">
        <v>51</v>
      </c>
      <c r="EY28" s="283">
        <v>65</v>
      </c>
    </row>
    <row r="29" spans="1:155" ht="19.5" customHeight="1" x14ac:dyDescent="0.2">
      <c r="A29" s="262" t="s">
        <v>27</v>
      </c>
      <c r="B29" s="277">
        <v>0</v>
      </c>
      <c r="C29" s="281">
        <v>0</v>
      </c>
      <c r="D29" s="385">
        <v>0</v>
      </c>
      <c r="E29" s="280">
        <v>0</v>
      </c>
      <c r="F29" s="281">
        <v>2</v>
      </c>
      <c r="G29" s="281">
        <v>2</v>
      </c>
      <c r="H29" s="281">
        <v>2</v>
      </c>
      <c r="I29" s="281">
        <v>0</v>
      </c>
      <c r="J29" s="281">
        <v>2</v>
      </c>
      <c r="K29" s="282">
        <v>8</v>
      </c>
      <c r="L29" s="283">
        <v>8</v>
      </c>
      <c r="M29" s="277">
        <v>0</v>
      </c>
      <c r="N29" s="281">
        <v>0</v>
      </c>
      <c r="O29" s="278">
        <v>0</v>
      </c>
      <c r="P29" s="280">
        <v>0</v>
      </c>
      <c r="Q29" s="281">
        <v>0</v>
      </c>
      <c r="R29" s="281">
        <v>0</v>
      </c>
      <c r="S29" s="281">
        <v>0</v>
      </c>
      <c r="T29" s="281">
        <v>0</v>
      </c>
      <c r="U29" s="281">
        <v>0</v>
      </c>
      <c r="V29" s="278">
        <v>0</v>
      </c>
      <c r="W29" s="283">
        <v>0</v>
      </c>
      <c r="X29" s="277">
        <v>1</v>
      </c>
      <c r="Y29" s="281">
        <v>2</v>
      </c>
      <c r="Z29" s="278">
        <v>3</v>
      </c>
      <c r="AA29" s="280">
        <v>0</v>
      </c>
      <c r="AB29" s="281">
        <v>4</v>
      </c>
      <c r="AC29" s="281">
        <v>2</v>
      </c>
      <c r="AD29" s="281">
        <v>2</v>
      </c>
      <c r="AE29" s="281">
        <v>1</v>
      </c>
      <c r="AF29" s="281">
        <v>2</v>
      </c>
      <c r="AG29" s="278">
        <v>11</v>
      </c>
      <c r="AH29" s="283">
        <v>14</v>
      </c>
      <c r="AI29" s="277">
        <v>0</v>
      </c>
      <c r="AJ29" s="281">
        <v>2</v>
      </c>
      <c r="AK29" s="278">
        <v>2</v>
      </c>
      <c r="AL29" s="280">
        <v>0</v>
      </c>
      <c r="AM29" s="281">
        <v>0</v>
      </c>
      <c r="AN29" s="281">
        <v>0</v>
      </c>
      <c r="AO29" s="281">
        <v>0</v>
      </c>
      <c r="AP29" s="281">
        <v>0</v>
      </c>
      <c r="AQ29" s="281">
        <v>0</v>
      </c>
      <c r="AR29" s="278">
        <v>0</v>
      </c>
      <c r="AS29" s="283">
        <v>2</v>
      </c>
      <c r="AT29" s="277">
        <v>1</v>
      </c>
      <c r="AU29" s="281">
        <v>2</v>
      </c>
      <c r="AV29" s="278">
        <v>3</v>
      </c>
      <c r="AW29" s="280">
        <v>0</v>
      </c>
      <c r="AX29" s="281">
        <v>4</v>
      </c>
      <c r="AY29" s="281">
        <v>1</v>
      </c>
      <c r="AZ29" s="281">
        <v>8</v>
      </c>
      <c r="BA29" s="281">
        <v>4</v>
      </c>
      <c r="BB29" s="281">
        <v>2</v>
      </c>
      <c r="BC29" s="282">
        <v>19</v>
      </c>
      <c r="BD29" s="283">
        <v>22</v>
      </c>
      <c r="BE29" s="277">
        <v>0</v>
      </c>
      <c r="BF29" s="281">
        <v>0</v>
      </c>
      <c r="BG29" s="278">
        <v>0</v>
      </c>
      <c r="BH29" s="280">
        <v>0</v>
      </c>
      <c r="BI29" s="281">
        <v>1</v>
      </c>
      <c r="BJ29" s="281">
        <v>0</v>
      </c>
      <c r="BK29" s="281">
        <v>2</v>
      </c>
      <c r="BL29" s="281">
        <v>1</v>
      </c>
      <c r="BM29" s="281">
        <v>0</v>
      </c>
      <c r="BN29" s="278">
        <v>4</v>
      </c>
      <c r="BO29" s="283">
        <v>4</v>
      </c>
      <c r="BP29" s="277">
        <v>1</v>
      </c>
      <c r="BQ29" s="281">
        <v>1</v>
      </c>
      <c r="BR29" s="278">
        <v>2</v>
      </c>
      <c r="BS29" s="280">
        <v>0</v>
      </c>
      <c r="BT29" s="281">
        <v>1</v>
      </c>
      <c r="BU29" s="281">
        <v>0</v>
      </c>
      <c r="BV29" s="281">
        <v>1</v>
      </c>
      <c r="BW29" s="281">
        <v>0</v>
      </c>
      <c r="BX29" s="281">
        <v>0</v>
      </c>
      <c r="BY29" s="278">
        <v>2</v>
      </c>
      <c r="BZ29" s="283">
        <v>4</v>
      </c>
      <c r="CA29" s="277">
        <v>0</v>
      </c>
      <c r="CB29" s="281">
        <v>0</v>
      </c>
      <c r="CC29" s="278">
        <v>0</v>
      </c>
      <c r="CD29" s="280">
        <v>0</v>
      </c>
      <c r="CE29" s="281">
        <v>0</v>
      </c>
      <c r="CF29" s="281">
        <v>0</v>
      </c>
      <c r="CG29" s="281">
        <v>1</v>
      </c>
      <c r="CH29" s="281">
        <v>1</v>
      </c>
      <c r="CI29" s="281">
        <v>0</v>
      </c>
      <c r="CJ29" s="278">
        <v>2</v>
      </c>
      <c r="CK29" s="283">
        <v>2</v>
      </c>
      <c r="CL29" s="277">
        <v>0</v>
      </c>
      <c r="CM29" s="281">
        <v>0</v>
      </c>
      <c r="CN29" s="278">
        <v>0</v>
      </c>
      <c r="CO29" s="280">
        <v>0</v>
      </c>
      <c r="CP29" s="281">
        <v>0</v>
      </c>
      <c r="CQ29" s="281">
        <v>0</v>
      </c>
      <c r="CR29" s="281">
        <v>0</v>
      </c>
      <c r="CS29" s="281">
        <v>0</v>
      </c>
      <c r="CT29" s="281">
        <v>0</v>
      </c>
      <c r="CU29" s="278">
        <v>0</v>
      </c>
      <c r="CV29" s="283">
        <v>0</v>
      </c>
      <c r="CW29" s="277">
        <v>0</v>
      </c>
      <c r="CX29" s="281">
        <v>0</v>
      </c>
      <c r="CY29" s="278">
        <v>0</v>
      </c>
      <c r="CZ29" s="280">
        <v>0</v>
      </c>
      <c r="DA29" s="281">
        <v>0</v>
      </c>
      <c r="DB29" s="281">
        <v>0</v>
      </c>
      <c r="DC29" s="281">
        <v>0</v>
      </c>
      <c r="DD29" s="281">
        <v>0</v>
      </c>
      <c r="DE29" s="281">
        <v>0</v>
      </c>
      <c r="DF29" s="278">
        <v>0</v>
      </c>
      <c r="DG29" s="283">
        <v>0</v>
      </c>
      <c r="DH29" s="277">
        <v>0</v>
      </c>
      <c r="DI29" s="281">
        <v>0</v>
      </c>
      <c r="DJ29" s="278">
        <v>0</v>
      </c>
      <c r="DK29" s="280">
        <v>0</v>
      </c>
      <c r="DL29" s="281">
        <v>0</v>
      </c>
      <c r="DM29" s="281">
        <v>0</v>
      </c>
      <c r="DN29" s="281">
        <v>0</v>
      </c>
      <c r="DO29" s="281">
        <v>0</v>
      </c>
      <c r="DP29" s="281">
        <v>0</v>
      </c>
      <c r="DQ29" s="278">
        <v>0</v>
      </c>
      <c r="DR29" s="283">
        <v>0</v>
      </c>
      <c r="DS29" s="277">
        <v>4</v>
      </c>
      <c r="DT29" s="281">
        <v>10</v>
      </c>
      <c r="DU29" s="278">
        <v>14</v>
      </c>
      <c r="DV29" s="280">
        <v>0</v>
      </c>
      <c r="DW29" s="281">
        <v>1</v>
      </c>
      <c r="DX29" s="281">
        <v>4</v>
      </c>
      <c r="DY29" s="281">
        <v>6</v>
      </c>
      <c r="DZ29" s="281">
        <v>1</v>
      </c>
      <c r="EA29" s="281">
        <v>2</v>
      </c>
      <c r="EB29" s="278">
        <v>14</v>
      </c>
      <c r="EC29" s="283">
        <v>28</v>
      </c>
      <c r="ED29" s="277">
        <v>1</v>
      </c>
      <c r="EE29" s="281">
        <v>2</v>
      </c>
      <c r="EF29" s="278">
        <v>3</v>
      </c>
      <c r="EG29" s="280">
        <v>0</v>
      </c>
      <c r="EH29" s="281">
        <v>5</v>
      </c>
      <c r="EI29" s="281">
        <v>1</v>
      </c>
      <c r="EJ29" s="281">
        <v>5</v>
      </c>
      <c r="EK29" s="281">
        <v>3</v>
      </c>
      <c r="EL29" s="281">
        <v>0</v>
      </c>
      <c r="EM29" s="278">
        <v>14</v>
      </c>
      <c r="EN29" s="283">
        <v>17</v>
      </c>
      <c r="EO29" s="277">
        <v>7</v>
      </c>
      <c r="EP29" s="281">
        <v>12</v>
      </c>
      <c r="EQ29" s="278">
        <v>19</v>
      </c>
      <c r="ER29" s="280">
        <v>0</v>
      </c>
      <c r="ES29" s="281">
        <v>7</v>
      </c>
      <c r="ET29" s="281">
        <v>5</v>
      </c>
      <c r="EU29" s="281">
        <v>7</v>
      </c>
      <c r="EV29" s="281">
        <v>1</v>
      </c>
      <c r="EW29" s="281">
        <v>2</v>
      </c>
      <c r="EX29" s="278">
        <v>22</v>
      </c>
      <c r="EY29" s="283">
        <v>41</v>
      </c>
    </row>
    <row r="30" spans="1:155" ht="19.5" customHeight="1" x14ac:dyDescent="0.2">
      <c r="A30" s="262" t="s">
        <v>28</v>
      </c>
      <c r="B30" s="277">
        <v>0</v>
      </c>
      <c r="C30" s="281">
        <v>0</v>
      </c>
      <c r="D30" s="385">
        <v>0</v>
      </c>
      <c r="E30" s="280">
        <v>0</v>
      </c>
      <c r="F30" s="281">
        <v>1</v>
      </c>
      <c r="G30" s="281">
        <v>2</v>
      </c>
      <c r="H30" s="281">
        <v>0</v>
      </c>
      <c r="I30" s="281">
        <v>0</v>
      </c>
      <c r="J30" s="281">
        <v>0</v>
      </c>
      <c r="K30" s="282">
        <v>3</v>
      </c>
      <c r="L30" s="283">
        <v>3</v>
      </c>
      <c r="M30" s="277">
        <v>0</v>
      </c>
      <c r="N30" s="281">
        <v>0</v>
      </c>
      <c r="O30" s="278">
        <v>0</v>
      </c>
      <c r="P30" s="280">
        <v>0</v>
      </c>
      <c r="Q30" s="281">
        <v>0</v>
      </c>
      <c r="R30" s="281">
        <v>0</v>
      </c>
      <c r="S30" s="281">
        <v>0</v>
      </c>
      <c r="T30" s="281">
        <v>0</v>
      </c>
      <c r="U30" s="281">
        <v>0</v>
      </c>
      <c r="V30" s="278">
        <v>0</v>
      </c>
      <c r="W30" s="283">
        <v>0</v>
      </c>
      <c r="X30" s="277">
        <v>0</v>
      </c>
      <c r="Y30" s="281">
        <v>0</v>
      </c>
      <c r="Z30" s="278">
        <v>0</v>
      </c>
      <c r="AA30" s="280">
        <v>0</v>
      </c>
      <c r="AB30" s="281">
        <v>0</v>
      </c>
      <c r="AC30" s="281">
        <v>1</v>
      </c>
      <c r="AD30" s="281">
        <v>1</v>
      </c>
      <c r="AE30" s="281">
        <v>0</v>
      </c>
      <c r="AF30" s="281">
        <v>0</v>
      </c>
      <c r="AG30" s="278">
        <v>2</v>
      </c>
      <c r="AH30" s="283">
        <v>2</v>
      </c>
      <c r="AI30" s="277">
        <v>0</v>
      </c>
      <c r="AJ30" s="281">
        <v>0</v>
      </c>
      <c r="AK30" s="278">
        <v>0</v>
      </c>
      <c r="AL30" s="280">
        <v>0</v>
      </c>
      <c r="AM30" s="281">
        <v>1</v>
      </c>
      <c r="AN30" s="281">
        <v>0</v>
      </c>
      <c r="AO30" s="281">
        <v>0</v>
      </c>
      <c r="AP30" s="281">
        <v>0</v>
      </c>
      <c r="AQ30" s="281">
        <v>0</v>
      </c>
      <c r="AR30" s="278">
        <v>1</v>
      </c>
      <c r="AS30" s="283">
        <v>1</v>
      </c>
      <c r="AT30" s="277">
        <v>0</v>
      </c>
      <c r="AU30" s="281">
        <v>0</v>
      </c>
      <c r="AV30" s="278">
        <v>0</v>
      </c>
      <c r="AW30" s="280">
        <v>0</v>
      </c>
      <c r="AX30" s="281">
        <v>1</v>
      </c>
      <c r="AY30" s="281">
        <v>3</v>
      </c>
      <c r="AZ30" s="281">
        <v>1</v>
      </c>
      <c r="BA30" s="281">
        <v>1</v>
      </c>
      <c r="BB30" s="281">
        <v>1</v>
      </c>
      <c r="BC30" s="282">
        <v>7</v>
      </c>
      <c r="BD30" s="283">
        <v>7</v>
      </c>
      <c r="BE30" s="277">
        <v>0</v>
      </c>
      <c r="BF30" s="281">
        <v>0</v>
      </c>
      <c r="BG30" s="278">
        <v>0</v>
      </c>
      <c r="BH30" s="280">
        <v>0</v>
      </c>
      <c r="BI30" s="281">
        <v>2</v>
      </c>
      <c r="BJ30" s="281">
        <v>2</v>
      </c>
      <c r="BK30" s="281">
        <v>0</v>
      </c>
      <c r="BL30" s="281">
        <v>1</v>
      </c>
      <c r="BM30" s="281">
        <v>0</v>
      </c>
      <c r="BN30" s="278">
        <v>5</v>
      </c>
      <c r="BO30" s="283">
        <v>5</v>
      </c>
      <c r="BP30" s="277">
        <v>0</v>
      </c>
      <c r="BQ30" s="281">
        <v>1</v>
      </c>
      <c r="BR30" s="278">
        <v>1</v>
      </c>
      <c r="BS30" s="280">
        <v>0</v>
      </c>
      <c r="BT30" s="281">
        <v>0</v>
      </c>
      <c r="BU30" s="281">
        <v>1</v>
      </c>
      <c r="BV30" s="281">
        <v>0</v>
      </c>
      <c r="BW30" s="281">
        <v>0</v>
      </c>
      <c r="BX30" s="281">
        <v>1</v>
      </c>
      <c r="BY30" s="278">
        <v>2</v>
      </c>
      <c r="BZ30" s="283">
        <v>3</v>
      </c>
      <c r="CA30" s="277">
        <v>0</v>
      </c>
      <c r="CB30" s="281">
        <v>0</v>
      </c>
      <c r="CC30" s="278">
        <v>0</v>
      </c>
      <c r="CD30" s="280">
        <v>0</v>
      </c>
      <c r="CE30" s="281">
        <v>0</v>
      </c>
      <c r="CF30" s="281">
        <v>0</v>
      </c>
      <c r="CG30" s="281">
        <v>0</v>
      </c>
      <c r="CH30" s="281">
        <v>1</v>
      </c>
      <c r="CI30" s="281">
        <v>0</v>
      </c>
      <c r="CJ30" s="278">
        <v>1</v>
      </c>
      <c r="CK30" s="283">
        <v>1</v>
      </c>
      <c r="CL30" s="277">
        <v>0</v>
      </c>
      <c r="CM30" s="281">
        <v>0</v>
      </c>
      <c r="CN30" s="278">
        <v>0</v>
      </c>
      <c r="CO30" s="280">
        <v>0</v>
      </c>
      <c r="CP30" s="281">
        <v>0</v>
      </c>
      <c r="CQ30" s="281">
        <v>0</v>
      </c>
      <c r="CR30" s="281">
        <v>0</v>
      </c>
      <c r="CS30" s="281">
        <v>0</v>
      </c>
      <c r="CT30" s="281">
        <v>0</v>
      </c>
      <c r="CU30" s="278">
        <v>0</v>
      </c>
      <c r="CV30" s="283">
        <v>0</v>
      </c>
      <c r="CW30" s="277">
        <v>0</v>
      </c>
      <c r="CX30" s="281">
        <v>0</v>
      </c>
      <c r="CY30" s="278">
        <v>0</v>
      </c>
      <c r="CZ30" s="280">
        <v>0</v>
      </c>
      <c r="DA30" s="281">
        <v>0</v>
      </c>
      <c r="DB30" s="281">
        <v>0</v>
      </c>
      <c r="DC30" s="281">
        <v>0</v>
      </c>
      <c r="DD30" s="281">
        <v>0</v>
      </c>
      <c r="DE30" s="281">
        <v>0</v>
      </c>
      <c r="DF30" s="278">
        <v>0</v>
      </c>
      <c r="DG30" s="283">
        <v>0</v>
      </c>
      <c r="DH30" s="277">
        <v>0</v>
      </c>
      <c r="DI30" s="281">
        <v>0</v>
      </c>
      <c r="DJ30" s="278">
        <v>0</v>
      </c>
      <c r="DK30" s="280">
        <v>0</v>
      </c>
      <c r="DL30" s="281">
        <v>0</v>
      </c>
      <c r="DM30" s="281">
        <v>0</v>
      </c>
      <c r="DN30" s="281">
        <v>0</v>
      </c>
      <c r="DO30" s="281">
        <v>0</v>
      </c>
      <c r="DP30" s="281">
        <v>0</v>
      </c>
      <c r="DQ30" s="278">
        <v>0</v>
      </c>
      <c r="DR30" s="283">
        <v>0</v>
      </c>
      <c r="DS30" s="277">
        <v>1</v>
      </c>
      <c r="DT30" s="281">
        <v>2</v>
      </c>
      <c r="DU30" s="278">
        <v>3</v>
      </c>
      <c r="DV30" s="280">
        <v>0</v>
      </c>
      <c r="DW30" s="281">
        <v>2</v>
      </c>
      <c r="DX30" s="281">
        <v>4</v>
      </c>
      <c r="DY30" s="281">
        <v>1</v>
      </c>
      <c r="DZ30" s="281">
        <v>1</v>
      </c>
      <c r="EA30" s="281">
        <v>1</v>
      </c>
      <c r="EB30" s="278">
        <v>9</v>
      </c>
      <c r="EC30" s="283">
        <v>12</v>
      </c>
      <c r="ED30" s="277">
        <v>0</v>
      </c>
      <c r="EE30" s="281">
        <v>0</v>
      </c>
      <c r="EF30" s="278">
        <v>0</v>
      </c>
      <c r="EG30" s="280">
        <v>0</v>
      </c>
      <c r="EH30" s="281">
        <v>1</v>
      </c>
      <c r="EI30" s="281">
        <v>0</v>
      </c>
      <c r="EJ30" s="281">
        <v>1</v>
      </c>
      <c r="EK30" s="281">
        <v>0</v>
      </c>
      <c r="EL30" s="281">
        <v>1</v>
      </c>
      <c r="EM30" s="278">
        <v>3</v>
      </c>
      <c r="EN30" s="283">
        <v>3</v>
      </c>
      <c r="EO30" s="277">
        <v>1</v>
      </c>
      <c r="EP30" s="281">
        <v>2</v>
      </c>
      <c r="EQ30" s="278">
        <v>3</v>
      </c>
      <c r="ER30" s="280">
        <v>0</v>
      </c>
      <c r="ES30" s="281">
        <v>6</v>
      </c>
      <c r="ET30" s="281">
        <v>5</v>
      </c>
      <c r="EU30" s="281">
        <v>1</v>
      </c>
      <c r="EV30" s="281">
        <v>2</v>
      </c>
      <c r="EW30" s="281">
        <v>1</v>
      </c>
      <c r="EX30" s="278">
        <v>15</v>
      </c>
      <c r="EY30" s="283">
        <v>18</v>
      </c>
    </row>
    <row r="31" spans="1:155" ht="19.5" customHeight="1" x14ac:dyDescent="0.2">
      <c r="A31" s="262" t="s">
        <v>29</v>
      </c>
      <c r="B31" s="277">
        <v>0</v>
      </c>
      <c r="C31" s="281">
        <v>0</v>
      </c>
      <c r="D31" s="385">
        <v>0</v>
      </c>
      <c r="E31" s="280">
        <v>0</v>
      </c>
      <c r="F31" s="281">
        <v>1</v>
      </c>
      <c r="G31" s="281">
        <v>2</v>
      </c>
      <c r="H31" s="281">
        <v>0</v>
      </c>
      <c r="I31" s="281">
        <v>0</v>
      </c>
      <c r="J31" s="281">
        <v>0</v>
      </c>
      <c r="K31" s="282">
        <v>3</v>
      </c>
      <c r="L31" s="283">
        <v>3</v>
      </c>
      <c r="M31" s="277">
        <v>0</v>
      </c>
      <c r="N31" s="281">
        <v>0</v>
      </c>
      <c r="O31" s="278">
        <v>0</v>
      </c>
      <c r="P31" s="280">
        <v>0</v>
      </c>
      <c r="Q31" s="281">
        <v>0</v>
      </c>
      <c r="R31" s="281">
        <v>0</v>
      </c>
      <c r="S31" s="281">
        <v>1</v>
      </c>
      <c r="T31" s="281">
        <v>0</v>
      </c>
      <c r="U31" s="281">
        <v>0</v>
      </c>
      <c r="V31" s="278">
        <v>1</v>
      </c>
      <c r="W31" s="283">
        <v>1</v>
      </c>
      <c r="X31" s="277">
        <v>1</v>
      </c>
      <c r="Y31" s="281">
        <v>0</v>
      </c>
      <c r="Z31" s="278">
        <v>1</v>
      </c>
      <c r="AA31" s="280">
        <v>0</v>
      </c>
      <c r="AB31" s="281">
        <v>1</v>
      </c>
      <c r="AC31" s="281">
        <v>1</v>
      </c>
      <c r="AD31" s="281">
        <v>3</v>
      </c>
      <c r="AE31" s="281">
        <v>0</v>
      </c>
      <c r="AF31" s="281">
        <v>0</v>
      </c>
      <c r="AG31" s="278">
        <v>5</v>
      </c>
      <c r="AH31" s="283">
        <v>6</v>
      </c>
      <c r="AI31" s="277">
        <v>0</v>
      </c>
      <c r="AJ31" s="281">
        <v>0</v>
      </c>
      <c r="AK31" s="278">
        <v>0</v>
      </c>
      <c r="AL31" s="280">
        <v>0</v>
      </c>
      <c r="AM31" s="281">
        <v>0</v>
      </c>
      <c r="AN31" s="281">
        <v>1</v>
      </c>
      <c r="AO31" s="281">
        <v>0</v>
      </c>
      <c r="AP31" s="281">
        <v>0</v>
      </c>
      <c r="AQ31" s="281">
        <v>0</v>
      </c>
      <c r="AR31" s="278">
        <v>1</v>
      </c>
      <c r="AS31" s="283">
        <v>1</v>
      </c>
      <c r="AT31" s="277">
        <v>0</v>
      </c>
      <c r="AU31" s="281">
        <v>0</v>
      </c>
      <c r="AV31" s="278">
        <v>0</v>
      </c>
      <c r="AW31" s="280">
        <v>0</v>
      </c>
      <c r="AX31" s="281">
        <v>1</v>
      </c>
      <c r="AY31" s="281">
        <v>1</v>
      </c>
      <c r="AZ31" s="281">
        <v>1</v>
      </c>
      <c r="BA31" s="281">
        <v>1</v>
      </c>
      <c r="BB31" s="281">
        <v>0</v>
      </c>
      <c r="BC31" s="282">
        <v>4</v>
      </c>
      <c r="BD31" s="283">
        <v>4</v>
      </c>
      <c r="BE31" s="277">
        <v>0</v>
      </c>
      <c r="BF31" s="281">
        <v>0</v>
      </c>
      <c r="BG31" s="278">
        <v>0</v>
      </c>
      <c r="BH31" s="280">
        <v>0</v>
      </c>
      <c r="BI31" s="281">
        <v>0</v>
      </c>
      <c r="BJ31" s="281">
        <v>0</v>
      </c>
      <c r="BK31" s="281">
        <v>2</v>
      </c>
      <c r="BL31" s="281">
        <v>0</v>
      </c>
      <c r="BM31" s="281">
        <v>0</v>
      </c>
      <c r="BN31" s="278">
        <v>2</v>
      </c>
      <c r="BO31" s="283">
        <v>2</v>
      </c>
      <c r="BP31" s="277">
        <v>0</v>
      </c>
      <c r="BQ31" s="281">
        <v>0</v>
      </c>
      <c r="BR31" s="278">
        <v>0</v>
      </c>
      <c r="BS31" s="280">
        <v>0</v>
      </c>
      <c r="BT31" s="281">
        <v>0</v>
      </c>
      <c r="BU31" s="281">
        <v>1</v>
      </c>
      <c r="BV31" s="281">
        <v>1</v>
      </c>
      <c r="BW31" s="281">
        <v>0</v>
      </c>
      <c r="BX31" s="281">
        <v>0</v>
      </c>
      <c r="BY31" s="278">
        <v>2</v>
      </c>
      <c r="BZ31" s="283">
        <v>2</v>
      </c>
      <c r="CA31" s="277">
        <v>0</v>
      </c>
      <c r="CB31" s="281">
        <v>0</v>
      </c>
      <c r="CC31" s="278">
        <v>0</v>
      </c>
      <c r="CD31" s="280">
        <v>0</v>
      </c>
      <c r="CE31" s="281">
        <v>0</v>
      </c>
      <c r="CF31" s="281">
        <v>0</v>
      </c>
      <c r="CG31" s="281">
        <v>0</v>
      </c>
      <c r="CH31" s="281">
        <v>0</v>
      </c>
      <c r="CI31" s="281">
        <v>0</v>
      </c>
      <c r="CJ31" s="278">
        <v>0</v>
      </c>
      <c r="CK31" s="283">
        <v>0</v>
      </c>
      <c r="CL31" s="277">
        <v>0</v>
      </c>
      <c r="CM31" s="281">
        <v>0</v>
      </c>
      <c r="CN31" s="278">
        <v>0</v>
      </c>
      <c r="CO31" s="280">
        <v>0</v>
      </c>
      <c r="CP31" s="281">
        <v>0</v>
      </c>
      <c r="CQ31" s="281">
        <v>0</v>
      </c>
      <c r="CR31" s="281">
        <v>0</v>
      </c>
      <c r="CS31" s="281">
        <v>0</v>
      </c>
      <c r="CT31" s="281">
        <v>0</v>
      </c>
      <c r="CU31" s="278">
        <v>0</v>
      </c>
      <c r="CV31" s="283">
        <v>0</v>
      </c>
      <c r="CW31" s="277">
        <v>0</v>
      </c>
      <c r="CX31" s="281">
        <v>0</v>
      </c>
      <c r="CY31" s="278">
        <v>0</v>
      </c>
      <c r="CZ31" s="280">
        <v>0</v>
      </c>
      <c r="DA31" s="281">
        <v>0</v>
      </c>
      <c r="DB31" s="281">
        <v>0</v>
      </c>
      <c r="DC31" s="281">
        <v>0</v>
      </c>
      <c r="DD31" s="281">
        <v>0</v>
      </c>
      <c r="DE31" s="281">
        <v>0</v>
      </c>
      <c r="DF31" s="278">
        <v>0</v>
      </c>
      <c r="DG31" s="283">
        <v>0</v>
      </c>
      <c r="DH31" s="277">
        <v>0</v>
      </c>
      <c r="DI31" s="281">
        <v>0</v>
      </c>
      <c r="DJ31" s="278">
        <v>0</v>
      </c>
      <c r="DK31" s="280">
        <v>0</v>
      </c>
      <c r="DL31" s="281">
        <v>0</v>
      </c>
      <c r="DM31" s="281">
        <v>0</v>
      </c>
      <c r="DN31" s="281">
        <v>0</v>
      </c>
      <c r="DO31" s="281">
        <v>0</v>
      </c>
      <c r="DP31" s="281">
        <v>0</v>
      </c>
      <c r="DQ31" s="278">
        <v>0</v>
      </c>
      <c r="DR31" s="283">
        <v>0</v>
      </c>
      <c r="DS31" s="277">
        <v>1</v>
      </c>
      <c r="DT31" s="281">
        <v>2</v>
      </c>
      <c r="DU31" s="278">
        <v>3</v>
      </c>
      <c r="DV31" s="280">
        <v>0</v>
      </c>
      <c r="DW31" s="281">
        <v>2</v>
      </c>
      <c r="DX31" s="281">
        <v>2</v>
      </c>
      <c r="DY31" s="281">
        <v>2</v>
      </c>
      <c r="DZ31" s="281">
        <v>0</v>
      </c>
      <c r="EA31" s="281">
        <v>0</v>
      </c>
      <c r="EB31" s="278">
        <v>6</v>
      </c>
      <c r="EC31" s="283">
        <v>9</v>
      </c>
      <c r="ED31" s="277">
        <v>0</v>
      </c>
      <c r="EE31" s="281">
        <v>0</v>
      </c>
      <c r="EF31" s="278">
        <v>0</v>
      </c>
      <c r="EG31" s="280">
        <v>0</v>
      </c>
      <c r="EH31" s="281">
        <v>1</v>
      </c>
      <c r="EI31" s="281">
        <v>1</v>
      </c>
      <c r="EJ31" s="281">
        <v>1</v>
      </c>
      <c r="EK31" s="281">
        <v>1</v>
      </c>
      <c r="EL31" s="281">
        <v>0</v>
      </c>
      <c r="EM31" s="278">
        <v>4</v>
      </c>
      <c r="EN31" s="283">
        <v>4</v>
      </c>
      <c r="EO31" s="277">
        <v>2</v>
      </c>
      <c r="EP31" s="281">
        <v>2</v>
      </c>
      <c r="EQ31" s="278">
        <v>4</v>
      </c>
      <c r="ER31" s="280">
        <v>0</v>
      </c>
      <c r="ES31" s="281">
        <v>2</v>
      </c>
      <c r="ET31" s="281">
        <v>3</v>
      </c>
      <c r="EU31" s="281">
        <v>3</v>
      </c>
      <c r="EV31" s="281">
        <v>0</v>
      </c>
      <c r="EW31" s="281">
        <v>0</v>
      </c>
      <c r="EX31" s="278">
        <v>8</v>
      </c>
      <c r="EY31" s="283">
        <v>12</v>
      </c>
    </row>
    <row r="32" spans="1:155" ht="19.5" customHeight="1" x14ac:dyDescent="0.2">
      <c r="A32" s="262" t="s">
        <v>30</v>
      </c>
      <c r="B32" s="277">
        <v>0</v>
      </c>
      <c r="C32" s="281">
        <v>0</v>
      </c>
      <c r="D32" s="385">
        <v>0</v>
      </c>
      <c r="E32" s="280">
        <v>0</v>
      </c>
      <c r="F32" s="281">
        <v>0</v>
      </c>
      <c r="G32" s="281">
        <v>0</v>
      </c>
      <c r="H32" s="281">
        <v>1</v>
      </c>
      <c r="I32" s="281">
        <v>1</v>
      </c>
      <c r="J32" s="281">
        <v>0</v>
      </c>
      <c r="K32" s="282">
        <v>2</v>
      </c>
      <c r="L32" s="283">
        <v>2</v>
      </c>
      <c r="M32" s="277">
        <v>0</v>
      </c>
      <c r="N32" s="281">
        <v>0</v>
      </c>
      <c r="O32" s="278">
        <v>0</v>
      </c>
      <c r="P32" s="280">
        <v>0</v>
      </c>
      <c r="Q32" s="281">
        <v>0</v>
      </c>
      <c r="R32" s="281">
        <v>0</v>
      </c>
      <c r="S32" s="281">
        <v>0</v>
      </c>
      <c r="T32" s="281">
        <v>1</v>
      </c>
      <c r="U32" s="281">
        <v>0</v>
      </c>
      <c r="V32" s="278">
        <v>1</v>
      </c>
      <c r="W32" s="283">
        <v>1</v>
      </c>
      <c r="X32" s="277">
        <v>0</v>
      </c>
      <c r="Y32" s="281">
        <v>1</v>
      </c>
      <c r="Z32" s="278">
        <v>1</v>
      </c>
      <c r="AA32" s="280">
        <v>0</v>
      </c>
      <c r="AB32" s="281">
        <v>0</v>
      </c>
      <c r="AC32" s="281">
        <v>1</v>
      </c>
      <c r="AD32" s="281">
        <v>0</v>
      </c>
      <c r="AE32" s="281">
        <v>1</v>
      </c>
      <c r="AF32" s="281">
        <v>0</v>
      </c>
      <c r="AG32" s="278">
        <v>2</v>
      </c>
      <c r="AH32" s="283">
        <v>3</v>
      </c>
      <c r="AI32" s="277">
        <v>0</v>
      </c>
      <c r="AJ32" s="281">
        <v>0</v>
      </c>
      <c r="AK32" s="278">
        <v>0</v>
      </c>
      <c r="AL32" s="280">
        <v>0</v>
      </c>
      <c r="AM32" s="281">
        <v>0</v>
      </c>
      <c r="AN32" s="281">
        <v>0</v>
      </c>
      <c r="AO32" s="281">
        <v>0</v>
      </c>
      <c r="AP32" s="281">
        <v>1</v>
      </c>
      <c r="AQ32" s="281">
        <v>0</v>
      </c>
      <c r="AR32" s="278">
        <v>1</v>
      </c>
      <c r="AS32" s="283">
        <v>1</v>
      </c>
      <c r="AT32" s="277">
        <v>0</v>
      </c>
      <c r="AU32" s="281">
        <v>0</v>
      </c>
      <c r="AV32" s="278">
        <v>0</v>
      </c>
      <c r="AW32" s="280">
        <v>0</v>
      </c>
      <c r="AX32" s="281">
        <v>2</v>
      </c>
      <c r="AY32" s="281">
        <v>1</v>
      </c>
      <c r="AZ32" s="281">
        <v>1</v>
      </c>
      <c r="BA32" s="281">
        <v>2</v>
      </c>
      <c r="BB32" s="281">
        <v>0</v>
      </c>
      <c r="BC32" s="282">
        <v>6</v>
      </c>
      <c r="BD32" s="283">
        <v>6</v>
      </c>
      <c r="BE32" s="277">
        <v>0</v>
      </c>
      <c r="BF32" s="281">
        <v>0</v>
      </c>
      <c r="BG32" s="278">
        <v>0</v>
      </c>
      <c r="BH32" s="280">
        <v>0</v>
      </c>
      <c r="BI32" s="281">
        <v>0</v>
      </c>
      <c r="BJ32" s="281">
        <v>3</v>
      </c>
      <c r="BK32" s="281">
        <v>1</v>
      </c>
      <c r="BL32" s="281">
        <v>1</v>
      </c>
      <c r="BM32" s="281">
        <v>0</v>
      </c>
      <c r="BN32" s="278">
        <v>5</v>
      </c>
      <c r="BO32" s="283">
        <v>5</v>
      </c>
      <c r="BP32" s="277">
        <v>0</v>
      </c>
      <c r="BQ32" s="281">
        <v>0</v>
      </c>
      <c r="BR32" s="278">
        <v>0</v>
      </c>
      <c r="BS32" s="280">
        <v>0</v>
      </c>
      <c r="BT32" s="281">
        <v>0</v>
      </c>
      <c r="BU32" s="281">
        <v>2</v>
      </c>
      <c r="BV32" s="281">
        <v>0</v>
      </c>
      <c r="BW32" s="281">
        <v>0</v>
      </c>
      <c r="BX32" s="281">
        <v>0</v>
      </c>
      <c r="BY32" s="278">
        <v>2</v>
      </c>
      <c r="BZ32" s="283">
        <v>2</v>
      </c>
      <c r="CA32" s="277">
        <v>0</v>
      </c>
      <c r="CB32" s="281">
        <v>0</v>
      </c>
      <c r="CC32" s="278">
        <v>0</v>
      </c>
      <c r="CD32" s="280">
        <v>0</v>
      </c>
      <c r="CE32" s="281">
        <v>0</v>
      </c>
      <c r="CF32" s="281">
        <v>0</v>
      </c>
      <c r="CG32" s="281">
        <v>1</v>
      </c>
      <c r="CH32" s="281">
        <v>0</v>
      </c>
      <c r="CI32" s="281">
        <v>0</v>
      </c>
      <c r="CJ32" s="278">
        <v>1</v>
      </c>
      <c r="CK32" s="283">
        <v>1</v>
      </c>
      <c r="CL32" s="277">
        <v>0</v>
      </c>
      <c r="CM32" s="281">
        <v>0</v>
      </c>
      <c r="CN32" s="278">
        <v>0</v>
      </c>
      <c r="CO32" s="280">
        <v>0</v>
      </c>
      <c r="CP32" s="281">
        <v>0</v>
      </c>
      <c r="CQ32" s="281">
        <v>0</v>
      </c>
      <c r="CR32" s="281">
        <v>0</v>
      </c>
      <c r="CS32" s="281">
        <v>0</v>
      </c>
      <c r="CT32" s="281">
        <v>0</v>
      </c>
      <c r="CU32" s="278">
        <v>0</v>
      </c>
      <c r="CV32" s="283">
        <v>0</v>
      </c>
      <c r="CW32" s="277">
        <v>0</v>
      </c>
      <c r="CX32" s="281">
        <v>0</v>
      </c>
      <c r="CY32" s="278">
        <v>0</v>
      </c>
      <c r="CZ32" s="280">
        <v>0</v>
      </c>
      <c r="DA32" s="281">
        <v>0</v>
      </c>
      <c r="DB32" s="281">
        <v>0</v>
      </c>
      <c r="DC32" s="281">
        <v>0</v>
      </c>
      <c r="DD32" s="281">
        <v>0</v>
      </c>
      <c r="DE32" s="281">
        <v>0</v>
      </c>
      <c r="DF32" s="278">
        <v>0</v>
      </c>
      <c r="DG32" s="283">
        <v>0</v>
      </c>
      <c r="DH32" s="277">
        <v>0</v>
      </c>
      <c r="DI32" s="281">
        <v>0</v>
      </c>
      <c r="DJ32" s="278">
        <v>0</v>
      </c>
      <c r="DK32" s="280">
        <v>0</v>
      </c>
      <c r="DL32" s="281">
        <v>0</v>
      </c>
      <c r="DM32" s="281">
        <v>0</v>
      </c>
      <c r="DN32" s="281">
        <v>0</v>
      </c>
      <c r="DO32" s="281">
        <v>0</v>
      </c>
      <c r="DP32" s="281">
        <v>0</v>
      </c>
      <c r="DQ32" s="278">
        <v>0</v>
      </c>
      <c r="DR32" s="283">
        <v>0</v>
      </c>
      <c r="DS32" s="277">
        <v>1</v>
      </c>
      <c r="DT32" s="281">
        <v>1</v>
      </c>
      <c r="DU32" s="278">
        <v>2</v>
      </c>
      <c r="DV32" s="280">
        <v>0</v>
      </c>
      <c r="DW32" s="281">
        <v>0</v>
      </c>
      <c r="DX32" s="281">
        <v>5</v>
      </c>
      <c r="DY32" s="281">
        <v>3</v>
      </c>
      <c r="DZ32" s="281">
        <v>2</v>
      </c>
      <c r="EA32" s="281">
        <v>0</v>
      </c>
      <c r="EB32" s="278">
        <v>10</v>
      </c>
      <c r="EC32" s="283">
        <v>12</v>
      </c>
      <c r="ED32" s="277">
        <v>0</v>
      </c>
      <c r="EE32" s="281">
        <v>0</v>
      </c>
      <c r="EF32" s="278">
        <v>0</v>
      </c>
      <c r="EG32" s="280">
        <v>0</v>
      </c>
      <c r="EH32" s="281">
        <v>3</v>
      </c>
      <c r="EI32" s="281">
        <v>0</v>
      </c>
      <c r="EJ32" s="281">
        <v>0</v>
      </c>
      <c r="EK32" s="281">
        <v>1</v>
      </c>
      <c r="EL32" s="281">
        <v>0</v>
      </c>
      <c r="EM32" s="278">
        <v>4</v>
      </c>
      <c r="EN32" s="283">
        <v>4</v>
      </c>
      <c r="EO32" s="277">
        <v>1</v>
      </c>
      <c r="EP32" s="281">
        <v>2</v>
      </c>
      <c r="EQ32" s="278">
        <v>3</v>
      </c>
      <c r="ER32" s="280">
        <v>0</v>
      </c>
      <c r="ES32" s="281">
        <v>1</v>
      </c>
      <c r="ET32" s="281">
        <v>6</v>
      </c>
      <c r="EU32" s="281">
        <v>3</v>
      </c>
      <c r="EV32" s="281">
        <v>2</v>
      </c>
      <c r="EW32" s="281">
        <v>0</v>
      </c>
      <c r="EX32" s="278">
        <v>12</v>
      </c>
      <c r="EY32" s="283">
        <v>15</v>
      </c>
    </row>
    <row r="33" spans="1:155" ht="19.5" customHeight="1" x14ac:dyDescent="0.2">
      <c r="A33" s="262" t="s">
        <v>31</v>
      </c>
      <c r="B33" s="277">
        <v>0</v>
      </c>
      <c r="C33" s="281">
        <v>0</v>
      </c>
      <c r="D33" s="385">
        <v>0</v>
      </c>
      <c r="E33" s="280">
        <v>0</v>
      </c>
      <c r="F33" s="281">
        <v>2</v>
      </c>
      <c r="G33" s="281">
        <v>0</v>
      </c>
      <c r="H33" s="281">
        <v>0</v>
      </c>
      <c r="I33" s="281">
        <v>0</v>
      </c>
      <c r="J33" s="281">
        <v>0</v>
      </c>
      <c r="K33" s="282">
        <v>2</v>
      </c>
      <c r="L33" s="283">
        <v>2</v>
      </c>
      <c r="M33" s="277">
        <v>0</v>
      </c>
      <c r="N33" s="281">
        <v>0</v>
      </c>
      <c r="O33" s="278">
        <v>0</v>
      </c>
      <c r="P33" s="280">
        <v>0</v>
      </c>
      <c r="Q33" s="281">
        <v>0</v>
      </c>
      <c r="R33" s="281">
        <v>0</v>
      </c>
      <c r="S33" s="281">
        <v>0</v>
      </c>
      <c r="T33" s="281">
        <v>0</v>
      </c>
      <c r="U33" s="281">
        <v>1</v>
      </c>
      <c r="V33" s="278">
        <v>1</v>
      </c>
      <c r="W33" s="283">
        <v>1</v>
      </c>
      <c r="X33" s="277">
        <v>1</v>
      </c>
      <c r="Y33" s="281">
        <v>0</v>
      </c>
      <c r="Z33" s="278">
        <v>1</v>
      </c>
      <c r="AA33" s="280">
        <v>0</v>
      </c>
      <c r="AB33" s="281">
        <v>2</v>
      </c>
      <c r="AC33" s="281">
        <v>1</v>
      </c>
      <c r="AD33" s="281">
        <v>0</v>
      </c>
      <c r="AE33" s="281">
        <v>0</v>
      </c>
      <c r="AF33" s="281">
        <v>1</v>
      </c>
      <c r="AG33" s="278">
        <v>4</v>
      </c>
      <c r="AH33" s="283">
        <v>5</v>
      </c>
      <c r="AI33" s="277">
        <v>0</v>
      </c>
      <c r="AJ33" s="281">
        <v>0</v>
      </c>
      <c r="AK33" s="278">
        <v>0</v>
      </c>
      <c r="AL33" s="280">
        <v>0</v>
      </c>
      <c r="AM33" s="281">
        <v>0</v>
      </c>
      <c r="AN33" s="281">
        <v>0</v>
      </c>
      <c r="AO33" s="281">
        <v>1</v>
      </c>
      <c r="AP33" s="281">
        <v>0</v>
      </c>
      <c r="AQ33" s="281">
        <v>0</v>
      </c>
      <c r="AR33" s="278">
        <v>1</v>
      </c>
      <c r="AS33" s="283">
        <v>1</v>
      </c>
      <c r="AT33" s="277">
        <v>0</v>
      </c>
      <c r="AU33" s="281">
        <v>0</v>
      </c>
      <c r="AV33" s="278">
        <v>0</v>
      </c>
      <c r="AW33" s="280">
        <v>0</v>
      </c>
      <c r="AX33" s="281">
        <v>1</v>
      </c>
      <c r="AY33" s="281">
        <v>1</v>
      </c>
      <c r="AZ33" s="281">
        <v>0</v>
      </c>
      <c r="BA33" s="281">
        <v>0</v>
      </c>
      <c r="BB33" s="281">
        <v>2</v>
      </c>
      <c r="BC33" s="282">
        <v>4</v>
      </c>
      <c r="BD33" s="283">
        <v>4</v>
      </c>
      <c r="BE33" s="277">
        <v>0</v>
      </c>
      <c r="BF33" s="281">
        <v>0</v>
      </c>
      <c r="BG33" s="278">
        <v>0</v>
      </c>
      <c r="BH33" s="280">
        <v>0</v>
      </c>
      <c r="BI33" s="281">
        <v>0</v>
      </c>
      <c r="BJ33" s="281">
        <v>1</v>
      </c>
      <c r="BK33" s="281">
        <v>2</v>
      </c>
      <c r="BL33" s="281">
        <v>1</v>
      </c>
      <c r="BM33" s="281">
        <v>0</v>
      </c>
      <c r="BN33" s="278">
        <v>4</v>
      </c>
      <c r="BO33" s="283">
        <v>4</v>
      </c>
      <c r="BP33" s="277">
        <v>0</v>
      </c>
      <c r="BQ33" s="281">
        <v>0</v>
      </c>
      <c r="BR33" s="278">
        <v>0</v>
      </c>
      <c r="BS33" s="280">
        <v>0</v>
      </c>
      <c r="BT33" s="281">
        <v>0</v>
      </c>
      <c r="BU33" s="281">
        <v>0</v>
      </c>
      <c r="BV33" s="281">
        <v>0</v>
      </c>
      <c r="BW33" s="281">
        <v>0</v>
      </c>
      <c r="BX33" s="281">
        <v>0</v>
      </c>
      <c r="BY33" s="278">
        <v>0</v>
      </c>
      <c r="BZ33" s="283">
        <v>0</v>
      </c>
      <c r="CA33" s="277">
        <v>0</v>
      </c>
      <c r="CB33" s="281">
        <v>0</v>
      </c>
      <c r="CC33" s="278">
        <v>0</v>
      </c>
      <c r="CD33" s="280">
        <v>0</v>
      </c>
      <c r="CE33" s="281">
        <v>0</v>
      </c>
      <c r="CF33" s="281">
        <v>0</v>
      </c>
      <c r="CG33" s="281">
        <v>0</v>
      </c>
      <c r="CH33" s="281">
        <v>1</v>
      </c>
      <c r="CI33" s="281">
        <v>0</v>
      </c>
      <c r="CJ33" s="278">
        <v>1</v>
      </c>
      <c r="CK33" s="283">
        <v>1</v>
      </c>
      <c r="CL33" s="277">
        <v>0</v>
      </c>
      <c r="CM33" s="281">
        <v>0</v>
      </c>
      <c r="CN33" s="278">
        <v>0</v>
      </c>
      <c r="CO33" s="280">
        <v>0</v>
      </c>
      <c r="CP33" s="281">
        <v>0</v>
      </c>
      <c r="CQ33" s="281">
        <v>0</v>
      </c>
      <c r="CR33" s="281">
        <v>0</v>
      </c>
      <c r="CS33" s="281">
        <v>0</v>
      </c>
      <c r="CT33" s="281">
        <v>0</v>
      </c>
      <c r="CU33" s="278">
        <v>0</v>
      </c>
      <c r="CV33" s="283">
        <v>0</v>
      </c>
      <c r="CW33" s="277">
        <v>0</v>
      </c>
      <c r="CX33" s="281">
        <v>0</v>
      </c>
      <c r="CY33" s="278">
        <v>0</v>
      </c>
      <c r="CZ33" s="280">
        <v>0</v>
      </c>
      <c r="DA33" s="281">
        <v>0</v>
      </c>
      <c r="DB33" s="281">
        <v>0</v>
      </c>
      <c r="DC33" s="281">
        <v>0</v>
      </c>
      <c r="DD33" s="281">
        <v>0</v>
      </c>
      <c r="DE33" s="281">
        <v>0</v>
      </c>
      <c r="DF33" s="278">
        <v>0</v>
      </c>
      <c r="DG33" s="283">
        <v>0</v>
      </c>
      <c r="DH33" s="277">
        <v>0</v>
      </c>
      <c r="DI33" s="281">
        <v>0</v>
      </c>
      <c r="DJ33" s="278">
        <v>0</v>
      </c>
      <c r="DK33" s="280">
        <v>0</v>
      </c>
      <c r="DL33" s="281">
        <v>0</v>
      </c>
      <c r="DM33" s="281">
        <v>0</v>
      </c>
      <c r="DN33" s="281">
        <v>0</v>
      </c>
      <c r="DO33" s="281">
        <v>0</v>
      </c>
      <c r="DP33" s="281">
        <v>0</v>
      </c>
      <c r="DQ33" s="278">
        <v>0</v>
      </c>
      <c r="DR33" s="283">
        <v>0</v>
      </c>
      <c r="DS33" s="277">
        <v>0</v>
      </c>
      <c r="DT33" s="281">
        <v>0</v>
      </c>
      <c r="DU33" s="278">
        <v>0</v>
      </c>
      <c r="DV33" s="280">
        <v>0</v>
      </c>
      <c r="DW33" s="281">
        <v>3</v>
      </c>
      <c r="DX33" s="281">
        <v>1</v>
      </c>
      <c r="DY33" s="281">
        <v>1</v>
      </c>
      <c r="DZ33" s="281">
        <v>2</v>
      </c>
      <c r="EA33" s="281">
        <v>1</v>
      </c>
      <c r="EB33" s="278">
        <v>8</v>
      </c>
      <c r="EC33" s="283">
        <v>8</v>
      </c>
      <c r="ED33" s="277">
        <v>0</v>
      </c>
      <c r="EE33" s="281">
        <v>0</v>
      </c>
      <c r="EF33" s="278">
        <v>0</v>
      </c>
      <c r="EG33" s="280">
        <v>0</v>
      </c>
      <c r="EH33" s="281">
        <v>1</v>
      </c>
      <c r="EI33" s="281">
        <v>0</v>
      </c>
      <c r="EJ33" s="281">
        <v>0</v>
      </c>
      <c r="EK33" s="281">
        <v>0</v>
      </c>
      <c r="EL33" s="281">
        <v>1</v>
      </c>
      <c r="EM33" s="278">
        <v>2</v>
      </c>
      <c r="EN33" s="283">
        <v>2</v>
      </c>
      <c r="EO33" s="277">
        <v>1</v>
      </c>
      <c r="EP33" s="281">
        <v>0</v>
      </c>
      <c r="EQ33" s="278">
        <v>1</v>
      </c>
      <c r="ER33" s="280">
        <v>0</v>
      </c>
      <c r="ES33" s="281">
        <v>5</v>
      </c>
      <c r="ET33" s="281">
        <v>3</v>
      </c>
      <c r="EU33" s="281">
        <v>2</v>
      </c>
      <c r="EV33" s="281">
        <v>2</v>
      </c>
      <c r="EW33" s="281">
        <v>1</v>
      </c>
      <c r="EX33" s="278">
        <v>13</v>
      </c>
      <c r="EY33" s="283">
        <v>14</v>
      </c>
    </row>
    <row r="34" spans="1:155" ht="19.5" customHeight="1" x14ac:dyDescent="0.2">
      <c r="A34" s="262" t="s">
        <v>32</v>
      </c>
      <c r="B34" s="277">
        <v>0</v>
      </c>
      <c r="C34" s="281">
        <v>0</v>
      </c>
      <c r="D34" s="385">
        <v>0</v>
      </c>
      <c r="E34" s="280">
        <v>0</v>
      </c>
      <c r="F34" s="281">
        <v>1</v>
      </c>
      <c r="G34" s="281">
        <v>2</v>
      </c>
      <c r="H34" s="281">
        <v>0</v>
      </c>
      <c r="I34" s="281">
        <v>1</v>
      </c>
      <c r="J34" s="281">
        <v>1</v>
      </c>
      <c r="K34" s="282">
        <v>5</v>
      </c>
      <c r="L34" s="283">
        <v>5</v>
      </c>
      <c r="M34" s="277">
        <v>0</v>
      </c>
      <c r="N34" s="281">
        <v>0</v>
      </c>
      <c r="O34" s="278">
        <v>0</v>
      </c>
      <c r="P34" s="280">
        <v>0</v>
      </c>
      <c r="Q34" s="281">
        <v>0</v>
      </c>
      <c r="R34" s="281">
        <v>0</v>
      </c>
      <c r="S34" s="281">
        <v>0</v>
      </c>
      <c r="T34" s="281">
        <v>0</v>
      </c>
      <c r="U34" s="281">
        <v>0</v>
      </c>
      <c r="V34" s="278">
        <v>0</v>
      </c>
      <c r="W34" s="283">
        <v>0</v>
      </c>
      <c r="X34" s="277">
        <v>0</v>
      </c>
      <c r="Y34" s="281">
        <v>0</v>
      </c>
      <c r="Z34" s="278">
        <v>0</v>
      </c>
      <c r="AA34" s="280">
        <v>0</v>
      </c>
      <c r="AB34" s="281">
        <v>0</v>
      </c>
      <c r="AC34" s="281">
        <v>2</v>
      </c>
      <c r="AD34" s="281">
        <v>0</v>
      </c>
      <c r="AE34" s="281">
        <v>1</v>
      </c>
      <c r="AF34" s="281">
        <v>0</v>
      </c>
      <c r="AG34" s="278">
        <v>3</v>
      </c>
      <c r="AH34" s="283">
        <v>3</v>
      </c>
      <c r="AI34" s="277">
        <v>0</v>
      </c>
      <c r="AJ34" s="281">
        <v>0</v>
      </c>
      <c r="AK34" s="278">
        <v>0</v>
      </c>
      <c r="AL34" s="280">
        <v>0</v>
      </c>
      <c r="AM34" s="281">
        <v>0</v>
      </c>
      <c r="AN34" s="281">
        <v>0</v>
      </c>
      <c r="AO34" s="281">
        <v>1</v>
      </c>
      <c r="AP34" s="281">
        <v>0</v>
      </c>
      <c r="AQ34" s="281">
        <v>0</v>
      </c>
      <c r="AR34" s="278">
        <v>1</v>
      </c>
      <c r="AS34" s="283">
        <v>1</v>
      </c>
      <c r="AT34" s="277">
        <v>0</v>
      </c>
      <c r="AU34" s="281">
        <v>0</v>
      </c>
      <c r="AV34" s="278">
        <v>0</v>
      </c>
      <c r="AW34" s="280">
        <v>0</v>
      </c>
      <c r="AX34" s="281">
        <v>1</v>
      </c>
      <c r="AY34" s="281">
        <v>1</v>
      </c>
      <c r="AZ34" s="281">
        <v>2</v>
      </c>
      <c r="BA34" s="281">
        <v>3</v>
      </c>
      <c r="BB34" s="281">
        <v>3</v>
      </c>
      <c r="BC34" s="282">
        <v>10</v>
      </c>
      <c r="BD34" s="283">
        <v>10</v>
      </c>
      <c r="BE34" s="277">
        <v>0</v>
      </c>
      <c r="BF34" s="281">
        <v>0</v>
      </c>
      <c r="BG34" s="278">
        <v>0</v>
      </c>
      <c r="BH34" s="280">
        <v>0</v>
      </c>
      <c r="BI34" s="281">
        <v>2</v>
      </c>
      <c r="BJ34" s="281">
        <v>1</v>
      </c>
      <c r="BK34" s="281">
        <v>0</v>
      </c>
      <c r="BL34" s="281">
        <v>0</v>
      </c>
      <c r="BM34" s="281">
        <v>0</v>
      </c>
      <c r="BN34" s="278">
        <v>3</v>
      </c>
      <c r="BO34" s="283">
        <v>3</v>
      </c>
      <c r="BP34" s="277">
        <v>0</v>
      </c>
      <c r="BQ34" s="281">
        <v>0</v>
      </c>
      <c r="BR34" s="278">
        <v>0</v>
      </c>
      <c r="BS34" s="280">
        <v>0</v>
      </c>
      <c r="BT34" s="281">
        <v>0</v>
      </c>
      <c r="BU34" s="281">
        <v>2</v>
      </c>
      <c r="BV34" s="281">
        <v>2</v>
      </c>
      <c r="BW34" s="281">
        <v>0</v>
      </c>
      <c r="BX34" s="281">
        <v>0</v>
      </c>
      <c r="BY34" s="278">
        <v>4</v>
      </c>
      <c r="BZ34" s="283">
        <v>4</v>
      </c>
      <c r="CA34" s="277">
        <v>0</v>
      </c>
      <c r="CB34" s="281">
        <v>0</v>
      </c>
      <c r="CC34" s="278">
        <v>0</v>
      </c>
      <c r="CD34" s="280">
        <v>0</v>
      </c>
      <c r="CE34" s="281">
        <v>1</v>
      </c>
      <c r="CF34" s="281">
        <v>1</v>
      </c>
      <c r="CG34" s="281">
        <v>0</v>
      </c>
      <c r="CH34" s="281">
        <v>0</v>
      </c>
      <c r="CI34" s="281">
        <v>0</v>
      </c>
      <c r="CJ34" s="278">
        <v>2</v>
      </c>
      <c r="CK34" s="283">
        <v>2</v>
      </c>
      <c r="CL34" s="277">
        <v>0</v>
      </c>
      <c r="CM34" s="281">
        <v>0</v>
      </c>
      <c r="CN34" s="278">
        <v>0</v>
      </c>
      <c r="CO34" s="280">
        <v>0</v>
      </c>
      <c r="CP34" s="281">
        <v>0</v>
      </c>
      <c r="CQ34" s="281">
        <v>1</v>
      </c>
      <c r="CR34" s="281">
        <v>1</v>
      </c>
      <c r="CS34" s="281">
        <v>0</v>
      </c>
      <c r="CT34" s="281">
        <v>0</v>
      </c>
      <c r="CU34" s="278">
        <v>2</v>
      </c>
      <c r="CV34" s="283">
        <v>2</v>
      </c>
      <c r="CW34" s="277">
        <v>0</v>
      </c>
      <c r="CX34" s="281">
        <v>0</v>
      </c>
      <c r="CY34" s="278">
        <v>0</v>
      </c>
      <c r="CZ34" s="280">
        <v>0</v>
      </c>
      <c r="DA34" s="281">
        <v>0</v>
      </c>
      <c r="DB34" s="281">
        <v>0</v>
      </c>
      <c r="DC34" s="281">
        <v>0</v>
      </c>
      <c r="DD34" s="281">
        <v>0</v>
      </c>
      <c r="DE34" s="281">
        <v>0</v>
      </c>
      <c r="DF34" s="278">
        <v>0</v>
      </c>
      <c r="DG34" s="283">
        <v>0</v>
      </c>
      <c r="DH34" s="277">
        <v>0</v>
      </c>
      <c r="DI34" s="281">
        <v>0</v>
      </c>
      <c r="DJ34" s="278">
        <v>0</v>
      </c>
      <c r="DK34" s="280">
        <v>0</v>
      </c>
      <c r="DL34" s="281">
        <v>0</v>
      </c>
      <c r="DM34" s="281">
        <v>0</v>
      </c>
      <c r="DN34" s="281">
        <v>0</v>
      </c>
      <c r="DO34" s="281">
        <v>0</v>
      </c>
      <c r="DP34" s="281">
        <v>0</v>
      </c>
      <c r="DQ34" s="278">
        <v>0</v>
      </c>
      <c r="DR34" s="283">
        <v>0</v>
      </c>
      <c r="DS34" s="277">
        <v>0</v>
      </c>
      <c r="DT34" s="281">
        <v>2</v>
      </c>
      <c r="DU34" s="278">
        <v>2</v>
      </c>
      <c r="DV34" s="280">
        <v>0</v>
      </c>
      <c r="DW34" s="281">
        <v>3</v>
      </c>
      <c r="DX34" s="281">
        <v>3</v>
      </c>
      <c r="DY34" s="281">
        <v>3</v>
      </c>
      <c r="DZ34" s="281">
        <v>2</v>
      </c>
      <c r="EA34" s="281">
        <v>0</v>
      </c>
      <c r="EB34" s="278">
        <v>11</v>
      </c>
      <c r="EC34" s="283">
        <v>13</v>
      </c>
      <c r="ED34" s="277">
        <v>0</v>
      </c>
      <c r="EE34" s="281">
        <v>0</v>
      </c>
      <c r="EF34" s="278">
        <v>0</v>
      </c>
      <c r="EG34" s="280">
        <v>0</v>
      </c>
      <c r="EH34" s="281">
        <v>1</v>
      </c>
      <c r="EI34" s="281">
        <v>1</v>
      </c>
      <c r="EJ34" s="281">
        <v>0</v>
      </c>
      <c r="EK34" s="281">
        <v>1</v>
      </c>
      <c r="EL34" s="281">
        <v>1</v>
      </c>
      <c r="EM34" s="278">
        <v>4</v>
      </c>
      <c r="EN34" s="283">
        <v>4</v>
      </c>
      <c r="EO34" s="277">
        <v>0</v>
      </c>
      <c r="EP34" s="281">
        <v>2</v>
      </c>
      <c r="EQ34" s="278">
        <v>2</v>
      </c>
      <c r="ER34" s="280">
        <v>0</v>
      </c>
      <c r="ES34" s="281">
        <v>6</v>
      </c>
      <c r="ET34" s="281">
        <v>8</v>
      </c>
      <c r="EU34" s="281">
        <v>3</v>
      </c>
      <c r="EV34" s="281">
        <v>2</v>
      </c>
      <c r="EW34" s="281">
        <v>1</v>
      </c>
      <c r="EX34" s="278">
        <v>20</v>
      </c>
      <c r="EY34" s="283">
        <v>22</v>
      </c>
    </row>
    <row r="35" spans="1:155" ht="19.5" customHeight="1" x14ac:dyDescent="0.2">
      <c r="A35" s="262" t="s">
        <v>33</v>
      </c>
      <c r="B35" s="277">
        <v>0</v>
      </c>
      <c r="C35" s="281">
        <v>0</v>
      </c>
      <c r="D35" s="385">
        <v>0</v>
      </c>
      <c r="E35" s="280">
        <v>0</v>
      </c>
      <c r="F35" s="281">
        <v>1</v>
      </c>
      <c r="G35" s="281">
        <v>0</v>
      </c>
      <c r="H35" s="281">
        <v>2</v>
      </c>
      <c r="I35" s="281">
        <v>0</v>
      </c>
      <c r="J35" s="281">
        <v>0</v>
      </c>
      <c r="K35" s="282">
        <v>3</v>
      </c>
      <c r="L35" s="283">
        <v>3</v>
      </c>
      <c r="M35" s="277">
        <v>0</v>
      </c>
      <c r="N35" s="281">
        <v>0</v>
      </c>
      <c r="O35" s="278">
        <v>0</v>
      </c>
      <c r="P35" s="280">
        <v>0</v>
      </c>
      <c r="Q35" s="281">
        <v>0</v>
      </c>
      <c r="R35" s="281">
        <v>0</v>
      </c>
      <c r="S35" s="281">
        <v>0</v>
      </c>
      <c r="T35" s="281">
        <v>0</v>
      </c>
      <c r="U35" s="281">
        <v>0</v>
      </c>
      <c r="V35" s="278">
        <v>0</v>
      </c>
      <c r="W35" s="283">
        <v>0</v>
      </c>
      <c r="X35" s="277">
        <v>1</v>
      </c>
      <c r="Y35" s="281">
        <v>0</v>
      </c>
      <c r="Z35" s="278">
        <v>1</v>
      </c>
      <c r="AA35" s="280">
        <v>0</v>
      </c>
      <c r="AB35" s="281">
        <v>1</v>
      </c>
      <c r="AC35" s="281">
        <v>1</v>
      </c>
      <c r="AD35" s="281">
        <v>2</v>
      </c>
      <c r="AE35" s="281">
        <v>0</v>
      </c>
      <c r="AF35" s="281">
        <v>2</v>
      </c>
      <c r="AG35" s="278">
        <v>6</v>
      </c>
      <c r="AH35" s="283">
        <v>7</v>
      </c>
      <c r="AI35" s="277">
        <v>0</v>
      </c>
      <c r="AJ35" s="281">
        <v>1</v>
      </c>
      <c r="AK35" s="278">
        <v>1</v>
      </c>
      <c r="AL35" s="280">
        <v>0</v>
      </c>
      <c r="AM35" s="281">
        <v>1</v>
      </c>
      <c r="AN35" s="281">
        <v>0</v>
      </c>
      <c r="AO35" s="281">
        <v>1</v>
      </c>
      <c r="AP35" s="281">
        <v>2</v>
      </c>
      <c r="AQ35" s="281">
        <v>1</v>
      </c>
      <c r="AR35" s="278">
        <v>5</v>
      </c>
      <c r="AS35" s="283">
        <v>6</v>
      </c>
      <c r="AT35" s="277">
        <v>0</v>
      </c>
      <c r="AU35" s="281">
        <v>0</v>
      </c>
      <c r="AV35" s="278">
        <v>0</v>
      </c>
      <c r="AW35" s="280">
        <v>0</v>
      </c>
      <c r="AX35" s="281">
        <v>2</v>
      </c>
      <c r="AY35" s="281">
        <v>3</v>
      </c>
      <c r="AZ35" s="281">
        <v>3</v>
      </c>
      <c r="BA35" s="281">
        <v>0</v>
      </c>
      <c r="BB35" s="281">
        <v>1</v>
      </c>
      <c r="BC35" s="282">
        <v>9</v>
      </c>
      <c r="BD35" s="283">
        <v>9</v>
      </c>
      <c r="BE35" s="277">
        <v>0</v>
      </c>
      <c r="BF35" s="281">
        <v>0</v>
      </c>
      <c r="BG35" s="278">
        <v>0</v>
      </c>
      <c r="BH35" s="280">
        <v>0</v>
      </c>
      <c r="BI35" s="281">
        <v>2</v>
      </c>
      <c r="BJ35" s="281">
        <v>0</v>
      </c>
      <c r="BK35" s="281">
        <v>0</v>
      </c>
      <c r="BL35" s="281">
        <v>0</v>
      </c>
      <c r="BM35" s="281">
        <v>0</v>
      </c>
      <c r="BN35" s="278">
        <v>2</v>
      </c>
      <c r="BO35" s="283">
        <v>2</v>
      </c>
      <c r="BP35" s="277">
        <v>0</v>
      </c>
      <c r="BQ35" s="281">
        <v>0</v>
      </c>
      <c r="BR35" s="278">
        <v>0</v>
      </c>
      <c r="BS35" s="280">
        <v>0</v>
      </c>
      <c r="BT35" s="281">
        <v>1</v>
      </c>
      <c r="BU35" s="281">
        <v>0</v>
      </c>
      <c r="BV35" s="281">
        <v>0</v>
      </c>
      <c r="BW35" s="281">
        <v>1</v>
      </c>
      <c r="BX35" s="281">
        <v>0</v>
      </c>
      <c r="BY35" s="278">
        <v>2</v>
      </c>
      <c r="BZ35" s="283">
        <v>2</v>
      </c>
      <c r="CA35" s="277">
        <v>0</v>
      </c>
      <c r="CB35" s="281">
        <v>0</v>
      </c>
      <c r="CC35" s="278">
        <v>0</v>
      </c>
      <c r="CD35" s="280">
        <v>0</v>
      </c>
      <c r="CE35" s="281">
        <v>1</v>
      </c>
      <c r="CF35" s="281">
        <v>0</v>
      </c>
      <c r="CG35" s="281">
        <v>1</v>
      </c>
      <c r="CH35" s="281">
        <v>0</v>
      </c>
      <c r="CI35" s="281">
        <v>0</v>
      </c>
      <c r="CJ35" s="278">
        <v>2</v>
      </c>
      <c r="CK35" s="283">
        <v>2</v>
      </c>
      <c r="CL35" s="277">
        <v>0</v>
      </c>
      <c r="CM35" s="281">
        <v>0</v>
      </c>
      <c r="CN35" s="278">
        <v>0</v>
      </c>
      <c r="CO35" s="280">
        <v>0</v>
      </c>
      <c r="CP35" s="281">
        <v>0</v>
      </c>
      <c r="CQ35" s="281">
        <v>0</v>
      </c>
      <c r="CR35" s="281">
        <v>0</v>
      </c>
      <c r="CS35" s="281">
        <v>0</v>
      </c>
      <c r="CT35" s="281">
        <v>0</v>
      </c>
      <c r="CU35" s="278">
        <v>0</v>
      </c>
      <c r="CV35" s="283">
        <v>0</v>
      </c>
      <c r="CW35" s="277">
        <v>0</v>
      </c>
      <c r="CX35" s="281">
        <v>0</v>
      </c>
      <c r="CY35" s="278">
        <v>0</v>
      </c>
      <c r="CZ35" s="280">
        <v>0</v>
      </c>
      <c r="DA35" s="281">
        <v>0</v>
      </c>
      <c r="DB35" s="281">
        <v>0</v>
      </c>
      <c r="DC35" s="281">
        <v>0</v>
      </c>
      <c r="DD35" s="281">
        <v>0</v>
      </c>
      <c r="DE35" s="281">
        <v>0</v>
      </c>
      <c r="DF35" s="278">
        <v>0</v>
      </c>
      <c r="DG35" s="283">
        <v>0</v>
      </c>
      <c r="DH35" s="277">
        <v>0</v>
      </c>
      <c r="DI35" s="281">
        <v>0</v>
      </c>
      <c r="DJ35" s="278">
        <v>0</v>
      </c>
      <c r="DK35" s="280">
        <v>0</v>
      </c>
      <c r="DL35" s="281">
        <v>0</v>
      </c>
      <c r="DM35" s="281">
        <v>0</v>
      </c>
      <c r="DN35" s="281">
        <v>0</v>
      </c>
      <c r="DO35" s="281">
        <v>0</v>
      </c>
      <c r="DP35" s="281">
        <v>0</v>
      </c>
      <c r="DQ35" s="278">
        <v>0</v>
      </c>
      <c r="DR35" s="283">
        <v>0</v>
      </c>
      <c r="DS35" s="277">
        <v>0</v>
      </c>
      <c r="DT35" s="281">
        <v>2</v>
      </c>
      <c r="DU35" s="278">
        <v>2</v>
      </c>
      <c r="DV35" s="280">
        <v>0</v>
      </c>
      <c r="DW35" s="281">
        <v>1</v>
      </c>
      <c r="DX35" s="281">
        <v>2</v>
      </c>
      <c r="DY35" s="281">
        <v>3</v>
      </c>
      <c r="DZ35" s="281">
        <v>1</v>
      </c>
      <c r="EA35" s="281">
        <v>2</v>
      </c>
      <c r="EB35" s="278">
        <v>9</v>
      </c>
      <c r="EC35" s="283">
        <v>11</v>
      </c>
      <c r="ED35" s="277">
        <v>1</v>
      </c>
      <c r="EE35" s="281">
        <v>0</v>
      </c>
      <c r="EF35" s="278">
        <v>1</v>
      </c>
      <c r="EG35" s="280">
        <v>0</v>
      </c>
      <c r="EH35" s="281">
        <v>1</v>
      </c>
      <c r="EI35" s="281">
        <v>1</v>
      </c>
      <c r="EJ35" s="281">
        <v>2</v>
      </c>
      <c r="EK35" s="281">
        <v>1</v>
      </c>
      <c r="EL35" s="281">
        <v>0</v>
      </c>
      <c r="EM35" s="278">
        <v>5</v>
      </c>
      <c r="EN35" s="283">
        <v>6</v>
      </c>
      <c r="EO35" s="277">
        <v>1</v>
      </c>
      <c r="EP35" s="281">
        <v>3</v>
      </c>
      <c r="EQ35" s="278">
        <v>4</v>
      </c>
      <c r="ER35" s="280">
        <v>0</v>
      </c>
      <c r="ES35" s="281">
        <v>5</v>
      </c>
      <c r="ET35" s="281">
        <v>2</v>
      </c>
      <c r="EU35" s="281">
        <v>3</v>
      </c>
      <c r="EV35" s="281">
        <v>2</v>
      </c>
      <c r="EW35" s="281">
        <v>2</v>
      </c>
      <c r="EX35" s="278">
        <v>14</v>
      </c>
      <c r="EY35" s="283">
        <v>18</v>
      </c>
    </row>
    <row r="36" spans="1:155" ht="19.5" customHeight="1" x14ac:dyDescent="0.2">
      <c r="A36" s="262" t="s">
        <v>34</v>
      </c>
      <c r="B36" s="277">
        <v>0</v>
      </c>
      <c r="C36" s="281">
        <v>0</v>
      </c>
      <c r="D36" s="385">
        <v>0</v>
      </c>
      <c r="E36" s="280">
        <v>0</v>
      </c>
      <c r="F36" s="281">
        <v>0</v>
      </c>
      <c r="G36" s="281">
        <v>0</v>
      </c>
      <c r="H36" s="281">
        <v>1</v>
      </c>
      <c r="I36" s="281">
        <v>1</v>
      </c>
      <c r="J36" s="281">
        <v>0</v>
      </c>
      <c r="K36" s="282">
        <v>2</v>
      </c>
      <c r="L36" s="283">
        <v>2</v>
      </c>
      <c r="M36" s="277">
        <v>0</v>
      </c>
      <c r="N36" s="281">
        <v>0</v>
      </c>
      <c r="O36" s="278">
        <v>0</v>
      </c>
      <c r="P36" s="280">
        <v>0</v>
      </c>
      <c r="Q36" s="281">
        <v>0</v>
      </c>
      <c r="R36" s="281">
        <v>0</v>
      </c>
      <c r="S36" s="281">
        <v>0</v>
      </c>
      <c r="T36" s="281">
        <v>0</v>
      </c>
      <c r="U36" s="281">
        <v>0</v>
      </c>
      <c r="V36" s="278">
        <v>0</v>
      </c>
      <c r="W36" s="283">
        <v>0</v>
      </c>
      <c r="X36" s="277">
        <v>0</v>
      </c>
      <c r="Y36" s="281">
        <v>0</v>
      </c>
      <c r="Z36" s="278">
        <v>0</v>
      </c>
      <c r="AA36" s="280">
        <v>0</v>
      </c>
      <c r="AB36" s="281">
        <v>0</v>
      </c>
      <c r="AC36" s="281">
        <v>0</v>
      </c>
      <c r="AD36" s="281">
        <v>0</v>
      </c>
      <c r="AE36" s="281">
        <v>0</v>
      </c>
      <c r="AF36" s="281">
        <v>0</v>
      </c>
      <c r="AG36" s="278">
        <v>0</v>
      </c>
      <c r="AH36" s="283">
        <v>0</v>
      </c>
      <c r="AI36" s="277">
        <v>0</v>
      </c>
      <c r="AJ36" s="281">
        <v>0</v>
      </c>
      <c r="AK36" s="278">
        <v>0</v>
      </c>
      <c r="AL36" s="280">
        <v>0</v>
      </c>
      <c r="AM36" s="281">
        <v>0</v>
      </c>
      <c r="AN36" s="281">
        <v>0</v>
      </c>
      <c r="AO36" s="281">
        <v>1</v>
      </c>
      <c r="AP36" s="281">
        <v>0</v>
      </c>
      <c r="AQ36" s="281">
        <v>0</v>
      </c>
      <c r="AR36" s="278">
        <v>1</v>
      </c>
      <c r="AS36" s="283">
        <v>1</v>
      </c>
      <c r="AT36" s="277">
        <v>0</v>
      </c>
      <c r="AU36" s="281">
        <v>0</v>
      </c>
      <c r="AV36" s="278">
        <v>0</v>
      </c>
      <c r="AW36" s="280">
        <v>0</v>
      </c>
      <c r="AX36" s="281">
        <v>2</v>
      </c>
      <c r="AY36" s="281">
        <v>2</v>
      </c>
      <c r="AZ36" s="281">
        <v>0</v>
      </c>
      <c r="BA36" s="281">
        <v>2</v>
      </c>
      <c r="BB36" s="281">
        <v>0</v>
      </c>
      <c r="BC36" s="282">
        <v>6</v>
      </c>
      <c r="BD36" s="283">
        <v>6</v>
      </c>
      <c r="BE36" s="277">
        <v>0</v>
      </c>
      <c r="BF36" s="281">
        <v>0</v>
      </c>
      <c r="BG36" s="278">
        <v>0</v>
      </c>
      <c r="BH36" s="280">
        <v>0</v>
      </c>
      <c r="BI36" s="281">
        <v>0</v>
      </c>
      <c r="BJ36" s="281">
        <v>1</v>
      </c>
      <c r="BK36" s="281">
        <v>1</v>
      </c>
      <c r="BL36" s="281">
        <v>1</v>
      </c>
      <c r="BM36" s="281">
        <v>0</v>
      </c>
      <c r="BN36" s="278">
        <v>3</v>
      </c>
      <c r="BO36" s="283">
        <v>3</v>
      </c>
      <c r="BP36" s="277">
        <v>0</v>
      </c>
      <c r="BQ36" s="281">
        <v>0</v>
      </c>
      <c r="BR36" s="278">
        <v>0</v>
      </c>
      <c r="BS36" s="280">
        <v>0</v>
      </c>
      <c r="BT36" s="281">
        <v>1</v>
      </c>
      <c r="BU36" s="281">
        <v>0</v>
      </c>
      <c r="BV36" s="281">
        <v>0</v>
      </c>
      <c r="BW36" s="281">
        <v>0</v>
      </c>
      <c r="BX36" s="281">
        <v>0</v>
      </c>
      <c r="BY36" s="278">
        <v>1</v>
      </c>
      <c r="BZ36" s="283">
        <v>1</v>
      </c>
      <c r="CA36" s="277">
        <v>0</v>
      </c>
      <c r="CB36" s="281">
        <v>0</v>
      </c>
      <c r="CC36" s="278">
        <v>0</v>
      </c>
      <c r="CD36" s="280">
        <v>0</v>
      </c>
      <c r="CE36" s="281">
        <v>0</v>
      </c>
      <c r="CF36" s="281">
        <v>0</v>
      </c>
      <c r="CG36" s="281">
        <v>0</v>
      </c>
      <c r="CH36" s="281">
        <v>1</v>
      </c>
      <c r="CI36" s="281">
        <v>0</v>
      </c>
      <c r="CJ36" s="278">
        <v>1</v>
      </c>
      <c r="CK36" s="283">
        <v>1</v>
      </c>
      <c r="CL36" s="277">
        <v>0</v>
      </c>
      <c r="CM36" s="281">
        <v>0</v>
      </c>
      <c r="CN36" s="278">
        <v>0</v>
      </c>
      <c r="CO36" s="280">
        <v>0</v>
      </c>
      <c r="CP36" s="281">
        <v>0</v>
      </c>
      <c r="CQ36" s="281">
        <v>0</v>
      </c>
      <c r="CR36" s="281">
        <v>0</v>
      </c>
      <c r="CS36" s="281">
        <v>0</v>
      </c>
      <c r="CT36" s="281">
        <v>0</v>
      </c>
      <c r="CU36" s="278">
        <v>0</v>
      </c>
      <c r="CV36" s="283">
        <v>0</v>
      </c>
      <c r="CW36" s="277">
        <v>0</v>
      </c>
      <c r="CX36" s="281">
        <v>0</v>
      </c>
      <c r="CY36" s="278">
        <v>0</v>
      </c>
      <c r="CZ36" s="280">
        <v>0</v>
      </c>
      <c r="DA36" s="281">
        <v>0</v>
      </c>
      <c r="DB36" s="281">
        <v>0</v>
      </c>
      <c r="DC36" s="281">
        <v>0</v>
      </c>
      <c r="DD36" s="281">
        <v>0</v>
      </c>
      <c r="DE36" s="281">
        <v>0</v>
      </c>
      <c r="DF36" s="278">
        <v>0</v>
      </c>
      <c r="DG36" s="283">
        <v>0</v>
      </c>
      <c r="DH36" s="277">
        <v>0</v>
      </c>
      <c r="DI36" s="281">
        <v>0</v>
      </c>
      <c r="DJ36" s="278">
        <v>0</v>
      </c>
      <c r="DK36" s="280">
        <v>0</v>
      </c>
      <c r="DL36" s="281">
        <v>0</v>
      </c>
      <c r="DM36" s="281">
        <v>0</v>
      </c>
      <c r="DN36" s="281">
        <v>0</v>
      </c>
      <c r="DO36" s="281">
        <v>0</v>
      </c>
      <c r="DP36" s="281">
        <v>0</v>
      </c>
      <c r="DQ36" s="278">
        <v>0</v>
      </c>
      <c r="DR36" s="283">
        <v>0</v>
      </c>
      <c r="DS36" s="277">
        <v>0</v>
      </c>
      <c r="DT36" s="281">
        <v>1</v>
      </c>
      <c r="DU36" s="278">
        <v>1</v>
      </c>
      <c r="DV36" s="280">
        <v>0</v>
      </c>
      <c r="DW36" s="281">
        <v>3</v>
      </c>
      <c r="DX36" s="281">
        <v>0</v>
      </c>
      <c r="DY36" s="281">
        <v>2</v>
      </c>
      <c r="DZ36" s="281">
        <v>3</v>
      </c>
      <c r="EA36" s="281">
        <v>0</v>
      </c>
      <c r="EB36" s="278">
        <v>8</v>
      </c>
      <c r="EC36" s="283">
        <v>9</v>
      </c>
      <c r="ED36" s="277">
        <v>0</v>
      </c>
      <c r="EE36" s="281">
        <v>0</v>
      </c>
      <c r="EF36" s="278">
        <v>0</v>
      </c>
      <c r="EG36" s="280">
        <v>0</v>
      </c>
      <c r="EH36" s="281">
        <v>0</v>
      </c>
      <c r="EI36" s="281">
        <v>1</v>
      </c>
      <c r="EJ36" s="281">
        <v>0</v>
      </c>
      <c r="EK36" s="281">
        <v>0</v>
      </c>
      <c r="EL36" s="281">
        <v>0</v>
      </c>
      <c r="EM36" s="278">
        <v>1</v>
      </c>
      <c r="EN36" s="283">
        <v>1</v>
      </c>
      <c r="EO36" s="277">
        <v>0</v>
      </c>
      <c r="EP36" s="281">
        <v>1</v>
      </c>
      <c r="EQ36" s="278">
        <v>1</v>
      </c>
      <c r="ER36" s="280">
        <v>0</v>
      </c>
      <c r="ES36" s="281">
        <v>2</v>
      </c>
      <c r="ET36" s="281">
        <v>1</v>
      </c>
      <c r="EU36" s="281">
        <v>3</v>
      </c>
      <c r="EV36" s="281">
        <v>2</v>
      </c>
      <c r="EW36" s="281">
        <v>0</v>
      </c>
      <c r="EX36" s="278">
        <v>8</v>
      </c>
      <c r="EY36" s="283">
        <v>9</v>
      </c>
    </row>
    <row r="37" spans="1:155" ht="19.5" customHeight="1" x14ac:dyDescent="0.2">
      <c r="A37" s="262" t="s">
        <v>35</v>
      </c>
      <c r="B37" s="277">
        <v>0</v>
      </c>
      <c r="C37" s="281">
        <v>0</v>
      </c>
      <c r="D37" s="385">
        <v>0</v>
      </c>
      <c r="E37" s="280">
        <v>0</v>
      </c>
      <c r="F37" s="281">
        <v>7</v>
      </c>
      <c r="G37" s="281">
        <v>3</v>
      </c>
      <c r="H37" s="281">
        <v>4</v>
      </c>
      <c r="I37" s="281">
        <v>1</v>
      </c>
      <c r="J37" s="281">
        <v>0</v>
      </c>
      <c r="K37" s="282">
        <v>15</v>
      </c>
      <c r="L37" s="283">
        <v>15</v>
      </c>
      <c r="M37" s="277">
        <v>0</v>
      </c>
      <c r="N37" s="281">
        <v>0</v>
      </c>
      <c r="O37" s="278">
        <v>0</v>
      </c>
      <c r="P37" s="280">
        <v>0</v>
      </c>
      <c r="Q37" s="281">
        <v>0</v>
      </c>
      <c r="R37" s="281">
        <v>0</v>
      </c>
      <c r="S37" s="281">
        <v>0</v>
      </c>
      <c r="T37" s="281">
        <v>0</v>
      </c>
      <c r="U37" s="281">
        <v>0</v>
      </c>
      <c r="V37" s="278">
        <v>0</v>
      </c>
      <c r="W37" s="283">
        <v>0</v>
      </c>
      <c r="X37" s="277">
        <v>0</v>
      </c>
      <c r="Y37" s="281">
        <v>0</v>
      </c>
      <c r="Z37" s="278">
        <v>0</v>
      </c>
      <c r="AA37" s="280">
        <v>0</v>
      </c>
      <c r="AB37" s="281">
        <v>1</v>
      </c>
      <c r="AC37" s="281">
        <v>1</v>
      </c>
      <c r="AD37" s="281">
        <v>3</v>
      </c>
      <c r="AE37" s="281">
        <v>1</v>
      </c>
      <c r="AF37" s="281">
        <v>1</v>
      </c>
      <c r="AG37" s="278">
        <v>7</v>
      </c>
      <c r="AH37" s="283">
        <v>7</v>
      </c>
      <c r="AI37" s="277">
        <v>0</v>
      </c>
      <c r="AJ37" s="281">
        <v>0</v>
      </c>
      <c r="AK37" s="278">
        <v>0</v>
      </c>
      <c r="AL37" s="280">
        <v>0</v>
      </c>
      <c r="AM37" s="281">
        <v>0</v>
      </c>
      <c r="AN37" s="281">
        <v>0</v>
      </c>
      <c r="AO37" s="281">
        <v>0</v>
      </c>
      <c r="AP37" s="281">
        <v>0</v>
      </c>
      <c r="AQ37" s="281">
        <v>0</v>
      </c>
      <c r="AR37" s="278">
        <v>0</v>
      </c>
      <c r="AS37" s="283">
        <v>0</v>
      </c>
      <c r="AT37" s="277">
        <v>3</v>
      </c>
      <c r="AU37" s="281">
        <v>2</v>
      </c>
      <c r="AV37" s="278">
        <v>5</v>
      </c>
      <c r="AW37" s="280">
        <v>0</v>
      </c>
      <c r="AX37" s="281">
        <v>3</v>
      </c>
      <c r="AY37" s="281">
        <v>4</v>
      </c>
      <c r="AZ37" s="281">
        <v>4</v>
      </c>
      <c r="BA37" s="281">
        <v>5</v>
      </c>
      <c r="BB37" s="281">
        <v>1</v>
      </c>
      <c r="BC37" s="282">
        <v>17</v>
      </c>
      <c r="BD37" s="283">
        <v>22</v>
      </c>
      <c r="BE37" s="277">
        <v>0</v>
      </c>
      <c r="BF37" s="281">
        <v>0</v>
      </c>
      <c r="BG37" s="278">
        <v>0</v>
      </c>
      <c r="BH37" s="280">
        <v>0</v>
      </c>
      <c r="BI37" s="281">
        <v>3</v>
      </c>
      <c r="BJ37" s="281">
        <v>4</v>
      </c>
      <c r="BK37" s="281">
        <v>1</v>
      </c>
      <c r="BL37" s="281">
        <v>0</v>
      </c>
      <c r="BM37" s="281">
        <v>0</v>
      </c>
      <c r="BN37" s="278">
        <v>8</v>
      </c>
      <c r="BO37" s="283">
        <v>8</v>
      </c>
      <c r="BP37" s="277">
        <v>1</v>
      </c>
      <c r="BQ37" s="281">
        <v>1</v>
      </c>
      <c r="BR37" s="278">
        <v>2</v>
      </c>
      <c r="BS37" s="280">
        <v>0</v>
      </c>
      <c r="BT37" s="281">
        <v>1</v>
      </c>
      <c r="BU37" s="281">
        <v>3</v>
      </c>
      <c r="BV37" s="281">
        <v>0</v>
      </c>
      <c r="BW37" s="281">
        <v>1</v>
      </c>
      <c r="BX37" s="281">
        <v>0</v>
      </c>
      <c r="BY37" s="278">
        <v>5</v>
      </c>
      <c r="BZ37" s="283">
        <v>7</v>
      </c>
      <c r="CA37" s="277">
        <v>0</v>
      </c>
      <c r="CB37" s="281">
        <v>0</v>
      </c>
      <c r="CC37" s="278">
        <v>0</v>
      </c>
      <c r="CD37" s="280">
        <v>0</v>
      </c>
      <c r="CE37" s="281">
        <v>0</v>
      </c>
      <c r="CF37" s="281">
        <v>0</v>
      </c>
      <c r="CG37" s="281">
        <v>0</v>
      </c>
      <c r="CH37" s="281">
        <v>0</v>
      </c>
      <c r="CI37" s="281">
        <v>0</v>
      </c>
      <c r="CJ37" s="278">
        <v>0</v>
      </c>
      <c r="CK37" s="283">
        <v>0</v>
      </c>
      <c r="CL37" s="277">
        <v>0</v>
      </c>
      <c r="CM37" s="281">
        <v>0</v>
      </c>
      <c r="CN37" s="278">
        <v>0</v>
      </c>
      <c r="CO37" s="280">
        <v>0</v>
      </c>
      <c r="CP37" s="281">
        <v>0</v>
      </c>
      <c r="CQ37" s="281">
        <v>0</v>
      </c>
      <c r="CR37" s="281">
        <v>0</v>
      </c>
      <c r="CS37" s="281">
        <v>0</v>
      </c>
      <c r="CT37" s="281">
        <v>0</v>
      </c>
      <c r="CU37" s="278">
        <v>0</v>
      </c>
      <c r="CV37" s="283">
        <v>0</v>
      </c>
      <c r="CW37" s="277">
        <v>0</v>
      </c>
      <c r="CX37" s="281">
        <v>0</v>
      </c>
      <c r="CY37" s="278">
        <v>0</v>
      </c>
      <c r="CZ37" s="280">
        <v>0</v>
      </c>
      <c r="DA37" s="281">
        <v>0</v>
      </c>
      <c r="DB37" s="281">
        <v>0</v>
      </c>
      <c r="DC37" s="281">
        <v>0</v>
      </c>
      <c r="DD37" s="281">
        <v>0</v>
      </c>
      <c r="DE37" s="281">
        <v>0</v>
      </c>
      <c r="DF37" s="278">
        <v>0</v>
      </c>
      <c r="DG37" s="283">
        <v>0</v>
      </c>
      <c r="DH37" s="277">
        <v>0</v>
      </c>
      <c r="DI37" s="281">
        <v>0</v>
      </c>
      <c r="DJ37" s="278">
        <v>0</v>
      </c>
      <c r="DK37" s="280">
        <v>0</v>
      </c>
      <c r="DL37" s="281">
        <v>0</v>
      </c>
      <c r="DM37" s="281">
        <v>0</v>
      </c>
      <c r="DN37" s="281">
        <v>0</v>
      </c>
      <c r="DO37" s="281">
        <v>0</v>
      </c>
      <c r="DP37" s="281">
        <v>0</v>
      </c>
      <c r="DQ37" s="278">
        <v>0</v>
      </c>
      <c r="DR37" s="283">
        <v>0</v>
      </c>
      <c r="DS37" s="277">
        <v>2</v>
      </c>
      <c r="DT37" s="281">
        <v>1</v>
      </c>
      <c r="DU37" s="278">
        <v>3</v>
      </c>
      <c r="DV37" s="280">
        <v>0</v>
      </c>
      <c r="DW37" s="281">
        <v>4</v>
      </c>
      <c r="DX37" s="281">
        <v>9</v>
      </c>
      <c r="DY37" s="281">
        <v>5</v>
      </c>
      <c r="DZ37" s="281">
        <v>2</v>
      </c>
      <c r="EA37" s="281">
        <v>2</v>
      </c>
      <c r="EB37" s="278">
        <v>22</v>
      </c>
      <c r="EC37" s="283">
        <v>25</v>
      </c>
      <c r="ED37" s="277">
        <v>3</v>
      </c>
      <c r="EE37" s="281">
        <v>2</v>
      </c>
      <c r="EF37" s="278">
        <v>5</v>
      </c>
      <c r="EG37" s="280">
        <v>0</v>
      </c>
      <c r="EH37" s="281">
        <v>2</v>
      </c>
      <c r="EI37" s="281">
        <v>1</v>
      </c>
      <c r="EJ37" s="281">
        <v>2</v>
      </c>
      <c r="EK37" s="281">
        <v>3</v>
      </c>
      <c r="EL37" s="281">
        <v>0</v>
      </c>
      <c r="EM37" s="278">
        <v>8</v>
      </c>
      <c r="EN37" s="283">
        <v>13</v>
      </c>
      <c r="EO37" s="277">
        <v>2</v>
      </c>
      <c r="EP37" s="281">
        <v>2</v>
      </c>
      <c r="EQ37" s="278">
        <v>4</v>
      </c>
      <c r="ER37" s="280">
        <v>0</v>
      </c>
      <c r="ES37" s="281">
        <v>12</v>
      </c>
      <c r="ET37" s="281">
        <v>9</v>
      </c>
      <c r="EU37" s="281">
        <v>5</v>
      </c>
      <c r="EV37" s="281">
        <v>2</v>
      </c>
      <c r="EW37" s="281">
        <v>2</v>
      </c>
      <c r="EX37" s="278">
        <v>30</v>
      </c>
      <c r="EY37" s="283">
        <v>34</v>
      </c>
    </row>
    <row r="38" spans="1:155" ht="19.5" customHeight="1" x14ac:dyDescent="0.2">
      <c r="A38" s="262" t="s">
        <v>36</v>
      </c>
      <c r="B38" s="277">
        <v>0</v>
      </c>
      <c r="C38" s="281">
        <v>0</v>
      </c>
      <c r="D38" s="385">
        <v>0</v>
      </c>
      <c r="E38" s="280">
        <v>0</v>
      </c>
      <c r="F38" s="281">
        <v>3</v>
      </c>
      <c r="G38" s="281">
        <v>1</v>
      </c>
      <c r="H38" s="281">
        <v>0</v>
      </c>
      <c r="I38" s="281">
        <v>1</v>
      </c>
      <c r="J38" s="281">
        <v>0</v>
      </c>
      <c r="K38" s="282">
        <v>5</v>
      </c>
      <c r="L38" s="283">
        <v>5</v>
      </c>
      <c r="M38" s="277">
        <v>0</v>
      </c>
      <c r="N38" s="281">
        <v>0</v>
      </c>
      <c r="O38" s="278">
        <v>0</v>
      </c>
      <c r="P38" s="280">
        <v>0</v>
      </c>
      <c r="Q38" s="281">
        <v>0</v>
      </c>
      <c r="R38" s="281">
        <v>0</v>
      </c>
      <c r="S38" s="281">
        <v>0</v>
      </c>
      <c r="T38" s="281">
        <v>0</v>
      </c>
      <c r="U38" s="281">
        <v>0</v>
      </c>
      <c r="V38" s="278">
        <v>0</v>
      </c>
      <c r="W38" s="283">
        <v>0</v>
      </c>
      <c r="X38" s="277">
        <v>0</v>
      </c>
      <c r="Y38" s="281">
        <v>2</v>
      </c>
      <c r="Z38" s="278">
        <v>2</v>
      </c>
      <c r="AA38" s="280">
        <v>0</v>
      </c>
      <c r="AB38" s="281">
        <v>4</v>
      </c>
      <c r="AC38" s="281">
        <v>3</v>
      </c>
      <c r="AD38" s="281">
        <v>0</v>
      </c>
      <c r="AE38" s="281">
        <v>0</v>
      </c>
      <c r="AF38" s="281">
        <v>1</v>
      </c>
      <c r="AG38" s="278">
        <v>8</v>
      </c>
      <c r="AH38" s="283">
        <v>10</v>
      </c>
      <c r="AI38" s="277">
        <v>0</v>
      </c>
      <c r="AJ38" s="281">
        <v>0</v>
      </c>
      <c r="AK38" s="278">
        <v>0</v>
      </c>
      <c r="AL38" s="280">
        <v>0</v>
      </c>
      <c r="AM38" s="281">
        <v>1</v>
      </c>
      <c r="AN38" s="281">
        <v>0</v>
      </c>
      <c r="AO38" s="281">
        <v>0</v>
      </c>
      <c r="AP38" s="281">
        <v>0</v>
      </c>
      <c r="AQ38" s="281">
        <v>1</v>
      </c>
      <c r="AR38" s="278">
        <v>2</v>
      </c>
      <c r="AS38" s="283">
        <v>2</v>
      </c>
      <c r="AT38" s="277">
        <v>0</v>
      </c>
      <c r="AU38" s="281">
        <v>1</v>
      </c>
      <c r="AV38" s="278">
        <v>1</v>
      </c>
      <c r="AW38" s="280">
        <v>0</v>
      </c>
      <c r="AX38" s="281">
        <v>1</v>
      </c>
      <c r="AY38" s="281">
        <v>2</v>
      </c>
      <c r="AZ38" s="281">
        <v>4</v>
      </c>
      <c r="BA38" s="281">
        <v>5</v>
      </c>
      <c r="BB38" s="281">
        <v>0</v>
      </c>
      <c r="BC38" s="282">
        <v>12</v>
      </c>
      <c r="BD38" s="283">
        <v>13</v>
      </c>
      <c r="BE38" s="277">
        <v>0</v>
      </c>
      <c r="BF38" s="281">
        <v>0</v>
      </c>
      <c r="BG38" s="278">
        <v>0</v>
      </c>
      <c r="BH38" s="280">
        <v>0</v>
      </c>
      <c r="BI38" s="281">
        <v>3</v>
      </c>
      <c r="BJ38" s="281">
        <v>4</v>
      </c>
      <c r="BK38" s="281">
        <v>1</v>
      </c>
      <c r="BL38" s="281">
        <v>0</v>
      </c>
      <c r="BM38" s="281">
        <v>1</v>
      </c>
      <c r="BN38" s="278">
        <v>9</v>
      </c>
      <c r="BO38" s="283">
        <v>9</v>
      </c>
      <c r="BP38" s="277">
        <v>0</v>
      </c>
      <c r="BQ38" s="281">
        <v>1</v>
      </c>
      <c r="BR38" s="278">
        <v>1</v>
      </c>
      <c r="BS38" s="280">
        <v>0</v>
      </c>
      <c r="BT38" s="281">
        <v>1</v>
      </c>
      <c r="BU38" s="281">
        <v>0</v>
      </c>
      <c r="BV38" s="281">
        <v>0</v>
      </c>
      <c r="BW38" s="281">
        <v>0</v>
      </c>
      <c r="BX38" s="281">
        <v>0</v>
      </c>
      <c r="BY38" s="278">
        <v>1</v>
      </c>
      <c r="BZ38" s="283">
        <v>2</v>
      </c>
      <c r="CA38" s="277">
        <v>0</v>
      </c>
      <c r="CB38" s="281">
        <v>0</v>
      </c>
      <c r="CC38" s="278">
        <v>0</v>
      </c>
      <c r="CD38" s="280">
        <v>0</v>
      </c>
      <c r="CE38" s="281">
        <v>0</v>
      </c>
      <c r="CF38" s="281">
        <v>1</v>
      </c>
      <c r="CG38" s="281">
        <v>1</v>
      </c>
      <c r="CH38" s="281">
        <v>1</v>
      </c>
      <c r="CI38" s="281">
        <v>1</v>
      </c>
      <c r="CJ38" s="278">
        <v>4</v>
      </c>
      <c r="CK38" s="283">
        <v>4</v>
      </c>
      <c r="CL38" s="277">
        <v>0</v>
      </c>
      <c r="CM38" s="281">
        <v>0</v>
      </c>
      <c r="CN38" s="278">
        <v>0</v>
      </c>
      <c r="CO38" s="280">
        <v>0</v>
      </c>
      <c r="CP38" s="281">
        <v>0</v>
      </c>
      <c r="CQ38" s="281">
        <v>0</v>
      </c>
      <c r="CR38" s="281">
        <v>0</v>
      </c>
      <c r="CS38" s="281">
        <v>0</v>
      </c>
      <c r="CT38" s="281">
        <v>0</v>
      </c>
      <c r="CU38" s="278">
        <v>0</v>
      </c>
      <c r="CV38" s="283">
        <v>0</v>
      </c>
      <c r="CW38" s="277">
        <v>0</v>
      </c>
      <c r="CX38" s="281">
        <v>0</v>
      </c>
      <c r="CY38" s="278">
        <v>0</v>
      </c>
      <c r="CZ38" s="280">
        <v>0</v>
      </c>
      <c r="DA38" s="281">
        <v>0</v>
      </c>
      <c r="DB38" s="281">
        <v>0</v>
      </c>
      <c r="DC38" s="281">
        <v>0</v>
      </c>
      <c r="DD38" s="281">
        <v>0</v>
      </c>
      <c r="DE38" s="281">
        <v>0</v>
      </c>
      <c r="DF38" s="278">
        <v>0</v>
      </c>
      <c r="DG38" s="283">
        <v>0</v>
      </c>
      <c r="DH38" s="277">
        <v>0</v>
      </c>
      <c r="DI38" s="281">
        <v>0</v>
      </c>
      <c r="DJ38" s="278">
        <v>0</v>
      </c>
      <c r="DK38" s="280">
        <v>0</v>
      </c>
      <c r="DL38" s="281">
        <v>0</v>
      </c>
      <c r="DM38" s="281">
        <v>0</v>
      </c>
      <c r="DN38" s="281">
        <v>0</v>
      </c>
      <c r="DO38" s="281">
        <v>0</v>
      </c>
      <c r="DP38" s="281">
        <v>0</v>
      </c>
      <c r="DQ38" s="278">
        <v>0</v>
      </c>
      <c r="DR38" s="283">
        <v>0</v>
      </c>
      <c r="DS38" s="277">
        <v>0</v>
      </c>
      <c r="DT38" s="281">
        <v>2</v>
      </c>
      <c r="DU38" s="278">
        <v>2</v>
      </c>
      <c r="DV38" s="280">
        <v>0</v>
      </c>
      <c r="DW38" s="281">
        <v>3</v>
      </c>
      <c r="DX38" s="281">
        <v>6</v>
      </c>
      <c r="DY38" s="281">
        <v>1</v>
      </c>
      <c r="DZ38" s="281">
        <v>3</v>
      </c>
      <c r="EA38" s="281">
        <v>2</v>
      </c>
      <c r="EB38" s="278">
        <v>15</v>
      </c>
      <c r="EC38" s="283">
        <v>17</v>
      </c>
      <c r="ED38" s="277">
        <v>0</v>
      </c>
      <c r="EE38" s="281">
        <v>0</v>
      </c>
      <c r="EF38" s="278">
        <v>0</v>
      </c>
      <c r="EG38" s="280">
        <v>0</v>
      </c>
      <c r="EH38" s="281">
        <v>0</v>
      </c>
      <c r="EI38" s="281">
        <v>2</v>
      </c>
      <c r="EJ38" s="281">
        <v>2</v>
      </c>
      <c r="EK38" s="281">
        <v>3</v>
      </c>
      <c r="EL38" s="281">
        <v>0</v>
      </c>
      <c r="EM38" s="278">
        <v>7</v>
      </c>
      <c r="EN38" s="283">
        <v>7</v>
      </c>
      <c r="EO38" s="277">
        <v>1</v>
      </c>
      <c r="EP38" s="281">
        <v>4</v>
      </c>
      <c r="EQ38" s="278">
        <v>5</v>
      </c>
      <c r="ER38" s="280">
        <v>0</v>
      </c>
      <c r="ES38" s="281">
        <v>7</v>
      </c>
      <c r="ET38" s="281">
        <v>8</v>
      </c>
      <c r="EU38" s="281">
        <v>1</v>
      </c>
      <c r="EV38" s="281">
        <v>3</v>
      </c>
      <c r="EW38" s="281">
        <v>2</v>
      </c>
      <c r="EX38" s="278">
        <v>21</v>
      </c>
      <c r="EY38" s="283">
        <v>26</v>
      </c>
    </row>
    <row r="39" spans="1:155" ht="19.5" customHeight="1" thickBot="1" x14ac:dyDescent="0.25">
      <c r="A39" s="263" t="s">
        <v>37</v>
      </c>
      <c r="B39" s="284">
        <v>0</v>
      </c>
      <c r="C39" s="288">
        <v>0</v>
      </c>
      <c r="D39" s="386">
        <v>0</v>
      </c>
      <c r="E39" s="287">
        <v>0</v>
      </c>
      <c r="F39" s="288">
        <v>0</v>
      </c>
      <c r="G39" s="288">
        <v>0</v>
      </c>
      <c r="H39" s="288">
        <v>0</v>
      </c>
      <c r="I39" s="288">
        <v>0</v>
      </c>
      <c r="J39" s="288">
        <v>1</v>
      </c>
      <c r="K39" s="289">
        <v>1</v>
      </c>
      <c r="L39" s="290">
        <v>1</v>
      </c>
      <c r="M39" s="284">
        <v>0</v>
      </c>
      <c r="N39" s="288">
        <v>0</v>
      </c>
      <c r="O39" s="285">
        <v>0</v>
      </c>
      <c r="P39" s="287">
        <v>0</v>
      </c>
      <c r="Q39" s="288">
        <v>0</v>
      </c>
      <c r="R39" s="288">
        <v>0</v>
      </c>
      <c r="S39" s="288">
        <v>0</v>
      </c>
      <c r="T39" s="288">
        <v>0</v>
      </c>
      <c r="U39" s="288">
        <v>0</v>
      </c>
      <c r="V39" s="285">
        <v>0</v>
      </c>
      <c r="W39" s="290">
        <v>0</v>
      </c>
      <c r="X39" s="284">
        <v>0</v>
      </c>
      <c r="Y39" s="288">
        <v>0</v>
      </c>
      <c r="Z39" s="285">
        <v>0</v>
      </c>
      <c r="AA39" s="287">
        <v>0</v>
      </c>
      <c r="AB39" s="288">
        <v>0</v>
      </c>
      <c r="AC39" s="288">
        <v>0</v>
      </c>
      <c r="AD39" s="288">
        <v>0</v>
      </c>
      <c r="AE39" s="288">
        <v>1</v>
      </c>
      <c r="AF39" s="288">
        <v>1</v>
      </c>
      <c r="AG39" s="285">
        <v>2</v>
      </c>
      <c r="AH39" s="290">
        <v>2</v>
      </c>
      <c r="AI39" s="284">
        <v>0</v>
      </c>
      <c r="AJ39" s="288">
        <v>0</v>
      </c>
      <c r="AK39" s="285">
        <v>0</v>
      </c>
      <c r="AL39" s="287">
        <v>0</v>
      </c>
      <c r="AM39" s="288">
        <v>0</v>
      </c>
      <c r="AN39" s="288">
        <v>0</v>
      </c>
      <c r="AO39" s="288">
        <v>0</v>
      </c>
      <c r="AP39" s="288">
        <v>0</v>
      </c>
      <c r="AQ39" s="288">
        <v>0</v>
      </c>
      <c r="AR39" s="285">
        <v>0</v>
      </c>
      <c r="AS39" s="290">
        <v>0</v>
      </c>
      <c r="AT39" s="284">
        <v>0</v>
      </c>
      <c r="AU39" s="288">
        <v>0</v>
      </c>
      <c r="AV39" s="285">
        <v>0</v>
      </c>
      <c r="AW39" s="287">
        <v>0</v>
      </c>
      <c r="AX39" s="288">
        <v>0</v>
      </c>
      <c r="AY39" s="288">
        <v>0</v>
      </c>
      <c r="AZ39" s="288">
        <v>0</v>
      </c>
      <c r="BA39" s="288">
        <v>1</v>
      </c>
      <c r="BB39" s="288">
        <v>1</v>
      </c>
      <c r="BC39" s="289">
        <v>2</v>
      </c>
      <c r="BD39" s="290">
        <v>2</v>
      </c>
      <c r="BE39" s="284">
        <v>0</v>
      </c>
      <c r="BF39" s="288">
        <v>0</v>
      </c>
      <c r="BG39" s="285">
        <v>0</v>
      </c>
      <c r="BH39" s="287">
        <v>0</v>
      </c>
      <c r="BI39" s="288">
        <v>0</v>
      </c>
      <c r="BJ39" s="288">
        <v>0</v>
      </c>
      <c r="BK39" s="288">
        <v>0</v>
      </c>
      <c r="BL39" s="288">
        <v>0</v>
      </c>
      <c r="BM39" s="288">
        <v>0</v>
      </c>
      <c r="BN39" s="285">
        <v>0</v>
      </c>
      <c r="BO39" s="290">
        <v>0</v>
      </c>
      <c r="BP39" s="284">
        <v>0</v>
      </c>
      <c r="BQ39" s="288">
        <v>0</v>
      </c>
      <c r="BR39" s="285">
        <v>0</v>
      </c>
      <c r="BS39" s="287">
        <v>0</v>
      </c>
      <c r="BT39" s="288">
        <v>0</v>
      </c>
      <c r="BU39" s="288">
        <v>0</v>
      </c>
      <c r="BV39" s="288">
        <v>0</v>
      </c>
      <c r="BW39" s="288">
        <v>0</v>
      </c>
      <c r="BX39" s="288">
        <v>0</v>
      </c>
      <c r="BY39" s="285">
        <v>0</v>
      </c>
      <c r="BZ39" s="290">
        <v>0</v>
      </c>
      <c r="CA39" s="284">
        <v>0</v>
      </c>
      <c r="CB39" s="288">
        <v>0</v>
      </c>
      <c r="CC39" s="285">
        <v>0</v>
      </c>
      <c r="CD39" s="287">
        <v>0</v>
      </c>
      <c r="CE39" s="288">
        <v>0</v>
      </c>
      <c r="CF39" s="288">
        <v>0</v>
      </c>
      <c r="CG39" s="288">
        <v>0</v>
      </c>
      <c r="CH39" s="288">
        <v>0</v>
      </c>
      <c r="CI39" s="288">
        <v>0</v>
      </c>
      <c r="CJ39" s="285">
        <v>0</v>
      </c>
      <c r="CK39" s="290">
        <v>0</v>
      </c>
      <c r="CL39" s="284">
        <v>0</v>
      </c>
      <c r="CM39" s="288">
        <v>0</v>
      </c>
      <c r="CN39" s="285">
        <v>0</v>
      </c>
      <c r="CO39" s="287">
        <v>0</v>
      </c>
      <c r="CP39" s="288">
        <v>0</v>
      </c>
      <c r="CQ39" s="288">
        <v>0</v>
      </c>
      <c r="CR39" s="288">
        <v>0</v>
      </c>
      <c r="CS39" s="288">
        <v>1</v>
      </c>
      <c r="CT39" s="288">
        <v>0</v>
      </c>
      <c r="CU39" s="285">
        <v>1</v>
      </c>
      <c r="CV39" s="290">
        <v>1</v>
      </c>
      <c r="CW39" s="284">
        <v>0</v>
      </c>
      <c r="CX39" s="288">
        <v>0</v>
      </c>
      <c r="CY39" s="285">
        <v>0</v>
      </c>
      <c r="CZ39" s="287">
        <v>0</v>
      </c>
      <c r="DA39" s="288">
        <v>0</v>
      </c>
      <c r="DB39" s="288">
        <v>0</v>
      </c>
      <c r="DC39" s="288">
        <v>0</v>
      </c>
      <c r="DD39" s="288">
        <v>0</v>
      </c>
      <c r="DE39" s="288">
        <v>0</v>
      </c>
      <c r="DF39" s="285">
        <v>0</v>
      </c>
      <c r="DG39" s="290">
        <v>0</v>
      </c>
      <c r="DH39" s="284">
        <v>0</v>
      </c>
      <c r="DI39" s="288">
        <v>0</v>
      </c>
      <c r="DJ39" s="285">
        <v>0</v>
      </c>
      <c r="DK39" s="287">
        <v>0</v>
      </c>
      <c r="DL39" s="288">
        <v>0</v>
      </c>
      <c r="DM39" s="288">
        <v>0</v>
      </c>
      <c r="DN39" s="288">
        <v>0</v>
      </c>
      <c r="DO39" s="288">
        <v>0</v>
      </c>
      <c r="DP39" s="288">
        <v>0</v>
      </c>
      <c r="DQ39" s="285">
        <v>0</v>
      </c>
      <c r="DR39" s="290">
        <v>0</v>
      </c>
      <c r="DS39" s="284">
        <v>0</v>
      </c>
      <c r="DT39" s="288">
        <v>0</v>
      </c>
      <c r="DU39" s="285">
        <v>0</v>
      </c>
      <c r="DV39" s="287">
        <v>0</v>
      </c>
      <c r="DW39" s="288">
        <v>0</v>
      </c>
      <c r="DX39" s="288">
        <v>0</v>
      </c>
      <c r="DY39" s="288">
        <v>0</v>
      </c>
      <c r="DZ39" s="288">
        <v>1</v>
      </c>
      <c r="EA39" s="288">
        <v>1</v>
      </c>
      <c r="EB39" s="285">
        <v>2</v>
      </c>
      <c r="EC39" s="290">
        <v>2</v>
      </c>
      <c r="ED39" s="284">
        <v>0</v>
      </c>
      <c r="EE39" s="288">
        <v>0</v>
      </c>
      <c r="EF39" s="285">
        <v>0</v>
      </c>
      <c r="EG39" s="287">
        <v>0</v>
      </c>
      <c r="EH39" s="288">
        <v>0</v>
      </c>
      <c r="EI39" s="288">
        <v>0</v>
      </c>
      <c r="EJ39" s="288">
        <v>0</v>
      </c>
      <c r="EK39" s="288">
        <v>1</v>
      </c>
      <c r="EL39" s="288">
        <v>0</v>
      </c>
      <c r="EM39" s="285">
        <v>1</v>
      </c>
      <c r="EN39" s="290">
        <v>1</v>
      </c>
      <c r="EO39" s="284">
        <v>0</v>
      </c>
      <c r="EP39" s="288">
        <v>0</v>
      </c>
      <c r="EQ39" s="285">
        <v>0</v>
      </c>
      <c r="ER39" s="287">
        <v>0</v>
      </c>
      <c r="ES39" s="288">
        <v>0</v>
      </c>
      <c r="ET39" s="288">
        <v>0</v>
      </c>
      <c r="EU39" s="288">
        <v>0</v>
      </c>
      <c r="EV39" s="288">
        <v>1</v>
      </c>
      <c r="EW39" s="288">
        <v>1</v>
      </c>
      <c r="EX39" s="285">
        <v>2</v>
      </c>
      <c r="EY39" s="290">
        <v>2</v>
      </c>
    </row>
  </sheetData>
  <mergeCells count="59">
    <mergeCell ref="CL3:CV3"/>
    <mergeCell ref="H1:I1"/>
    <mergeCell ref="K1:L1"/>
    <mergeCell ref="A3:A5"/>
    <mergeCell ref="B3:L3"/>
    <mergeCell ref="M3:W3"/>
    <mergeCell ref="X3:AH3"/>
    <mergeCell ref="W4:W5"/>
    <mergeCell ref="X4:Z4"/>
    <mergeCell ref="AA4:AG4"/>
    <mergeCell ref="AH4:AH5"/>
    <mergeCell ref="AI3:AS3"/>
    <mergeCell ref="AT3:BD3"/>
    <mergeCell ref="BE3:BO3"/>
    <mergeCell ref="BP3:BZ3"/>
    <mergeCell ref="CA3:CK3"/>
    <mergeCell ref="B4:D4"/>
    <mergeCell ref="E4:K4"/>
    <mergeCell ref="L4:L5"/>
    <mergeCell ref="M4:O4"/>
    <mergeCell ref="P4:V4"/>
    <mergeCell ref="CW3:DG3"/>
    <mergeCell ref="DH3:DR3"/>
    <mergeCell ref="DS3:EC3"/>
    <mergeCell ref="ED3:EN3"/>
    <mergeCell ref="EO3:EY3"/>
    <mergeCell ref="BZ4:BZ5"/>
    <mergeCell ref="AI4:AK4"/>
    <mergeCell ref="AL4:AR4"/>
    <mergeCell ref="AS4:AS5"/>
    <mergeCell ref="AT4:AV4"/>
    <mergeCell ref="AW4:BC4"/>
    <mergeCell ref="BD4:BD5"/>
    <mergeCell ref="BE4:BG4"/>
    <mergeCell ref="BH4:BN4"/>
    <mergeCell ref="BO4:BO5"/>
    <mergeCell ref="BP4:BR4"/>
    <mergeCell ref="BS4:BY4"/>
    <mergeCell ref="DR4:DR5"/>
    <mergeCell ref="CA4:CC4"/>
    <mergeCell ref="CD4:CJ4"/>
    <mergeCell ref="CK4:CK5"/>
    <mergeCell ref="CL4:CN4"/>
    <mergeCell ref="CO4:CU4"/>
    <mergeCell ref="CV4:CV5"/>
    <mergeCell ref="CW4:CY4"/>
    <mergeCell ref="CZ4:DF4"/>
    <mergeCell ref="DG4:DG5"/>
    <mergeCell ref="DH4:DJ4"/>
    <mergeCell ref="DK4:DQ4"/>
    <mergeCell ref="EO4:EQ4"/>
    <mergeCell ref="ER4:EX4"/>
    <mergeCell ref="EY4:EY5"/>
    <mergeCell ref="DS4:DU4"/>
    <mergeCell ref="DV4:EB4"/>
    <mergeCell ref="EC4:EC5"/>
    <mergeCell ref="ED4:EF4"/>
    <mergeCell ref="EG4:EM4"/>
    <mergeCell ref="EN4:EN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56"/>
    <col min="5" max="5" width="7.77734375" style="256" customWidth="1"/>
    <col min="6" max="6" width="9" style="256"/>
    <col min="7" max="7" width="10.6640625" style="256" customWidth="1"/>
    <col min="8" max="15" width="9" style="256"/>
    <col min="16" max="16" width="7.77734375" style="256" customWidth="1"/>
    <col min="17" max="26" width="9" style="256"/>
    <col min="27" max="27" width="6.88671875" style="256" customWidth="1"/>
    <col min="28" max="37" width="9" style="256"/>
    <col min="38" max="38" width="7.21875" style="256" customWidth="1"/>
    <col min="39" max="48" width="9" style="256"/>
    <col min="49" max="49" width="7.44140625" style="256" customWidth="1"/>
    <col min="50" max="59" width="9" style="256"/>
    <col min="60" max="60" width="7.6640625" style="256" customWidth="1"/>
    <col min="61" max="70" width="9" style="256"/>
    <col min="71" max="71" width="7.88671875" style="256" customWidth="1"/>
    <col min="72" max="81" width="9" style="256"/>
    <col min="82" max="82" width="7" style="256" customWidth="1"/>
    <col min="83" max="92" width="9" style="256"/>
    <col min="93" max="93" width="7.6640625" style="256" customWidth="1"/>
    <col min="94" max="16384" width="9" style="256"/>
  </cols>
  <sheetData>
    <row r="1" spans="1:111" ht="19.5" customHeight="1" x14ac:dyDescent="0.2">
      <c r="A1" s="291" t="s">
        <v>123</v>
      </c>
      <c r="I1" s="528">
        <f>第１表!F2</f>
        <v>4</v>
      </c>
      <c r="J1" s="528"/>
      <c r="K1" s="248">
        <f>第１表!G2</f>
        <v>5</v>
      </c>
      <c r="L1" s="529">
        <f>IF(K1&lt;3,K1+12-2,K1-2)</f>
        <v>3</v>
      </c>
      <c r="M1" s="529"/>
    </row>
    <row r="2" spans="1:111" ht="17.25" customHeight="1" thickBot="1" x14ac:dyDescent="0.25">
      <c r="A2" s="291" t="s">
        <v>139</v>
      </c>
    </row>
    <row r="3" spans="1:111" ht="13.8" thickBot="1" x14ac:dyDescent="0.25">
      <c r="A3" s="549"/>
      <c r="B3" s="552" t="s">
        <v>112</v>
      </c>
      <c r="C3" s="552"/>
      <c r="D3" s="552"/>
      <c r="E3" s="552"/>
      <c r="F3" s="552"/>
      <c r="G3" s="552"/>
      <c r="H3" s="552"/>
      <c r="I3" s="552"/>
      <c r="J3" s="552"/>
      <c r="K3" s="552"/>
      <c r="L3" s="553"/>
      <c r="M3" s="547" t="s">
        <v>111</v>
      </c>
      <c r="N3" s="547"/>
      <c r="O3" s="547"/>
      <c r="P3" s="547"/>
      <c r="Q3" s="547"/>
      <c r="R3" s="547"/>
      <c r="S3" s="547"/>
      <c r="T3" s="547"/>
      <c r="U3" s="547"/>
      <c r="V3" s="547"/>
      <c r="W3" s="548"/>
      <c r="X3" s="546" t="s">
        <v>110</v>
      </c>
      <c r="Y3" s="547"/>
      <c r="Z3" s="547"/>
      <c r="AA3" s="547"/>
      <c r="AB3" s="547"/>
      <c r="AC3" s="547"/>
      <c r="AD3" s="547"/>
      <c r="AE3" s="547"/>
      <c r="AF3" s="547"/>
      <c r="AG3" s="547"/>
      <c r="AH3" s="548"/>
      <c r="AI3" s="546" t="s">
        <v>109</v>
      </c>
      <c r="AJ3" s="547"/>
      <c r="AK3" s="547"/>
      <c r="AL3" s="547"/>
      <c r="AM3" s="547"/>
      <c r="AN3" s="547"/>
      <c r="AO3" s="547"/>
      <c r="AP3" s="547"/>
      <c r="AQ3" s="547"/>
      <c r="AR3" s="547"/>
      <c r="AS3" s="548"/>
      <c r="AT3" s="546" t="s">
        <v>108</v>
      </c>
      <c r="AU3" s="547"/>
      <c r="AV3" s="547"/>
      <c r="AW3" s="547"/>
      <c r="AX3" s="547"/>
      <c r="AY3" s="547"/>
      <c r="AZ3" s="547"/>
      <c r="BA3" s="547"/>
      <c r="BB3" s="547"/>
      <c r="BC3" s="547"/>
      <c r="BD3" s="548"/>
      <c r="BE3" s="546" t="s">
        <v>107</v>
      </c>
      <c r="BF3" s="547"/>
      <c r="BG3" s="547"/>
      <c r="BH3" s="547"/>
      <c r="BI3" s="547"/>
      <c r="BJ3" s="547"/>
      <c r="BK3" s="547"/>
      <c r="BL3" s="547"/>
      <c r="BM3" s="547"/>
      <c r="BN3" s="547"/>
      <c r="BO3" s="548"/>
      <c r="BP3" s="546" t="s">
        <v>106</v>
      </c>
      <c r="BQ3" s="547"/>
      <c r="BR3" s="547"/>
      <c r="BS3" s="547"/>
      <c r="BT3" s="547"/>
      <c r="BU3" s="547"/>
      <c r="BV3" s="547"/>
      <c r="BW3" s="547"/>
      <c r="BX3" s="547"/>
      <c r="BY3" s="547"/>
      <c r="BZ3" s="548"/>
      <c r="CA3" s="546" t="s">
        <v>128</v>
      </c>
      <c r="CB3" s="547"/>
      <c r="CC3" s="547"/>
      <c r="CD3" s="547"/>
      <c r="CE3" s="547"/>
      <c r="CF3" s="547"/>
      <c r="CG3" s="547"/>
      <c r="CH3" s="547"/>
      <c r="CI3" s="547"/>
      <c r="CJ3" s="547"/>
      <c r="CK3" s="548"/>
      <c r="CL3" s="546" t="s">
        <v>105</v>
      </c>
      <c r="CM3" s="547"/>
      <c r="CN3" s="547"/>
      <c r="CO3" s="547"/>
      <c r="CP3" s="547"/>
      <c r="CQ3" s="547"/>
      <c r="CR3" s="547"/>
      <c r="CS3" s="547"/>
      <c r="CT3" s="547"/>
      <c r="CU3" s="547"/>
      <c r="CV3" s="548"/>
      <c r="CW3" s="546" t="s">
        <v>160</v>
      </c>
      <c r="CX3" s="547"/>
      <c r="CY3" s="547"/>
      <c r="CZ3" s="547"/>
      <c r="DA3" s="547"/>
      <c r="DB3" s="547"/>
      <c r="DC3" s="547"/>
      <c r="DD3" s="547"/>
      <c r="DE3" s="547"/>
      <c r="DF3" s="547"/>
      <c r="DG3" s="548"/>
    </row>
    <row r="4" spans="1:111" x14ac:dyDescent="0.2">
      <c r="A4" s="550"/>
      <c r="B4" s="554" t="s">
        <v>61</v>
      </c>
      <c r="C4" s="533"/>
      <c r="D4" s="534"/>
      <c r="E4" s="535" t="s">
        <v>62</v>
      </c>
      <c r="F4" s="533"/>
      <c r="G4" s="533"/>
      <c r="H4" s="533"/>
      <c r="I4" s="533"/>
      <c r="J4" s="533"/>
      <c r="K4" s="536"/>
      <c r="L4" s="530" t="s">
        <v>52</v>
      </c>
      <c r="M4" s="554" t="s">
        <v>61</v>
      </c>
      <c r="N4" s="533"/>
      <c r="O4" s="534"/>
      <c r="P4" s="535" t="s">
        <v>62</v>
      </c>
      <c r="Q4" s="533"/>
      <c r="R4" s="533"/>
      <c r="S4" s="533"/>
      <c r="T4" s="533"/>
      <c r="U4" s="533"/>
      <c r="V4" s="534"/>
      <c r="W4" s="530" t="s">
        <v>52</v>
      </c>
      <c r="X4" s="532" t="s">
        <v>61</v>
      </c>
      <c r="Y4" s="533"/>
      <c r="Z4" s="536"/>
      <c r="AA4" s="535" t="s">
        <v>62</v>
      </c>
      <c r="AB4" s="533"/>
      <c r="AC4" s="533"/>
      <c r="AD4" s="533"/>
      <c r="AE4" s="533"/>
      <c r="AF4" s="533"/>
      <c r="AG4" s="534"/>
      <c r="AH4" s="530" t="s">
        <v>52</v>
      </c>
      <c r="AI4" s="532" t="s">
        <v>61</v>
      </c>
      <c r="AJ4" s="533"/>
      <c r="AK4" s="534"/>
      <c r="AL4" s="535" t="s">
        <v>62</v>
      </c>
      <c r="AM4" s="533"/>
      <c r="AN4" s="533"/>
      <c r="AO4" s="533"/>
      <c r="AP4" s="533"/>
      <c r="AQ4" s="533"/>
      <c r="AR4" s="534"/>
      <c r="AS4" s="530" t="s">
        <v>52</v>
      </c>
      <c r="AT4" s="532" t="s">
        <v>61</v>
      </c>
      <c r="AU4" s="533"/>
      <c r="AV4" s="536"/>
      <c r="AW4" s="535" t="s">
        <v>62</v>
      </c>
      <c r="AX4" s="533"/>
      <c r="AY4" s="533"/>
      <c r="AZ4" s="533"/>
      <c r="BA4" s="533"/>
      <c r="BB4" s="533"/>
      <c r="BC4" s="536"/>
      <c r="BD4" s="530" t="s">
        <v>52</v>
      </c>
      <c r="BE4" s="532" t="s">
        <v>61</v>
      </c>
      <c r="BF4" s="533"/>
      <c r="BG4" s="534"/>
      <c r="BH4" s="535" t="s">
        <v>62</v>
      </c>
      <c r="BI4" s="533"/>
      <c r="BJ4" s="533"/>
      <c r="BK4" s="533"/>
      <c r="BL4" s="533"/>
      <c r="BM4" s="533"/>
      <c r="BN4" s="534"/>
      <c r="BO4" s="530" t="s">
        <v>52</v>
      </c>
      <c r="BP4" s="532" t="s">
        <v>61</v>
      </c>
      <c r="BQ4" s="533"/>
      <c r="BR4" s="534"/>
      <c r="BS4" s="535" t="s">
        <v>62</v>
      </c>
      <c r="BT4" s="533"/>
      <c r="BU4" s="533"/>
      <c r="BV4" s="533"/>
      <c r="BW4" s="533"/>
      <c r="BX4" s="533"/>
      <c r="BY4" s="534"/>
      <c r="BZ4" s="530" t="s">
        <v>52</v>
      </c>
      <c r="CA4" s="532" t="s">
        <v>61</v>
      </c>
      <c r="CB4" s="533"/>
      <c r="CC4" s="534"/>
      <c r="CD4" s="535" t="s">
        <v>62</v>
      </c>
      <c r="CE4" s="533"/>
      <c r="CF4" s="533"/>
      <c r="CG4" s="533"/>
      <c r="CH4" s="533"/>
      <c r="CI4" s="533"/>
      <c r="CJ4" s="534"/>
      <c r="CK4" s="530" t="s">
        <v>52</v>
      </c>
      <c r="CL4" s="532" t="s">
        <v>61</v>
      </c>
      <c r="CM4" s="533"/>
      <c r="CN4" s="534"/>
      <c r="CO4" s="535" t="s">
        <v>62</v>
      </c>
      <c r="CP4" s="533"/>
      <c r="CQ4" s="533"/>
      <c r="CR4" s="533"/>
      <c r="CS4" s="533"/>
      <c r="CT4" s="533"/>
      <c r="CU4" s="534"/>
      <c r="CV4" s="530" t="s">
        <v>52</v>
      </c>
      <c r="CW4" s="532" t="s">
        <v>61</v>
      </c>
      <c r="CX4" s="533"/>
      <c r="CY4" s="534"/>
      <c r="CZ4" s="535" t="s">
        <v>62</v>
      </c>
      <c r="DA4" s="533"/>
      <c r="DB4" s="533"/>
      <c r="DC4" s="533"/>
      <c r="DD4" s="533"/>
      <c r="DE4" s="533"/>
      <c r="DF4" s="534"/>
      <c r="DG4" s="530" t="s">
        <v>52</v>
      </c>
    </row>
    <row r="5" spans="1:111" ht="28.5" customHeight="1" thickBot="1" x14ac:dyDescent="0.25">
      <c r="A5" s="551"/>
      <c r="B5" s="265" t="s">
        <v>43</v>
      </c>
      <c r="C5" s="260" t="s">
        <v>44</v>
      </c>
      <c r="D5" s="383" t="s">
        <v>45</v>
      </c>
      <c r="E5" s="268" t="s">
        <v>83</v>
      </c>
      <c r="F5" s="260" t="s">
        <v>47</v>
      </c>
      <c r="G5" s="260" t="s">
        <v>48</v>
      </c>
      <c r="H5" s="260" t="s">
        <v>49</v>
      </c>
      <c r="I5" s="260" t="s">
        <v>50</v>
      </c>
      <c r="J5" s="260" t="s">
        <v>51</v>
      </c>
      <c r="K5" s="269" t="s">
        <v>45</v>
      </c>
      <c r="L5" s="531"/>
      <c r="M5" s="265" t="s">
        <v>43</v>
      </c>
      <c r="N5" s="260" t="s">
        <v>44</v>
      </c>
      <c r="O5" s="266" t="s">
        <v>45</v>
      </c>
      <c r="P5" s="268" t="s">
        <v>83</v>
      </c>
      <c r="Q5" s="260" t="s">
        <v>47</v>
      </c>
      <c r="R5" s="260" t="s">
        <v>48</v>
      </c>
      <c r="S5" s="260" t="s">
        <v>49</v>
      </c>
      <c r="T5" s="260" t="s">
        <v>50</v>
      </c>
      <c r="U5" s="260" t="s">
        <v>51</v>
      </c>
      <c r="V5" s="266" t="s">
        <v>45</v>
      </c>
      <c r="W5" s="531"/>
      <c r="X5" s="312" t="s">
        <v>43</v>
      </c>
      <c r="Y5" s="260" t="s">
        <v>44</v>
      </c>
      <c r="Z5" s="269" t="s">
        <v>45</v>
      </c>
      <c r="AA5" s="268" t="s">
        <v>83</v>
      </c>
      <c r="AB5" s="260" t="s">
        <v>47</v>
      </c>
      <c r="AC5" s="260" t="s">
        <v>48</v>
      </c>
      <c r="AD5" s="260" t="s">
        <v>49</v>
      </c>
      <c r="AE5" s="260" t="s">
        <v>50</v>
      </c>
      <c r="AF5" s="260" t="s">
        <v>51</v>
      </c>
      <c r="AG5" s="266" t="s">
        <v>45</v>
      </c>
      <c r="AH5" s="531"/>
      <c r="AI5" s="264" t="s">
        <v>43</v>
      </c>
      <c r="AJ5" s="260" t="s">
        <v>44</v>
      </c>
      <c r="AK5" s="266" t="s">
        <v>45</v>
      </c>
      <c r="AL5" s="268" t="s">
        <v>83</v>
      </c>
      <c r="AM5" s="260" t="s">
        <v>47</v>
      </c>
      <c r="AN5" s="260" t="s">
        <v>48</v>
      </c>
      <c r="AO5" s="260" t="s">
        <v>49</v>
      </c>
      <c r="AP5" s="260" t="s">
        <v>50</v>
      </c>
      <c r="AQ5" s="260" t="s">
        <v>51</v>
      </c>
      <c r="AR5" s="266" t="s">
        <v>45</v>
      </c>
      <c r="AS5" s="531"/>
      <c r="AT5" s="312" t="s">
        <v>43</v>
      </c>
      <c r="AU5" s="260" t="s">
        <v>44</v>
      </c>
      <c r="AV5" s="269" t="s">
        <v>45</v>
      </c>
      <c r="AW5" s="268" t="s">
        <v>83</v>
      </c>
      <c r="AX5" s="260" t="s">
        <v>47</v>
      </c>
      <c r="AY5" s="260" t="s">
        <v>48</v>
      </c>
      <c r="AZ5" s="260" t="s">
        <v>49</v>
      </c>
      <c r="BA5" s="260" t="s">
        <v>50</v>
      </c>
      <c r="BB5" s="260" t="s">
        <v>51</v>
      </c>
      <c r="BC5" s="269" t="s">
        <v>45</v>
      </c>
      <c r="BD5" s="531"/>
      <c r="BE5" s="312" t="s">
        <v>43</v>
      </c>
      <c r="BF5" s="260" t="s">
        <v>44</v>
      </c>
      <c r="BG5" s="266" t="s">
        <v>45</v>
      </c>
      <c r="BH5" s="268" t="s">
        <v>83</v>
      </c>
      <c r="BI5" s="260" t="s">
        <v>47</v>
      </c>
      <c r="BJ5" s="260" t="s">
        <v>48</v>
      </c>
      <c r="BK5" s="260" t="s">
        <v>49</v>
      </c>
      <c r="BL5" s="260" t="s">
        <v>50</v>
      </c>
      <c r="BM5" s="260" t="s">
        <v>51</v>
      </c>
      <c r="BN5" s="266" t="s">
        <v>45</v>
      </c>
      <c r="BO5" s="531"/>
      <c r="BP5" s="312" t="s">
        <v>43</v>
      </c>
      <c r="BQ5" s="260" t="s">
        <v>44</v>
      </c>
      <c r="BR5" s="266" t="s">
        <v>45</v>
      </c>
      <c r="BS5" s="268" t="s">
        <v>83</v>
      </c>
      <c r="BT5" s="260" t="s">
        <v>47</v>
      </c>
      <c r="BU5" s="260" t="s">
        <v>48</v>
      </c>
      <c r="BV5" s="260" t="s">
        <v>49</v>
      </c>
      <c r="BW5" s="260" t="s">
        <v>50</v>
      </c>
      <c r="BX5" s="260" t="s">
        <v>51</v>
      </c>
      <c r="BY5" s="266" t="s">
        <v>45</v>
      </c>
      <c r="BZ5" s="531"/>
      <c r="CA5" s="312" t="s">
        <v>43</v>
      </c>
      <c r="CB5" s="260" t="s">
        <v>44</v>
      </c>
      <c r="CC5" s="266" t="s">
        <v>45</v>
      </c>
      <c r="CD5" s="268" t="s">
        <v>83</v>
      </c>
      <c r="CE5" s="260" t="s">
        <v>47</v>
      </c>
      <c r="CF5" s="260" t="s">
        <v>48</v>
      </c>
      <c r="CG5" s="260" t="s">
        <v>49</v>
      </c>
      <c r="CH5" s="260" t="s">
        <v>50</v>
      </c>
      <c r="CI5" s="260" t="s">
        <v>51</v>
      </c>
      <c r="CJ5" s="266" t="s">
        <v>45</v>
      </c>
      <c r="CK5" s="531"/>
      <c r="CL5" s="312" t="s">
        <v>43</v>
      </c>
      <c r="CM5" s="260" t="s">
        <v>44</v>
      </c>
      <c r="CN5" s="266" t="s">
        <v>45</v>
      </c>
      <c r="CO5" s="268" t="s">
        <v>83</v>
      </c>
      <c r="CP5" s="260" t="s">
        <v>47</v>
      </c>
      <c r="CQ5" s="260" t="s">
        <v>48</v>
      </c>
      <c r="CR5" s="260" t="s">
        <v>49</v>
      </c>
      <c r="CS5" s="260" t="s">
        <v>50</v>
      </c>
      <c r="CT5" s="260" t="s">
        <v>51</v>
      </c>
      <c r="CU5" s="266" t="s">
        <v>45</v>
      </c>
      <c r="CV5" s="531"/>
      <c r="CW5" s="366" t="s">
        <v>43</v>
      </c>
      <c r="CX5" s="260" t="s">
        <v>44</v>
      </c>
      <c r="CY5" s="266" t="s">
        <v>45</v>
      </c>
      <c r="CZ5" s="268" t="s">
        <v>83</v>
      </c>
      <c r="DA5" s="260" t="s">
        <v>47</v>
      </c>
      <c r="DB5" s="260" t="s">
        <v>48</v>
      </c>
      <c r="DC5" s="260" t="s">
        <v>49</v>
      </c>
      <c r="DD5" s="260" t="s">
        <v>50</v>
      </c>
      <c r="DE5" s="260" t="s">
        <v>51</v>
      </c>
      <c r="DF5" s="266" t="s">
        <v>45</v>
      </c>
      <c r="DG5" s="531"/>
    </row>
    <row r="6" spans="1:111" ht="18.75" customHeight="1" x14ac:dyDescent="0.2">
      <c r="A6" s="261" t="s">
        <v>4</v>
      </c>
      <c r="B6" s="270">
        <v>0</v>
      </c>
      <c r="C6" s="274">
        <v>0</v>
      </c>
      <c r="D6" s="384">
        <v>0</v>
      </c>
      <c r="E6" s="273">
        <v>0</v>
      </c>
      <c r="F6" s="274">
        <v>216559</v>
      </c>
      <c r="G6" s="274">
        <v>334005</v>
      </c>
      <c r="H6" s="274">
        <v>337596</v>
      </c>
      <c r="I6" s="274">
        <v>404980</v>
      </c>
      <c r="J6" s="274">
        <v>383384</v>
      </c>
      <c r="K6" s="275">
        <v>1676524</v>
      </c>
      <c r="L6" s="276">
        <v>1676524</v>
      </c>
      <c r="M6" s="270">
        <v>4</v>
      </c>
      <c r="N6" s="274">
        <v>146</v>
      </c>
      <c r="O6" s="271">
        <v>150</v>
      </c>
      <c r="P6" s="273">
        <v>0</v>
      </c>
      <c r="Q6" s="274">
        <v>476</v>
      </c>
      <c r="R6" s="274">
        <v>2190</v>
      </c>
      <c r="S6" s="274">
        <v>3796</v>
      </c>
      <c r="T6" s="274">
        <v>9057</v>
      </c>
      <c r="U6" s="274">
        <v>18691</v>
      </c>
      <c r="V6" s="271">
        <v>34210</v>
      </c>
      <c r="W6" s="276">
        <v>34360</v>
      </c>
      <c r="X6" s="270">
        <v>12776</v>
      </c>
      <c r="Y6" s="274">
        <v>41640</v>
      </c>
      <c r="Z6" s="271">
        <v>54416</v>
      </c>
      <c r="AA6" s="273">
        <v>0</v>
      </c>
      <c r="AB6" s="274">
        <v>100011</v>
      </c>
      <c r="AC6" s="274">
        <v>157879</v>
      </c>
      <c r="AD6" s="274">
        <v>99358</v>
      </c>
      <c r="AE6" s="274">
        <v>91025</v>
      </c>
      <c r="AF6" s="274">
        <v>76926</v>
      </c>
      <c r="AG6" s="271">
        <v>525199</v>
      </c>
      <c r="AH6" s="276">
        <v>579615</v>
      </c>
      <c r="AI6" s="270">
        <v>2244</v>
      </c>
      <c r="AJ6" s="274">
        <v>8345</v>
      </c>
      <c r="AK6" s="271">
        <v>10589</v>
      </c>
      <c r="AL6" s="273">
        <v>0</v>
      </c>
      <c r="AM6" s="274">
        <v>12129</v>
      </c>
      <c r="AN6" s="274">
        <v>20451</v>
      </c>
      <c r="AO6" s="274">
        <v>13980</v>
      </c>
      <c r="AP6" s="274">
        <v>12046</v>
      </c>
      <c r="AQ6" s="274">
        <v>7627</v>
      </c>
      <c r="AR6" s="271">
        <v>66233</v>
      </c>
      <c r="AS6" s="276">
        <v>76822</v>
      </c>
      <c r="AT6" s="270">
        <v>0</v>
      </c>
      <c r="AU6" s="274">
        <v>0</v>
      </c>
      <c r="AV6" s="271">
        <v>0</v>
      </c>
      <c r="AW6" s="273">
        <v>0</v>
      </c>
      <c r="AX6" s="274">
        <v>181741</v>
      </c>
      <c r="AY6" s="274">
        <v>181805</v>
      </c>
      <c r="AZ6" s="274">
        <v>114210</v>
      </c>
      <c r="BA6" s="274">
        <v>65643</v>
      </c>
      <c r="BB6" s="274">
        <v>31493</v>
      </c>
      <c r="BC6" s="275">
        <v>574892</v>
      </c>
      <c r="BD6" s="276">
        <v>574892</v>
      </c>
      <c r="BE6" s="270">
        <v>1</v>
      </c>
      <c r="BF6" s="274">
        <v>0</v>
      </c>
      <c r="BG6" s="271">
        <v>1</v>
      </c>
      <c r="BH6" s="273">
        <v>0</v>
      </c>
      <c r="BI6" s="274">
        <v>29782</v>
      </c>
      <c r="BJ6" s="274">
        <v>45155</v>
      </c>
      <c r="BK6" s="274">
        <v>26955</v>
      </c>
      <c r="BL6" s="274">
        <v>18009</v>
      </c>
      <c r="BM6" s="274">
        <v>6196</v>
      </c>
      <c r="BN6" s="271">
        <v>126097</v>
      </c>
      <c r="BO6" s="276">
        <v>126098</v>
      </c>
      <c r="BP6" s="270">
        <v>277</v>
      </c>
      <c r="BQ6" s="274">
        <v>984</v>
      </c>
      <c r="BR6" s="271">
        <v>1261</v>
      </c>
      <c r="BS6" s="273">
        <v>0</v>
      </c>
      <c r="BT6" s="274">
        <v>14773</v>
      </c>
      <c r="BU6" s="274">
        <v>30215</v>
      </c>
      <c r="BV6" s="274">
        <v>52099</v>
      </c>
      <c r="BW6" s="274">
        <v>42162</v>
      </c>
      <c r="BX6" s="274">
        <v>20099</v>
      </c>
      <c r="BY6" s="271">
        <v>159348</v>
      </c>
      <c r="BZ6" s="276">
        <v>160609</v>
      </c>
      <c r="CA6" s="270">
        <v>40</v>
      </c>
      <c r="CB6" s="274">
        <v>124</v>
      </c>
      <c r="CC6" s="271">
        <v>164</v>
      </c>
      <c r="CD6" s="273">
        <v>0</v>
      </c>
      <c r="CE6" s="274">
        <v>1063</v>
      </c>
      <c r="CF6" s="274">
        <v>2639</v>
      </c>
      <c r="CG6" s="274">
        <v>3656</v>
      </c>
      <c r="CH6" s="274">
        <v>3528</v>
      </c>
      <c r="CI6" s="274">
        <v>2315</v>
      </c>
      <c r="CJ6" s="271">
        <v>13201</v>
      </c>
      <c r="CK6" s="276">
        <v>13365</v>
      </c>
      <c r="CL6" s="270">
        <v>0</v>
      </c>
      <c r="CM6" s="274">
        <v>0</v>
      </c>
      <c r="CN6" s="271">
        <v>0</v>
      </c>
      <c r="CO6" s="273">
        <v>0</v>
      </c>
      <c r="CP6" s="274">
        <v>0</v>
      </c>
      <c r="CQ6" s="274">
        <v>0</v>
      </c>
      <c r="CR6" s="274">
        <v>0</v>
      </c>
      <c r="CS6" s="274">
        <v>0</v>
      </c>
      <c r="CT6" s="274">
        <v>0</v>
      </c>
      <c r="CU6" s="271">
        <v>0</v>
      </c>
      <c r="CV6" s="276">
        <v>0</v>
      </c>
      <c r="CW6" s="270">
        <v>0</v>
      </c>
      <c r="CX6" s="274">
        <v>0</v>
      </c>
      <c r="CY6" s="271">
        <v>0</v>
      </c>
      <c r="CZ6" s="273">
        <v>0</v>
      </c>
      <c r="DA6" s="274">
        <v>0</v>
      </c>
      <c r="DB6" s="274">
        <v>0</v>
      </c>
      <c r="DC6" s="274">
        <v>0</v>
      </c>
      <c r="DD6" s="274">
        <v>0</v>
      </c>
      <c r="DE6" s="274">
        <v>0</v>
      </c>
      <c r="DF6" s="271">
        <v>0</v>
      </c>
      <c r="DG6" s="276">
        <v>0</v>
      </c>
    </row>
    <row r="7" spans="1:111" ht="18.75" customHeight="1" x14ac:dyDescent="0.2">
      <c r="A7" s="262" t="s">
        <v>5</v>
      </c>
      <c r="B7" s="277">
        <v>0</v>
      </c>
      <c r="C7" s="281">
        <v>0</v>
      </c>
      <c r="D7" s="385">
        <v>0</v>
      </c>
      <c r="E7" s="280">
        <v>0</v>
      </c>
      <c r="F7" s="281">
        <v>71691</v>
      </c>
      <c r="G7" s="281">
        <v>147061</v>
      </c>
      <c r="H7" s="281">
        <v>129731</v>
      </c>
      <c r="I7" s="281">
        <v>142566</v>
      </c>
      <c r="J7" s="281">
        <v>144438</v>
      </c>
      <c r="K7" s="282">
        <v>635487</v>
      </c>
      <c r="L7" s="283">
        <v>635487</v>
      </c>
      <c r="M7" s="277">
        <v>2</v>
      </c>
      <c r="N7" s="281">
        <v>73</v>
      </c>
      <c r="O7" s="278">
        <v>75</v>
      </c>
      <c r="P7" s="280">
        <v>0</v>
      </c>
      <c r="Q7" s="281">
        <v>115</v>
      </c>
      <c r="R7" s="281">
        <v>767</v>
      </c>
      <c r="S7" s="281">
        <v>1487</v>
      </c>
      <c r="T7" s="281">
        <v>3614</v>
      </c>
      <c r="U7" s="281">
        <v>8197</v>
      </c>
      <c r="V7" s="278">
        <v>14180</v>
      </c>
      <c r="W7" s="283">
        <v>14255</v>
      </c>
      <c r="X7" s="277">
        <v>5472</v>
      </c>
      <c r="Y7" s="281">
        <v>21717</v>
      </c>
      <c r="Z7" s="278">
        <v>27189</v>
      </c>
      <c r="AA7" s="280">
        <v>0</v>
      </c>
      <c r="AB7" s="281">
        <v>36422</v>
      </c>
      <c r="AC7" s="281">
        <v>84214</v>
      </c>
      <c r="AD7" s="281">
        <v>49180</v>
      </c>
      <c r="AE7" s="281">
        <v>42230</v>
      </c>
      <c r="AF7" s="281">
        <v>35314</v>
      </c>
      <c r="AG7" s="278">
        <v>247360</v>
      </c>
      <c r="AH7" s="283">
        <v>274549</v>
      </c>
      <c r="AI7" s="277">
        <v>904</v>
      </c>
      <c r="AJ7" s="281">
        <v>4285</v>
      </c>
      <c r="AK7" s="278">
        <v>5189</v>
      </c>
      <c r="AL7" s="280">
        <v>0</v>
      </c>
      <c r="AM7" s="281">
        <v>2820</v>
      </c>
      <c r="AN7" s="281">
        <v>8731</v>
      </c>
      <c r="AO7" s="281">
        <v>5661</v>
      </c>
      <c r="AP7" s="281">
        <v>4837</v>
      </c>
      <c r="AQ7" s="281">
        <v>2943</v>
      </c>
      <c r="AR7" s="278">
        <v>24992</v>
      </c>
      <c r="AS7" s="283">
        <v>30181</v>
      </c>
      <c r="AT7" s="277">
        <v>0</v>
      </c>
      <c r="AU7" s="281">
        <v>0</v>
      </c>
      <c r="AV7" s="278">
        <v>0</v>
      </c>
      <c r="AW7" s="280">
        <v>0</v>
      </c>
      <c r="AX7" s="281">
        <v>56255</v>
      </c>
      <c r="AY7" s="281">
        <v>73945</v>
      </c>
      <c r="AZ7" s="281">
        <v>40541</v>
      </c>
      <c r="BA7" s="281">
        <v>21847</v>
      </c>
      <c r="BB7" s="281">
        <v>10782</v>
      </c>
      <c r="BC7" s="282">
        <v>203370</v>
      </c>
      <c r="BD7" s="283">
        <v>203370</v>
      </c>
      <c r="BE7" s="277">
        <v>0</v>
      </c>
      <c r="BF7" s="281">
        <v>0</v>
      </c>
      <c r="BG7" s="278">
        <v>0</v>
      </c>
      <c r="BH7" s="280">
        <v>0</v>
      </c>
      <c r="BI7" s="281">
        <v>8594</v>
      </c>
      <c r="BJ7" s="281">
        <v>20509</v>
      </c>
      <c r="BK7" s="281">
        <v>11759</v>
      </c>
      <c r="BL7" s="281">
        <v>7377</v>
      </c>
      <c r="BM7" s="281">
        <v>2713</v>
      </c>
      <c r="BN7" s="278">
        <v>50952</v>
      </c>
      <c r="BO7" s="283">
        <v>50952</v>
      </c>
      <c r="BP7" s="277">
        <v>84</v>
      </c>
      <c r="BQ7" s="281">
        <v>422</v>
      </c>
      <c r="BR7" s="278">
        <v>506</v>
      </c>
      <c r="BS7" s="280">
        <v>0</v>
      </c>
      <c r="BT7" s="281">
        <v>4264</v>
      </c>
      <c r="BU7" s="281">
        <v>11936</v>
      </c>
      <c r="BV7" s="281">
        <v>19336</v>
      </c>
      <c r="BW7" s="281">
        <v>15341</v>
      </c>
      <c r="BX7" s="281">
        <v>7349</v>
      </c>
      <c r="BY7" s="278">
        <v>58226</v>
      </c>
      <c r="BZ7" s="283">
        <v>58732</v>
      </c>
      <c r="CA7" s="277">
        <v>4</v>
      </c>
      <c r="CB7" s="281">
        <v>110</v>
      </c>
      <c r="CC7" s="278">
        <v>114</v>
      </c>
      <c r="CD7" s="280">
        <v>0</v>
      </c>
      <c r="CE7" s="281">
        <v>462</v>
      </c>
      <c r="CF7" s="281">
        <v>1711</v>
      </c>
      <c r="CG7" s="281">
        <v>2001</v>
      </c>
      <c r="CH7" s="281">
        <v>2052</v>
      </c>
      <c r="CI7" s="281">
        <v>1459</v>
      </c>
      <c r="CJ7" s="278">
        <v>7685</v>
      </c>
      <c r="CK7" s="283">
        <v>7799</v>
      </c>
      <c r="CL7" s="277">
        <v>0</v>
      </c>
      <c r="CM7" s="281">
        <v>0</v>
      </c>
      <c r="CN7" s="278">
        <v>0</v>
      </c>
      <c r="CO7" s="280">
        <v>0</v>
      </c>
      <c r="CP7" s="281">
        <v>0</v>
      </c>
      <c r="CQ7" s="281">
        <v>0</v>
      </c>
      <c r="CR7" s="281">
        <v>0</v>
      </c>
      <c r="CS7" s="281">
        <v>0</v>
      </c>
      <c r="CT7" s="281">
        <v>0</v>
      </c>
      <c r="CU7" s="278">
        <v>0</v>
      </c>
      <c r="CV7" s="283">
        <v>0</v>
      </c>
      <c r="CW7" s="277">
        <v>0</v>
      </c>
      <c r="CX7" s="281">
        <v>0</v>
      </c>
      <c r="CY7" s="278">
        <v>0</v>
      </c>
      <c r="CZ7" s="280">
        <v>0</v>
      </c>
      <c r="DA7" s="281">
        <v>0</v>
      </c>
      <c r="DB7" s="281">
        <v>0</v>
      </c>
      <c r="DC7" s="281">
        <v>0</v>
      </c>
      <c r="DD7" s="281">
        <v>0</v>
      </c>
      <c r="DE7" s="281">
        <v>0</v>
      </c>
      <c r="DF7" s="278">
        <v>0</v>
      </c>
      <c r="DG7" s="283">
        <v>0</v>
      </c>
    </row>
    <row r="8" spans="1:111" ht="18.75" customHeight="1" x14ac:dyDescent="0.2">
      <c r="A8" s="262" t="s">
        <v>6</v>
      </c>
      <c r="B8" s="277">
        <v>0</v>
      </c>
      <c r="C8" s="281">
        <v>0</v>
      </c>
      <c r="D8" s="385">
        <v>0</v>
      </c>
      <c r="E8" s="280">
        <v>0</v>
      </c>
      <c r="F8" s="281">
        <v>37904</v>
      </c>
      <c r="G8" s="281">
        <v>48605</v>
      </c>
      <c r="H8" s="281">
        <v>52807</v>
      </c>
      <c r="I8" s="281">
        <v>66527</v>
      </c>
      <c r="J8" s="281">
        <v>64931</v>
      </c>
      <c r="K8" s="282">
        <v>270774</v>
      </c>
      <c r="L8" s="283">
        <v>270774</v>
      </c>
      <c r="M8" s="277">
        <v>0</v>
      </c>
      <c r="N8" s="281">
        <v>26</v>
      </c>
      <c r="O8" s="278">
        <v>26</v>
      </c>
      <c r="P8" s="280">
        <v>0</v>
      </c>
      <c r="Q8" s="281">
        <v>64</v>
      </c>
      <c r="R8" s="281">
        <v>278</v>
      </c>
      <c r="S8" s="281">
        <v>485</v>
      </c>
      <c r="T8" s="281">
        <v>1315</v>
      </c>
      <c r="U8" s="281">
        <v>2692</v>
      </c>
      <c r="V8" s="278">
        <v>4834</v>
      </c>
      <c r="W8" s="283">
        <v>4860</v>
      </c>
      <c r="X8" s="277">
        <v>2228</v>
      </c>
      <c r="Y8" s="281">
        <v>6391</v>
      </c>
      <c r="Z8" s="278">
        <v>8619</v>
      </c>
      <c r="AA8" s="280">
        <v>0</v>
      </c>
      <c r="AB8" s="281">
        <v>21794</v>
      </c>
      <c r="AC8" s="281">
        <v>22627</v>
      </c>
      <c r="AD8" s="281">
        <v>15301</v>
      </c>
      <c r="AE8" s="281">
        <v>15485</v>
      </c>
      <c r="AF8" s="281">
        <v>12952</v>
      </c>
      <c r="AG8" s="278">
        <v>88159</v>
      </c>
      <c r="AH8" s="283">
        <v>96778</v>
      </c>
      <c r="AI8" s="277">
        <v>246</v>
      </c>
      <c r="AJ8" s="281">
        <v>671</v>
      </c>
      <c r="AK8" s="278">
        <v>917</v>
      </c>
      <c r="AL8" s="280">
        <v>0</v>
      </c>
      <c r="AM8" s="281">
        <v>2180</v>
      </c>
      <c r="AN8" s="281">
        <v>3191</v>
      </c>
      <c r="AO8" s="281">
        <v>2006</v>
      </c>
      <c r="AP8" s="281">
        <v>1701</v>
      </c>
      <c r="AQ8" s="281">
        <v>1133</v>
      </c>
      <c r="AR8" s="278">
        <v>10211</v>
      </c>
      <c r="AS8" s="283">
        <v>11128</v>
      </c>
      <c r="AT8" s="277">
        <v>0</v>
      </c>
      <c r="AU8" s="281">
        <v>0</v>
      </c>
      <c r="AV8" s="278">
        <v>0</v>
      </c>
      <c r="AW8" s="280">
        <v>0</v>
      </c>
      <c r="AX8" s="281">
        <v>31489</v>
      </c>
      <c r="AY8" s="281">
        <v>23701</v>
      </c>
      <c r="AZ8" s="281">
        <v>15722</v>
      </c>
      <c r="BA8" s="281">
        <v>10144</v>
      </c>
      <c r="BB8" s="281">
        <v>4937</v>
      </c>
      <c r="BC8" s="282">
        <v>85993</v>
      </c>
      <c r="BD8" s="283">
        <v>85993</v>
      </c>
      <c r="BE8" s="277">
        <v>1</v>
      </c>
      <c r="BF8" s="281">
        <v>0</v>
      </c>
      <c r="BG8" s="278">
        <v>1</v>
      </c>
      <c r="BH8" s="280">
        <v>0</v>
      </c>
      <c r="BI8" s="281">
        <v>4338</v>
      </c>
      <c r="BJ8" s="281">
        <v>5249</v>
      </c>
      <c r="BK8" s="281">
        <v>3780</v>
      </c>
      <c r="BL8" s="281">
        <v>2722</v>
      </c>
      <c r="BM8" s="281">
        <v>873</v>
      </c>
      <c r="BN8" s="278">
        <v>16962</v>
      </c>
      <c r="BO8" s="283">
        <v>16963</v>
      </c>
      <c r="BP8" s="277">
        <v>15</v>
      </c>
      <c r="BQ8" s="281">
        <v>106</v>
      </c>
      <c r="BR8" s="278">
        <v>121</v>
      </c>
      <c r="BS8" s="280">
        <v>0</v>
      </c>
      <c r="BT8" s="281">
        <v>1918</v>
      </c>
      <c r="BU8" s="281">
        <v>3069</v>
      </c>
      <c r="BV8" s="281">
        <v>5094</v>
      </c>
      <c r="BW8" s="281">
        <v>4989</v>
      </c>
      <c r="BX8" s="281">
        <v>2596</v>
      </c>
      <c r="BY8" s="278">
        <v>17666</v>
      </c>
      <c r="BZ8" s="283">
        <v>17787</v>
      </c>
      <c r="CA8" s="277">
        <v>22</v>
      </c>
      <c r="CB8" s="281">
        <v>0</v>
      </c>
      <c r="CC8" s="278">
        <v>22</v>
      </c>
      <c r="CD8" s="280">
        <v>0</v>
      </c>
      <c r="CE8" s="281">
        <v>155</v>
      </c>
      <c r="CF8" s="281">
        <v>271</v>
      </c>
      <c r="CG8" s="281">
        <v>503</v>
      </c>
      <c r="CH8" s="281">
        <v>575</v>
      </c>
      <c r="CI8" s="281">
        <v>236</v>
      </c>
      <c r="CJ8" s="278">
        <v>1740</v>
      </c>
      <c r="CK8" s="283">
        <v>1762</v>
      </c>
      <c r="CL8" s="277">
        <v>0</v>
      </c>
      <c r="CM8" s="281">
        <v>0</v>
      </c>
      <c r="CN8" s="278">
        <v>0</v>
      </c>
      <c r="CO8" s="280">
        <v>0</v>
      </c>
      <c r="CP8" s="281">
        <v>0</v>
      </c>
      <c r="CQ8" s="281">
        <v>0</v>
      </c>
      <c r="CR8" s="281">
        <v>0</v>
      </c>
      <c r="CS8" s="281">
        <v>0</v>
      </c>
      <c r="CT8" s="281">
        <v>0</v>
      </c>
      <c r="CU8" s="278">
        <v>0</v>
      </c>
      <c r="CV8" s="283">
        <v>0</v>
      </c>
      <c r="CW8" s="277">
        <v>0</v>
      </c>
      <c r="CX8" s="281">
        <v>0</v>
      </c>
      <c r="CY8" s="278">
        <v>0</v>
      </c>
      <c r="CZ8" s="280">
        <v>0</v>
      </c>
      <c r="DA8" s="281">
        <v>0</v>
      </c>
      <c r="DB8" s="281">
        <v>0</v>
      </c>
      <c r="DC8" s="281">
        <v>0</v>
      </c>
      <c r="DD8" s="281">
        <v>0</v>
      </c>
      <c r="DE8" s="281">
        <v>0</v>
      </c>
      <c r="DF8" s="278">
        <v>0</v>
      </c>
      <c r="DG8" s="283">
        <v>0</v>
      </c>
    </row>
    <row r="9" spans="1:111" ht="18.75" customHeight="1" x14ac:dyDescent="0.2">
      <c r="A9" s="262" t="s">
        <v>14</v>
      </c>
      <c r="B9" s="277">
        <v>0</v>
      </c>
      <c r="C9" s="281">
        <v>0</v>
      </c>
      <c r="D9" s="385">
        <v>0</v>
      </c>
      <c r="E9" s="280">
        <v>0</v>
      </c>
      <c r="F9" s="281">
        <v>14394</v>
      </c>
      <c r="G9" s="281">
        <v>23940</v>
      </c>
      <c r="H9" s="281">
        <v>24378</v>
      </c>
      <c r="I9" s="281">
        <v>26965</v>
      </c>
      <c r="J9" s="281">
        <v>21558</v>
      </c>
      <c r="K9" s="282">
        <v>111235</v>
      </c>
      <c r="L9" s="283">
        <v>111235</v>
      </c>
      <c r="M9" s="277">
        <v>0</v>
      </c>
      <c r="N9" s="281">
        <v>11</v>
      </c>
      <c r="O9" s="278">
        <v>11</v>
      </c>
      <c r="P9" s="280">
        <v>0</v>
      </c>
      <c r="Q9" s="281">
        <v>24</v>
      </c>
      <c r="R9" s="281">
        <v>103</v>
      </c>
      <c r="S9" s="281">
        <v>255</v>
      </c>
      <c r="T9" s="281">
        <v>581</v>
      </c>
      <c r="U9" s="281">
        <v>1251</v>
      </c>
      <c r="V9" s="278">
        <v>2214</v>
      </c>
      <c r="W9" s="283">
        <v>2225</v>
      </c>
      <c r="X9" s="277">
        <v>752</v>
      </c>
      <c r="Y9" s="281">
        <v>3111</v>
      </c>
      <c r="Z9" s="278">
        <v>3863</v>
      </c>
      <c r="AA9" s="280">
        <v>0</v>
      </c>
      <c r="AB9" s="281">
        <v>4961</v>
      </c>
      <c r="AC9" s="281">
        <v>9961</v>
      </c>
      <c r="AD9" s="281">
        <v>7159</v>
      </c>
      <c r="AE9" s="281">
        <v>7172</v>
      </c>
      <c r="AF9" s="281">
        <v>5461</v>
      </c>
      <c r="AG9" s="278">
        <v>34714</v>
      </c>
      <c r="AH9" s="283">
        <v>38577</v>
      </c>
      <c r="AI9" s="277">
        <v>85</v>
      </c>
      <c r="AJ9" s="281">
        <v>450</v>
      </c>
      <c r="AK9" s="278">
        <v>535</v>
      </c>
      <c r="AL9" s="280">
        <v>0</v>
      </c>
      <c r="AM9" s="281">
        <v>247</v>
      </c>
      <c r="AN9" s="281">
        <v>863</v>
      </c>
      <c r="AO9" s="281">
        <v>899</v>
      </c>
      <c r="AP9" s="281">
        <v>573</v>
      </c>
      <c r="AQ9" s="281">
        <v>320</v>
      </c>
      <c r="AR9" s="278">
        <v>2902</v>
      </c>
      <c r="AS9" s="283">
        <v>3437</v>
      </c>
      <c r="AT9" s="277">
        <v>0</v>
      </c>
      <c r="AU9" s="281">
        <v>0</v>
      </c>
      <c r="AV9" s="278">
        <v>0</v>
      </c>
      <c r="AW9" s="280">
        <v>0</v>
      </c>
      <c r="AX9" s="281">
        <v>12845</v>
      </c>
      <c r="AY9" s="281">
        <v>14553</v>
      </c>
      <c r="AZ9" s="281">
        <v>11554</v>
      </c>
      <c r="BA9" s="281">
        <v>6899</v>
      </c>
      <c r="BB9" s="281">
        <v>3300</v>
      </c>
      <c r="BC9" s="282">
        <v>49151</v>
      </c>
      <c r="BD9" s="283">
        <v>49151</v>
      </c>
      <c r="BE9" s="277">
        <v>0</v>
      </c>
      <c r="BF9" s="281">
        <v>0</v>
      </c>
      <c r="BG9" s="278">
        <v>0</v>
      </c>
      <c r="BH9" s="280">
        <v>0</v>
      </c>
      <c r="BI9" s="281">
        <v>947</v>
      </c>
      <c r="BJ9" s="281">
        <v>2653</v>
      </c>
      <c r="BK9" s="281">
        <v>1581</v>
      </c>
      <c r="BL9" s="281">
        <v>1412</v>
      </c>
      <c r="BM9" s="281">
        <v>377</v>
      </c>
      <c r="BN9" s="278">
        <v>6970</v>
      </c>
      <c r="BO9" s="283">
        <v>6970</v>
      </c>
      <c r="BP9" s="277">
        <v>7</v>
      </c>
      <c r="BQ9" s="281">
        <v>57</v>
      </c>
      <c r="BR9" s="278">
        <v>64</v>
      </c>
      <c r="BS9" s="280">
        <v>0</v>
      </c>
      <c r="BT9" s="281">
        <v>1059</v>
      </c>
      <c r="BU9" s="281">
        <v>2286</v>
      </c>
      <c r="BV9" s="281">
        <v>4768</v>
      </c>
      <c r="BW9" s="281">
        <v>4574</v>
      </c>
      <c r="BX9" s="281">
        <v>1694</v>
      </c>
      <c r="BY9" s="278">
        <v>14381</v>
      </c>
      <c r="BZ9" s="283">
        <v>14445</v>
      </c>
      <c r="CA9" s="277">
        <v>0</v>
      </c>
      <c r="CB9" s="281">
        <v>0</v>
      </c>
      <c r="CC9" s="278">
        <v>0</v>
      </c>
      <c r="CD9" s="280">
        <v>0</v>
      </c>
      <c r="CE9" s="281">
        <v>20</v>
      </c>
      <c r="CF9" s="281">
        <v>36</v>
      </c>
      <c r="CG9" s="281">
        <v>94</v>
      </c>
      <c r="CH9" s="281">
        <v>111</v>
      </c>
      <c r="CI9" s="281">
        <v>43</v>
      </c>
      <c r="CJ9" s="278">
        <v>304</v>
      </c>
      <c r="CK9" s="283">
        <v>304</v>
      </c>
      <c r="CL9" s="277">
        <v>0</v>
      </c>
      <c r="CM9" s="281">
        <v>0</v>
      </c>
      <c r="CN9" s="278">
        <v>0</v>
      </c>
      <c r="CO9" s="280">
        <v>0</v>
      </c>
      <c r="CP9" s="281">
        <v>0</v>
      </c>
      <c r="CQ9" s="281">
        <v>0</v>
      </c>
      <c r="CR9" s="281">
        <v>0</v>
      </c>
      <c r="CS9" s="281">
        <v>0</v>
      </c>
      <c r="CT9" s="281">
        <v>0</v>
      </c>
      <c r="CU9" s="278">
        <v>0</v>
      </c>
      <c r="CV9" s="283">
        <v>0</v>
      </c>
      <c r="CW9" s="277">
        <v>0</v>
      </c>
      <c r="CX9" s="281">
        <v>0</v>
      </c>
      <c r="CY9" s="278">
        <v>0</v>
      </c>
      <c r="CZ9" s="280">
        <v>0</v>
      </c>
      <c r="DA9" s="281">
        <v>0</v>
      </c>
      <c r="DB9" s="281">
        <v>0</v>
      </c>
      <c r="DC9" s="281">
        <v>0</v>
      </c>
      <c r="DD9" s="281">
        <v>0</v>
      </c>
      <c r="DE9" s="281">
        <v>0</v>
      </c>
      <c r="DF9" s="278">
        <v>0</v>
      </c>
      <c r="DG9" s="283">
        <v>0</v>
      </c>
    </row>
    <row r="10" spans="1:111" ht="18.75" customHeight="1" x14ac:dyDescent="0.2">
      <c r="A10" s="262" t="s">
        <v>7</v>
      </c>
      <c r="B10" s="277">
        <v>0</v>
      </c>
      <c r="C10" s="281">
        <v>0</v>
      </c>
      <c r="D10" s="385">
        <v>0</v>
      </c>
      <c r="E10" s="280">
        <v>0</v>
      </c>
      <c r="F10" s="281">
        <v>16872</v>
      </c>
      <c r="G10" s="281">
        <v>18545</v>
      </c>
      <c r="H10" s="281">
        <v>19646</v>
      </c>
      <c r="I10" s="281">
        <v>26863</v>
      </c>
      <c r="J10" s="281">
        <v>21465</v>
      </c>
      <c r="K10" s="282">
        <v>103391</v>
      </c>
      <c r="L10" s="283">
        <v>103391</v>
      </c>
      <c r="M10" s="277">
        <v>0</v>
      </c>
      <c r="N10" s="281">
        <v>0</v>
      </c>
      <c r="O10" s="278">
        <v>0</v>
      </c>
      <c r="P10" s="280">
        <v>0</v>
      </c>
      <c r="Q10" s="281">
        <v>59</v>
      </c>
      <c r="R10" s="281">
        <v>161</v>
      </c>
      <c r="S10" s="281">
        <v>261</v>
      </c>
      <c r="T10" s="281">
        <v>608</v>
      </c>
      <c r="U10" s="281">
        <v>1043</v>
      </c>
      <c r="V10" s="278">
        <v>2132</v>
      </c>
      <c r="W10" s="283">
        <v>2132</v>
      </c>
      <c r="X10" s="277">
        <v>87</v>
      </c>
      <c r="Y10" s="281">
        <v>174</v>
      </c>
      <c r="Z10" s="278">
        <v>261</v>
      </c>
      <c r="AA10" s="280">
        <v>0</v>
      </c>
      <c r="AB10" s="281">
        <v>3793</v>
      </c>
      <c r="AC10" s="281">
        <v>4632</v>
      </c>
      <c r="AD10" s="281">
        <v>3279</v>
      </c>
      <c r="AE10" s="281">
        <v>3336</v>
      </c>
      <c r="AF10" s="281">
        <v>2719</v>
      </c>
      <c r="AG10" s="278">
        <v>17759</v>
      </c>
      <c r="AH10" s="283">
        <v>18020</v>
      </c>
      <c r="AI10" s="277">
        <v>34</v>
      </c>
      <c r="AJ10" s="281">
        <v>46</v>
      </c>
      <c r="AK10" s="278">
        <v>80</v>
      </c>
      <c r="AL10" s="280">
        <v>0</v>
      </c>
      <c r="AM10" s="281">
        <v>505</v>
      </c>
      <c r="AN10" s="281">
        <v>591</v>
      </c>
      <c r="AO10" s="281">
        <v>285</v>
      </c>
      <c r="AP10" s="281">
        <v>483</v>
      </c>
      <c r="AQ10" s="281">
        <v>312</v>
      </c>
      <c r="AR10" s="278">
        <v>2176</v>
      </c>
      <c r="AS10" s="283">
        <v>2256</v>
      </c>
      <c r="AT10" s="277">
        <v>0</v>
      </c>
      <c r="AU10" s="281">
        <v>0</v>
      </c>
      <c r="AV10" s="278">
        <v>0</v>
      </c>
      <c r="AW10" s="280">
        <v>0</v>
      </c>
      <c r="AX10" s="281">
        <v>13541</v>
      </c>
      <c r="AY10" s="281">
        <v>9507</v>
      </c>
      <c r="AZ10" s="281">
        <v>5463</v>
      </c>
      <c r="BA10" s="281">
        <v>3326</v>
      </c>
      <c r="BB10" s="281">
        <v>1214</v>
      </c>
      <c r="BC10" s="282">
        <v>33051</v>
      </c>
      <c r="BD10" s="283">
        <v>33051</v>
      </c>
      <c r="BE10" s="277">
        <v>0</v>
      </c>
      <c r="BF10" s="281">
        <v>0</v>
      </c>
      <c r="BG10" s="278">
        <v>0</v>
      </c>
      <c r="BH10" s="280">
        <v>0</v>
      </c>
      <c r="BI10" s="281">
        <v>2008</v>
      </c>
      <c r="BJ10" s="281">
        <v>1791</v>
      </c>
      <c r="BK10" s="281">
        <v>1132</v>
      </c>
      <c r="BL10" s="281">
        <v>551</v>
      </c>
      <c r="BM10" s="281">
        <v>123</v>
      </c>
      <c r="BN10" s="278">
        <v>5605</v>
      </c>
      <c r="BO10" s="283">
        <v>5605</v>
      </c>
      <c r="BP10" s="277">
        <v>5</v>
      </c>
      <c r="BQ10" s="281">
        <v>13</v>
      </c>
      <c r="BR10" s="278">
        <v>18</v>
      </c>
      <c r="BS10" s="280">
        <v>0</v>
      </c>
      <c r="BT10" s="281">
        <v>1630</v>
      </c>
      <c r="BU10" s="281">
        <v>2385</v>
      </c>
      <c r="BV10" s="281">
        <v>2436</v>
      </c>
      <c r="BW10" s="281">
        <v>1869</v>
      </c>
      <c r="BX10" s="281">
        <v>1016</v>
      </c>
      <c r="BY10" s="278">
        <v>9336</v>
      </c>
      <c r="BZ10" s="283">
        <v>9354</v>
      </c>
      <c r="CA10" s="277">
        <v>4</v>
      </c>
      <c r="CB10" s="281">
        <v>0</v>
      </c>
      <c r="CC10" s="278">
        <v>4</v>
      </c>
      <c r="CD10" s="280">
        <v>0</v>
      </c>
      <c r="CE10" s="281">
        <v>22</v>
      </c>
      <c r="CF10" s="281">
        <v>61</v>
      </c>
      <c r="CG10" s="281">
        <v>102</v>
      </c>
      <c r="CH10" s="281">
        <v>37</v>
      </c>
      <c r="CI10" s="281">
        <v>100</v>
      </c>
      <c r="CJ10" s="278">
        <v>322</v>
      </c>
      <c r="CK10" s="283">
        <v>326</v>
      </c>
      <c r="CL10" s="277">
        <v>0</v>
      </c>
      <c r="CM10" s="281">
        <v>0</v>
      </c>
      <c r="CN10" s="278">
        <v>0</v>
      </c>
      <c r="CO10" s="280">
        <v>0</v>
      </c>
      <c r="CP10" s="281">
        <v>0</v>
      </c>
      <c r="CQ10" s="281">
        <v>0</v>
      </c>
      <c r="CR10" s="281">
        <v>0</v>
      </c>
      <c r="CS10" s="281">
        <v>0</v>
      </c>
      <c r="CT10" s="281">
        <v>0</v>
      </c>
      <c r="CU10" s="278">
        <v>0</v>
      </c>
      <c r="CV10" s="283">
        <v>0</v>
      </c>
      <c r="CW10" s="277">
        <v>0</v>
      </c>
      <c r="CX10" s="281">
        <v>0</v>
      </c>
      <c r="CY10" s="278">
        <v>0</v>
      </c>
      <c r="CZ10" s="280">
        <v>0</v>
      </c>
      <c r="DA10" s="281">
        <v>0</v>
      </c>
      <c r="DB10" s="281">
        <v>0</v>
      </c>
      <c r="DC10" s="281">
        <v>0</v>
      </c>
      <c r="DD10" s="281">
        <v>0</v>
      </c>
      <c r="DE10" s="281">
        <v>0</v>
      </c>
      <c r="DF10" s="278">
        <v>0</v>
      </c>
      <c r="DG10" s="283">
        <v>0</v>
      </c>
    </row>
    <row r="11" spans="1:111" ht="18.75" customHeight="1" x14ac:dyDescent="0.2">
      <c r="A11" s="262" t="s">
        <v>8</v>
      </c>
      <c r="B11" s="277">
        <v>0</v>
      </c>
      <c r="C11" s="281">
        <v>0</v>
      </c>
      <c r="D11" s="385">
        <v>0</v>
      </c>
      <c r="E11" s="280">
        <v>0</v>
      </c>
      <c r="F11" s="281">
        <v>6992</v>
      </c>
      <c r="G11" s="281">
        <v>10639</v>
      </c>
      <c r="H11" s="281">
        <v>13109</v>
      </c>
      <c r="I11" s="281">
        <v>12890</v>
      </c>
      <c r="J11" s="281">
        <v>12935</v>
      </c>
      <c r="K11" s="282">
        <v>56565</v>
      </c>
      <c r="L11" s="283">
        <v>56565</v>
      </c>
      <c r="M11" s="277">
        <v>0</v>
      </c>
      <c r="N11" s="281">
        <v>0</v>
      </c>
      <c r="O11" s="278">
        <v>0</v>
      </c>
      <c r="P11" s="280">
        <v>0</v>
      </c>
      <c r="Q11" s="281">
        <v>19</v>
      </c>
      <c r="R11" s="281">
        <v>71</v>
      </c>
      <c r="S11" s="281">
        <v>148</v>
      </c>
      <c r="T11" s="281">
        <v>245</v>
      </c>
      <c r="U11" s="281">
        <v>500</v>
      </c>
      <c r="V11" s="278">
        <v>983</v>
      </c>
      <c r="W11" s="283">
        <v>983</v>
      </c>
      <c r="X11" s="277">
        <v>196</v>
      </c>
      <c r="Y11" s="281">
        <v>415</v>
      </c>
      <c r="Z11" s="278">
        <v>611</v>
      </c>
      <c r="AA11" s="280">
        <v>0</v>
      </c>
      <c r="AB11" s="281">
        <v>1590</v>
      </c>
      <c r="AC11" s="281">
        <v>2562</v>
      </c>
      <c r="AD11" s="281">
        <v>1700</v>
      </c>
      <c r="AE11" s="281">
        <v>1444</v>
      </c>
      <c r="AF11" s="281">
        <v>1605</v>
      </c>
      <c r="AG11" s="278">
        <v>8901</v>
      </c>
      <c r="AH11" s="283">
        <v>9512</v>
      </c>
      <c r="AI11" s="277">
        <v>43</v>
      </c>
      <c r="AJ11" s="281">
        <v>163</v>
      </c>
      <c r="AK11" s="278">
        <v>206</v>
      </c>
      <c r="AL11" s="280">
        <v>0</v>
      </c>
      <c r="AM11" s="281">
        <v>633</v>
      </c>
      <c r="AN11" s="281">
        <v>1006</v>
      </c>
      <c r="AO11" s="281">
        <v>684</v>
      </c>
      <c r="AP11" s="281">
        <v>405</v>
      </c>
      <c r="AQ11" s="281">
        <v>309</v>
      </c>
      <c r="AR11" s="278">
        <v>3037</v>
      </c>
      <c r="AS11" s="283">
        <v>3243</v>
      </c>
      <c r="AT11" s="277">
        <v>0</v>
      </c>
      <c r="AU11" s="281">
        <v>0</v>
      </c>
      <c r="AV11" s="278">
        <v>0</v>
      </c>
      <c r="AW11" s="280">
        <v>0</v>
      </c>
      <c r="AX11" s="281">
        <v>5414</v>
      </c>
      <c r="AY11" s="281">
        <v>5725</v>
      </c>
      <c r="AZ11" s="281">
        <v>4280</v>
      </c>
      <c r="BA11" s="281">
        <v>1998</v>
      </c>
      <c r="BB11" s="281">
        <v>1439</v>
      </c>
      <c r="BC11" s="282">
        <v>18856</v>
      </c>
      <c r="BD11" s="283">
        <v>18856</v>
      </c>
      <c r="BE11" s="277">
        <v>0</v>
      </c>
      <c r="BF11" s="281">
        <v>0</v>
      </c>
      <c r="BG11" s="278">
        <v>0</v>
      </c>
      <c r="BH11" s="280">
        <v>0</v>
      </c>
      <c r="BI11" s="281">
        <v>751</v>
      </c>
      <c r="BJ11" s="281">
        <v>1186</v>
      </c>
      <c r="BK11" s="281">
        <v>602</v>
      </c>
      <c r="BL11" s="281">
        <v>437</v>
      </c>
      <c r="BM11" s="281">
        <v>101</v>
      </c>
      <c r="BN11" s="278">
        <v>3077</v>
      </c>
      <c r="BO11" s="283">
        <v>3077</v>
      </c>
      <c r="BP11" s="277">
        <v>8</v>
      </c>
      <c r="BQ11" s="281">
        <v>36</v>
      </c>
      <c r="BR11" s="278">
        <v>44</v>
      </c>
      <c r="BS11" s="280">
        <v>0</v>
      </c>
      <c r="BT11" s="281">
        <v>373</v>
      </c>
      <c r="BU11" s="281">
        <v>1182</v>
      </c>
      <c r="BV11" s="281">
        <v>2523</v>
      </c>
      <c r="BW11" s="281">
        <v>1492</v>
      </c>
      <c r="BX11" s="281">
        <v>875</v>
      </c>
      <c r="BY11" s="278">
        <v>6445</v>
      </c>
      <c r="BZ11" s="283">
        <v>6489</v>
      </c>
      <c r="CA11" s="277">
        <v>0</v>
      </c>
      <c r="CB11" s="281">
        <v>0</v>
      </c>
      <c r="CC11" s="278">
        <v>0</v>
      </c>
      <c r="CD11" s="280">
        <v>0</v>
      </c>
      <c r="CE11" s="281">
        <v>6</v>
      </c>
      <c r="CF11" s="281">
        <v>39</v>
      </c>
      <c r="CG11" s="281">
        <v>75</v>
      </c>
      <c r="CH11" s="281">
        <v>6</v>
      </c>
      <c r="CI11" s="281">
        <v>0</v>
      </c>
      <c r="CJ11" s="278">
        <v>126</v>
      </c>
      <c r="CK11" s="283">
        <v>126</v>
      </c>
      <c r="CL11" s="277">
        <v>0</v>
      </c>
      <c r="CM11" s="281">
        <v>0</v>
      </c>
      <c r="CN11" s="278">
        <v>0</v>
      </c>
      <c r="CO11" s="280">
        <v>0</v>
      </c>
      <c r="CP11" s="281">
        <v>0</v>
      </c>
      <c r="CQ11" s="281">
        <v>0</v>
      </c>
      <c r="CR11" s="281">
        <v>0</v>
      </c>
      <c r="CS11" s="281">
        <v>0</v>
      </c>
      <c r="CT11" s="281">
        <v>0</v>
      </c>
      <c r="CU11" s="278">
        <v>0</v>
      </c>
      <c r="CV11" s="283">
        <v>0</v>
      </c>
      <c r="CW11" s="277">
        <v>0</v>
      </c>
      <c r="CX11" s="281">
        <v>0</v>
      </c>
      <c r="CY11" s="278">
        <v>0</v>
      </c>
      <c r="CZ11" s="280">
        <v>0</v>
      </c>
      <c r="DA11" s="281">
        <v>0</v>
      </c>
      <c r="DB11" s="281">
        <v>0</v>
      </c>
      <c r="DC11" s="281">
        <v>0</v>
      </c>
      <c r="DD11" s="281">
        <v>0</v>
      </c>
      <c r="DE11" s="281">
        <v>0</v>
      </c>
      <c r="DF11" s="278">
        <v>0</v>
      </c>
      <c r="DG11" s="283">
        <v>0</v>
      </c>
    </row>
    <row r="12" spans="1:111" ht="18.75" customHeight="1" x14ac:dyDescent="0.2">
      <c r="A12" s="262" t="s">
        <v>9</v>
      </c>
      <c r="B12" s="277">
        <v>0</v>
      </c>
      <c r="C12" s="281">
        <v>0</v>
      </c>
      <c r="D12" s="385">
        <v>0</v>
      </c>
      <c r="E12" s="280">
        <v>0</v>
      </c>
      <c r="F12" s="281">
        <v>6273</v>
      </c>
      <c r="G12" s="281">
        <v>7937</v>
      </c>
      <c r="H12" s="281">
        <v>10182</v>
      </c>
      <c r="I12" s="281">
        <v>16619</v>
      </c>
      <c r="J12" s="281">
        <v>14731</v>
      </c>
      <c r="K12" s="282">
        <v>55742</v>
      </c>
      <c r="L12" s="283">
        <v>55742</v>
      </c>
      <c r="M12" s="277">
        <v>0</v>
      </c>
      <c r="N12" s="281">
        <v>0</v>
      </c>
      <c r="O12" s="278">
        <v>0</v>
      </c>
      <c r="P12" s="280">
        <v>0</v>
      </c>
      <c r="Q12" s="281">
        <v>29</v>
      </c>
      <c r="R12" s="281">
        <v>47</v>
      </c>
      <c r="S12" s="281">
        <v>72</v>
      </c>
      <c r="T12" s="281">
        <v>255</v>
      </c>
      <c r="U12" s="281">
        <v>568</v>
      </c>
      <c r="V12" s="278">
        <v>971</v>
      </c>
      <c r="W12" s="283">
        <v>971</v>
      </c>
      <c r="X12" s="277">
        <v>178</v>
      </c>
      <c r="Y12" s="281">
        <v>444</v>
      </c>
      <c r="Z12" s="278">
        <v>622</v>
      </c>
      <c r="AA12" s="280">
        <v>0</v>
      </c>
      <c r="AB12" s="281">
        <v>3170</v>
      </c>
      <c r="AC12" s="281">
        <v>2819</v>
      </c>
      <c r="AD12" s="281">
        <v>2078</v>
      </c>
      <c r="AE12" s="281">
        <v>2262</v>
      </c>
      <c r="AF12" s="281">
        <v>1930</v>
      </c>
      <c r="AG12" s="278">
        <v>12259</v>
      </c>
      <c r="AH12" s="283">
        <v>12881</v>
      </c>
      <c r="AI12" s="277">
        <v>82</v>
      </c>
      <c r="AJ12" s="281">
        <v>166</v>
      </c>
      <c r="AK12" s="278">
        <v>248</v>
      </c>
      <c r="AL12" s="280">
        <v>0</v>
      </c>
      <c r="AM12" s="281">
        <v>569</v>
      </c>
      <c r="AN12" s="281">
        <v>612</v>
      </c>
      <c r="AO12" s="281">
        <v>558</v>
      </c>
      <c r="AP12" s="281">
        <v>586</v>
      </c>
      <c r="AQ12" s="281">
        <v>514</v>
      </c>
      <c r="AR12" s="278">
        <v>2839</v>
      </c>
      <c r="AS12" s="283">
        <v>3087</v>
      </c>
      <c r="AT12" s="277">
        <v>0</v>
      </c>
      <c r="AU12" s="281">
        <v>0</v>
      </c>
      <c r="AV12" s="278">
        <v>0</v>
      </c>
      <c r="AW12" s="280">
        <v>0</v>
      </c>
      <c r="AX12" s="281">
        <v>4369</v>
      </c>
      <c r="AY12" s="281">
        <v>3370</v>
      </c>
      <c r="AZ12" s="281">
        <v>2415</v>
      </c>
      <c r="BA12" s="281">
        <v>1457</v>
      </c>
      <c r="BB12" s="281">
        <v>602</v>
      </c>
      <c r="BC12" s="282">
        <v>12213</v>
      </c>
      <c r="BD12" s="283">
        <v>12213</v>
      </c>
      <c r="BE12" s="277">
        <v>0</v>
      </c>
      <c r="BF12" s="281">
        <v>0</v>
      </c>
      <c r="BG12" s="278">
        <v>0</v>
      </c>
      <c r="BH12" s="280">
        <v>0</v>
      </c>
      <c r="BI12" s="281">
        <v>764</v>
      </c>
      <c r="BJ12" s="281">
        <v>791</v>
      </c>
      <c r="BK12" s="281">
        <v>458</v>
      </c>
      <c r="BL12" s="281">
        <v>622</v>
      </c>
      <c r="BM12" s="281">
        <v>135</v>
      </c>
      <c r="BN12" s="278">
        <v>2770</v>
      </c>
      <c r="BO12" s="283">
        <v>2770</v>
      </c>
      <c r="BP12" s="277">
        <v>41</v>
      </c>
      <c r="BQ12" s="281">
        <v>6</v>
      </c>
      <c r="BR12" s="278">
        <v>47</v>
      </c>
      <c r="BS12" s="280">
        <v>0</v>
      </c>
      <c r="BT12" s="281">
        <v>299</v>
      </c>
      <c r="BU12" s="281">
        <v>685</v>
      </c>
      <c r="BV12" s="281">
        <v>1465</v>
      </c>
      <c r="BW12" s="281">
        <v>1474</v>
      </c>
      <c r="BX12" s="281">
        <v>718</v>
      </c>
      <c r="BY12" s="278">
        <v>4641</v>
      </c>
      <c r="BZ12" s="283">
        <v>4688</v>
      </c>
      <c r="CA12" s="277">
        <v>10</v>
      </c>
      <c r="CB12" s="281">
        <v>0</v>
      </c>
      <c r="CC12" s="278">
        <v>10</v>
      </c>
      <c r="CD12" s="280">
        <v>0</v>
      </c>
      <c r="CE12" s="281">
        <v>44</v>
      </c>
      <c r="CF12" s="281">
        <v>69</v>
      </c>
      <c r="CG12" s="281">
        <v>238</v>
      </c>
      <c r="CH12" s="281">
        <v>100</v>
      </c>
      <c r="CI12" s="281">
        <v>54</v>
      </c>
      <c r="CJ12" s="278">
        <v>505</v>
      </c>
      <c r="CK12" s="283">
        <v>515</v>
      </c>
      <c r="CL12" s="277">
        <v>0</v>
      </c>
      <c r="CM12" s="281">
        <v>0</v>
      </c>
      <c r="CN12" s="278">
        <v>0</v>
      </c>
      <c r="CO12" s="280">
        <v>0</v>
      </c>
      <c r="CP12" s="281">
        <v>0</v>
      </c>
      <c r="CQ12" s="281">
        <v>0</v>
      </c>
      <c r="CR12" s="281">
        <v>0</v>
      </c>
      <c r="CS12" s="281">
        <v>0</v>
      </c>
      <c r="CT12" s="281">
        <v>0</v>
      </c>
      <c r="CU12" s="278">
        <v>0</v>
      </c>
      <c r="CV12" s="283">
        <v>0</v>
      </c>
      <c r="CW12" s="277">
        <v>0</v>
      </c>
      <c r="CX12" s="281">
        <v>0</v>
      </c>
      <c r="CY12" s="278">
        <v>0</v>
      </c>
      <c r="CZ12" s="280">
        <v>0</v>
      </c>
      <c r="DA12" s="281">
        <v>0</v>
      </c>
      <c r="DB12" s="281">
        <v>0</v>
      </c>
      <c r="DC12" s="281">
        <v>0</v>
      </c>
      <c r="DD12" s="281">
        <v>0</v>
      </c>
      <c r="DE12" s="281">
        <v>0</v>
      </c>
      <c r="DF12" s="278">
        <v>0</v>
      </c>
      <c r="DG12" s="283">
        <v>0</v>
      </c>
    </row>
    <row r="13" spans="1:111" ht="18.75" customHeight="1" x14ac:dyDescent="0.2">
      <c r="A13" s="262" t="s">
        <v>10</v>
      </c>
      <c r="B13" s="277">
        <v>0</v>
      </c>
      <c r="C13" s="281">
        <v>0</v>
      </c>
      <c r="D13" s="385">
        <v>0</v>
      </c>
      <c r="E13" s="280">
        <v>0</v>
      </c>
      <c r="F13" s="281">
        <v>17752</v>
      </c>
      <c r="G13" s="281">
        <v>15049</v>
      </c>
      <c r="H13" s="281">
        <v>17402</v>
      </c>
      <c r="I13" s="281">
        <v>22948</v>
      </c>
      <c r="J13" s="281">
        <v>22409</v>
      </c>
      <c r="K13" s="282">
        <v>95560</v>
      </c>
      <c r="L13" s="283">
        <v>95560</v>
      </c>
      <c r="M13" s="277">
        <v>0</v>
      </c>
      <c r="N13" s="281">
        <v>0</v>
      </c>
      <c r="O13" s="278">
        <v>0</v>
      </c>
      <c r="P13" s="280">
        <v>0</v>
      </c>
      <c r="Q13" s="281">
        <v>71</v>
      </c>
      <c r="R13" s="281">
        <v>97</v>
      </c>
      <c r="S13" s="281">
        <v>113</v>
      </c>
      <c r="T13" s="281">
        <v>481</v>
      </c>
      <c r="U13" s="281">
        <v>773</v>
      </c>
      <c r="V13" s="278">
        <v>1535</v>
      </c>
      <c r="W13" s="283">
        <v>1535</v>
      </c>
      <c r="X13" s="277">
        <v>977</v>
      </c>
      <c r="Y13" s="281">
        <v>2456</v>
      </c>
      <c r="Z13" s="278">
        <v>3433</v>
      </c>
      <c r="AA13" s="280">
        <v>0</v>
      </c>
      <c r="AB13" s="281">
        <v>7450</v>
      </c>
      <c r="AC13" s="281">
        <v>5309</v>
      </c>
      <c r="AD13" s="281">
        <v>3394</v>
      </c>
      <c r="AE13" s="281">
        <v>3083</v>
      </c>
      <c r="AF13" s="281">
        <v>3189</v>
      </c>
      <c r="AG13" s="278">
        <v>22425</v>
      </c>
      <c r="AH13" s="283">
        <v>25858</v>
      </c>
      <c r="AI13" s="277">
        <v>194</v>
      </c>
      <c r="AJ13" s="281">
        <v>512</v>
      </c>
      <c r="AK13" s="278">
        <v>706</v>
      </c>
      <c r="AL13" s="280">
        <v>0</v>
      </c>
      <c r="AM13" s="281">
        <v>1122</v>
      </c>
      <c r="AN13" s="281">
        <v>898</v>
      </c>
      <c r="AO13" s="281">
        <v>681</v>
      </c>
      <c r="AP13" s="281">
        <v>684</v>
      </c>
      <c r="AQ13" s="281">
        <v>560</v>
      </c>
      <c r="AR13" s="278">
        <v>3945</v>
      </c>
      <c r="AS13" s="283">
        <v>4651</v>
      </c>
      <c r="AT13" s="277">
        <v>0</v>
      </c>
      <c r="AU13" s="281">
        <v>0</v>
      </c>
      <c r="AV13" s="278">
        <v>0</v>
      </c>
      <c r="AW13" s="280">
        <v>0</v>
      </c>
      <c r="AX13" s="281">
        <v>13277</v>
      </c>
      <c r="AY13" s="281">
        <v>7830</v>
      </c>
      <c r="AZ13" s="281">
        <v>5358</v>
      </c>
      <c r="BA13" s="281">
        <v>2707</v>
      </c>
      <c r="BB13" s="281">
        <v>1283</v>
      </c>
      <c r="BC13" s="282">
        <v>30455</v>
      </c>
      <c r="BD13" s="283">
        <v>30455</v>
      </c>
      <c r="BE13" s="277">
        <v>0</v>
      </c>
      <c r="BF13" s="281">
        <v>0</v>
      </c>
      <c r="BG13" s="278">
        <v>0</v>
      </c>
      <c r="BH13" s="280">
        <v>0</v>
      </c>
      <c r="BI13" s="281">
        <v>1877</v>
      </c>
      <c r="BJ13" s="281">
        <v>1245</v>
      </c>
      <c r="BK13" s="281">
        <v>733</v>
      </c>
      <c r="BL13" s="281">
        <v>423</v>
      </c>
      <c r="BM13" s="281">
        <v>157</v>
      </c>
      <c r="BN13" s="278">
        <v>4435</v>
      </c>
      <c r="BO13" s="283">
        <v>4435</v>
      </c>
      <c r="BP13" s="277">
        <v>27</v>
      </c>
      <c r="BQ13" s="281">
        <v>140</v>
      </c>
      <c r="BR13" s="278">
        <v>167</v>
      </c>
      <c r="BS13" s="280">
        <v>0</v>
      </c>
      <c r="BT13" s="281">
        <v>1353</v>
      </c>
      <c r="BU13" s="281">
        <v>1338</v>
      </c>
      <c r="BV13" s="281">
        <v>2656</v>
      </c>
      <c r="BW13" s="281">
        <v>1580</v>
      </c>
      <c r="BX13" s="281">
        <v>938</v>
      </c>
      <c r="BY13" s="278">
        <v>7865</v>
      </c>
      <c r="BZ13" s="283">
        <v>8032</v>
      </c>
      <c r="CA13" s="277">
        <v>0</v>
      </c>
      <c r="CB13" s="281">
        <v>9</v>
      </c>
      <c r="CC13" s="278">
        <v>9</v>
      </c>
      <c r="CD13" s="280">
        <v>0</v>
      </c>
      <c r="CE13" s="281">
        <v>52</v>
      </c>
      <c r="CF13" s="281">
        <v>86</v>
      </c>
      <c r="CG13" s="281">
        <v>92</v>
      </c>
      <c r="CH13" s="281">
        <v>84</v>
      </c>
      <c r="CI13" s="281">
        <v>41</v>
      </c>
      <c r="CJ13" s="278">
        <v>355</v>
      </c>
      <c r="CK13" s="283">
        <v>364</v>
      </c>
      <c r="CL13" s="277">
        <v>0</v>
      </c>
      <c r="CM13" s="281">
        <v>0</v>
      </c>
      <c r="CN13" s="278">
        <v>0</v>
      </c>
      <c r="CO13" s="280">
        <v>0</v>
      </c>
      <c r="CP13" s="281">
        <v>0</v>
      </c>
      <c r="CQ13" s="281">
        <v>0</v>
      </c>
      <c r="CR13" s="281">
        <v>0</v>
      </c>
      <c r="CS13" s="281">
        <v>0</v>
      </c>
      <c r="CT13" s="281">
        <v>0</v>
      </c>
      <c r="CU13" s="278">
        <v>0</v>
      </c>
      <c r="CV13" s="283">
        <v>0</v>
      </c>
      <c r="CW13" s="277">
        <v>0</v>
      </c>
      <c r="CX13" s="281">
        <v>0</v>
      </c>
      <c r="CY13" s="278">
        <v>0</v>
      </c>
      <c r="CZ13" s="280">
        <v>0</v>
      </c>
      <c r="DA13" s="281">
        <v>0</v>
      </c>
      <c r="DB13" s="281">
        <v>0</v>
      </c>
      <c r="DC13" s="281">
        <v>0</v>
      </c>
      <c r="DD13" s="281">
        <v>0</v>
      </c>
      <c r="DE13" s="281">
        <v>0</v>
      </c>
      <c r="DF13" s="278">
        <v>0</v>
      </c>
      <c r="DG13" s="283">
        <v>0</v>
      </c>
    </row>
    <row r="14" spans="1:111" ht="18.75" customHeight="1" x14ac:dyDescent="0.2">
      <c r="A14" s="262" t="s">
        <v>11</v>
      </c>
      <c r="B14" s="277">
        <v>0</v>
      </c>
      <c r="C14" s="281">
        <v>0</v>
      </c>
      <c r="D14" s="385">
        <v>0</v>
      </c>
      <c r="E14" s="280">
        <v>0</v>
      </c>
      <c r="F14" s="281">
        <v>6390</v>
      </c>
      <c r="G14" s="281">
        <v>6582</v>
      </c>
      <c r="H14" s="281">
        <v>8152</v>
      </c>
      <c r="I14" s="281">
        <v>9446</v>
      </c>
      <c r="J14" s="281">
        <v>9821</v>
      </c>
      <c r="K14" s="282">
        <v>40391</v>
      </c>
      <c r="L14" s="283">
        <v>40391</v>
      </c>
      <c r="M14" s="277">
        <v>0</v>
      </c>
      <c r="N14" s="281">
        <v>5</v>
      </c>
      <c r="O14" s="278">
        <v>5</v>
      </c>
      <c r="P14" s="280">
        <v>0</v>
      </c>
      <c r="Q14" s="281">
        <v>14</v>
      </c>
      <c r="R14" s="281">
        <v>62</v>
      </c>
      <c r="S14" s="281">
        <v>137</v>
      </c>
      <c r="T14" s="281">
        <v>217</v>
      </c>
      <c r="U14" s="281">
        <v>349</v>
      </c>
      <c r="V14" s="278">
        <v>779</v>
      </c>
      <c r="W14" s="283">
        <v>784</v>
      </c>
      <c r="X14" s="277">
        <v>225</v>
      </c>
      <c r="Y14" s="281">
        <v>409</v>
      </c>
      <c r="Z14" s="278">
        <v>634</v>
      </c>
      <c r="AA14" s="280">
        <v>0</v>
      </c>
      <c r="AB14" s="281">
        <v>2587</v>
      </c>
      <c r="AC14" s="281">
        <v>1856</v>
      </c>
      <c r="AD14" s="281">
        <v>1862</v>
      </c>
      <c r="AE14" s="281">
        <v>1663</v>
      </c>
      <c r="AF14" s="281">
        <v>1767</v>
      </c>
      <c r="AG14" s="278">
        <v>9735</v>
      </c>
      <c r="AH14" s="283">
        <v>10369</v>
      </c>
      <c r="AI14" s="277">
        <v>36</v>
      </c>
      <c r="AJ14" s="281">
        <v>108</v>
      </c>
      <c r="AK14" s="278">
        <v>144</v>
      </c>
      <c r="AL14" s="280">
        <v>0</v>
      </c>
      <c r="AM14" s="281">
        <v>502</v>
      </c>
      <c r="AN14" s="281">
        <v>274</v>
      </c>
      <c r="AO14" s="281">
        <v>267</v>
      </c>
      <c r="AP14" s="281">
        <v>336</v>
      </c>
      <c r="AQ14" s="281">
        <v>59</v>
      </c>
      <c r="AR14" s="278">
        <v>1438</v>
      </c>
      <c r="AS14" s="283">
        <v>1582</v>
      </c>
      <c r="AT14" s="277">
        <v>0</v>
      </c>
      <c r="AU14" s="281">
        <v>0</v>
      </c>
      <c r="AV14" s="278">
        <v>0</v>
      </c>
      <c r="AW14" s="280">
        <v>0</v>
      </c>
      <c r="AX14" s="281">
        <v>6338</v>
      </c>
      <c r="AY14" s="281">
        <v>3939</v>
      </c>
      <c r="AZ14" s="281">
        <v>2700</v>
      </c>
      <c r="BA14" s="281">
        <v>1745</v>
      </c>
      <c r="BB14" s="281">
        <v>925</v>
      </c>
      <c r="BC14" s="282">
        <v>15647</v>
      </c>
      <c r="BD14" s="283">
        <v>15647</v>
      </c>
      <c r="BE14" s="277">
        <v>0</v>
      </c>
      <c r="BF14" s="281">
        <v>0</v>
      </c>
      <c r="BG14" s="278">
        <v>0</v>
      </c>
      <c r="BH14" s="280">
        <v>0</v>
      </c>
      <c r="BI14" s="281">
        <v>1310</v>
      </c>
      <c r="BJ14" s="281">
        <v>880</v>
      </c>
      <c r="BK14" s="281">
        <v>582</v>
      </c>
      <c r="BL14" s="281">
        <v>450</v>
      </c>
      <c r="BM14" s="281">
        <v>135</v>
      </c>
      <c r="BN14" s="278">
        <v>3357</v>
      </c>
      <c r="BO14" s="283">
        <v>3357</v>
      </c>
      <c r="BP14" s="277">
        <v>16</v>
      </c>
      <c r="BQ14" s="281">
        <v>43</v>
      </c>
      <c r="BR14" s="278">
        <v>59</v>
      </c>
      <c r="BS14" s="280">
        <v>0</v>
      </c>
      <c r="BT14" s="281">
        <v>573</v>
      </c>
      <c r="BU14" s="281">
        <v>775</v>
      </c>
      <c r="BV14" s="281">
        <v>1092</v>
      </c>
      <c r="BW14" s="281">
        <v>944</v>
      </c>
      <c r="BX14" s="281">
        <v>311</v>
      </c>
      <c r="BY14" s="278">
        <v>3695</v>
      </c>
      <c r="BZ14" s="283">
        <v>3754</v>
      </c>
      <c r="CA14" s="277">
        <v>0</v>
      </c>
      <c r="CB14" s="281">
        <v>0</v>
      </c>
      <c r="CC14" s="278">
        <v>0</v>
      </c>
      <c r="CD14" s="280">
        <v>0</v>
      </c>
      <c r="CE14" s="281">
        <v>43</v>
      </c>
      <c r="CF14" s="281">
        <v>16</v>
      </c>
      <c r="CG14" s="281">
        <v>48</v>
      </c>
      <c r="CH14" s="281">
        <v>89</v>
      </c>
      <c r="CI14" s="281">
        <v>44</v>
      </c>
      <c r="CJ14" s="278">
        <v>240</v>
      </c>
      <c r="CK14" s="283">
        <v>240</v>
      </c>
      <c r="CL14" s="277">
        <v>0</v>
      </c>
      <c r="CM14" s="281">
        <v>0</v>
      </c>
      <c r="CN14" s="278">
        <v>0</v>
      </c>
      <c r="CO14" s="280">
        <v>0</v>
      </c>
      <c r="CP14" s="281">
        <v>0</v>
      </c>
      <c r="CQ14" s="281">
        <v>0</v>
      </c>
      <c r="CR14" s="281">
        <v>0</v>
      </c>
      <c r="CS14" s="281">
        <v>0</v>
      </c>
      <c r="CT14" s="281">
        <v>0</v>
      </c>
      <c r="CU14" s="278">
        <v>0</v>
      </c>
      <c r="CV14" s="283">
        <v>0</v>
      </c>
      <c r="CW14" s="277">
        <v>0</v>
      </c>
      <c r="CX14" s="281">
        <v>0</v>
      </c>
      <c r="CY14" s="278">
        <v>0</v>
      </c>
      <c r="CZ14" s="280">
        <v>0</v>
      </c>
      <c r="DA14" s="281">
        <v>0</v>
      </c>
      <c r="DB14" s="281">
        <v>0</v>
      </c>
      <c r="DC14" s="281">
        <v>0</v>
      </c>
      <c r="DD14" s="281">
        <v>0</v>
      </c>
      <c r="DE14" s="281">
        <v>0</v>
      </c>
      <c r="DF14" s="278">
        <v>0</v>
      </c>
      <c r="DG14" s="283">
        <v>0</v>
      </c>
    </row>
    <row r="15" spans="1:111" ht="18.75" customHeight="1" x14ac:dyDescent="0.2">
      <c r="A15" s="262" t="s">
        <v>12</v>
      </c>
      <c r="B15" s="277">
        <v>0</v>
      </c>
      <c r="C15" s="281">
        <v>0</v>
      </c>
      <c r="D15" s="385">
        <v>0</v>
      </c>
      <c r="E15" s="280">
        <v>0</v>
      </c>
      <c r="F15" s="281">
        <v>6133</v>
      </c>
      <c r="G15" s="281">
        <v>7781</v>
      </c>
      <c r="H15" s="281">
        <v>9429</v>
      </c>
      <c r="I15" s="281">
        <v>12672</v>
      </c>
      <c r="J15" s="281">
        <v>10612</v>
      </c>
      <c r="K15" s="282">
        <v>46627</v>
      </c>
      <c r="L15" s="283">
        <v>46627</v>
      </c>
      <c r="M15" s="277">
        <v>0</v>
      </c>
      <c r="N15" s="281">
        <v>18</v>
      </c>
      <c r="O15" s="278">
        <v>18</v>
      </c>
      <c r="P15" s="280">
        <v>0</v>
      </c>
      <c r="Q15" s="281">
        <v>9</v>
      </c>
      <c r="R15" s="281">
        <v>119</v>
      </c>
      <c r="S15" s="281">
        <v>100</v>
      </c>
      <c r="T15" s="281">
        <v>244</v>
      </c>
      <c r="U15" s="281">
        <v>415</v>
      </c>
      <c r="V15" s="278">
        <v>887</v>
      </c>
      <c r="W15" s="283">
        <v>905</v>
      </c>
      <c r="X15" s="277">
        <v>454</v>
      </c>
      <c r="Y15" s="281">
        <v>1166</v>
      </c>
      <c r="Z15" s="278">
        <v>1620</v>
      </c>
      <c r="AA15" s="280">
        <v>0</v>
      </c>
      <c r="AB15" s="281">
        <v>1753</v>
      </c>
      <c r="AC15" s="281">
        <v>2143</v>
      </c>
      <c r="AD15" s="281">
        <v>1634</v>
      </c>
      <c r="AE15" s="281">
        <v>1680</v>
      </c>
      <c r="AF15" s="281">
        <v>1462</v>
      </c>
      <c r="AG15" s="278">
        <v>8672</v>
      </c>
      <c r="AH15" s="283">
        <v>10292</v>
      </c>
      <c r="AI15" s="277">
        <v>31</v>
      </c>
      <c r="AJ15" s="281">
        <v>237</v>
      </c>
      <c r="AK15" s="278">
        <v>268</v>
      </c>
      <c r="AL15" s="280">
        <v>0</v>
      </c>
      <c r="AM15" s="281">
        <v>192</v>
      </c>
      <c r="AN15" s="281">
        <v>484</v>
      </c>
      <c r="AO15" s="281">
        <v>283</v>
      </c>
      <c r="AP15" s="281">
        <v>253</v>
      </c>
      <c r="AQ15" s="281">
        <v>216</v>
      </c>
      <c r="AR15" s="278">
        <v>1428</v>
      </c>
      <c r="AS15" s="283">
        <v>1696</v>
      </c>
      <c r="AT15" s="277">
        <v>0</v>
      </c>
      <c r="AU15" s="281">
        <v>0</v>
      </c>
      <c r="AV15" s="278">
        <v>0</v>
      </c>
      <c r="AW15" s="280">
        <v>0</v>
      </c>
      <c r="AX15" s="281">
        <v>5333</v>
      </c>
      <c r="AY15" s="281">
        <v>3802</v>
      </c>
      <c r="AZ15" s="281">
        <v>2968</v>
      </c>
      <c r="BA15" s="281">
        <v>1997</v>
      </c>
      <c r="BB15" s="281">
        <v>850</v>
      </c>
      <c r="BC15" s="282">
        <v>14950</v>
      </c>
      <c r="BD15" s="283">
        <v>14950</v>
      </c>
      <c r="BE15" s="277">
        <v>0</v>
      </c>
      <c r="BF15" s="281">
        <v>0</v>
      </c>
      <c r="BG15" s="278">
        <v>0</v>
      </c>
      <c r="BH15" s="280">
        <v>0</v>
      </c>
      <c r="BI15" s="281">
        <v>820</v>
      </c>
      <c r="BJ15" s="281">
        <v>1204</v>
      </c>
      <c r="BK15" s="281">
        <v>982</v>
      </c>
      <c r="BL15" s="281">
        <v>645</v>
      </c>
      <c r="BM15" s="281">
        <v>312</v>
      </c>
      <c r="BN15" s="278">
        <v>3963</v>
      </c>
      <c r="BO15" s="283">
        <v>3963</v>
      </c>
      <c r="BP15" s="277">
        <v>36</v>
      </c>
      <c r="BQ15" s="281">
        <v>27</v>
      </c>
      <c r="BR15" s="278">
        <v>63</v>
      </c>
      <c r="BS15" s="280">
        <v>0</v>
      </c>
      <c r="BT15" s="281">
        <v>572</v>
      </c>
      <c r="BU15" s="281">
        <v>679</v>
      </c>
      <c r="BV15" s="281">
        <v>1474</v>
      </c>
      <c r="BW15" s="281">
        <v>1071</v>
      </c>
      <c r="BX15" s="281">
        <v>590</v>
      </c>
      <c r="BY15" s="278">
        <v>4386</v>
      </c>
      <c r="BZ15" s="283">
        <v>4449</v>
      </c>
      <c r="CA15" s="277">
        <v>0</v>
      </c>
      <c r="CB15" s="281">
        <v>0</v>
      </c>
      <c r="CC15" s="278">
        <v>0</v>
      </c>
      <c r="CD15" s="280">
        <v>0</v>
      </c>
      <c r="CE15" s="281">
        <v>10</v>
      </c>
      <c r="CF15" s="281">
        <v>18</v>
      </c>
      <c r="CG15" s="281">
        <v>24</v>
      </c>
      <c r="CH15" s="281">
        <v>32</v>
      </c>
      <c r="CI15" s="281">
        <v>13</v>
      </c>
      <c r="CJ15" s="278">
        <v>97</v>
      </c>
      <c r="CK15" s="283">
        <v>97</v>
      </c>
      <c r="CL15" s="277">
        <v>0</v>
      </c>
      <c r="CM15" s="281">
        <v>0</v>
      </c>
      <c r="CN15" s="278">
        <v>0</v>
      </c>
      <c r="CO15" s="280">
        <v>0</v>
      </c>
      <c r="CP15" s="281">
        <v>0</v>
      </c>
      <c r="CQ15" s="281">
        <v>0</v>
      </c>
      <c r="CR15" s="281">
        <v>0</v>
      </c>
      <c r="CS15" s="281">
        <v>0</v>
      </c>
      <c r="CT15" s="281">
        <v>0</v>
      </c>
      <c r="CU15" s="278">
        <v>0</v>
      </c>
      <c r="CV15" s="283">
        <v>0</v>
      </c>
      <c r="CW15" s="277">
        <v>0</v>
      </c>
      <c r="CX15" s="281">
        <v>0</v>
      </c>
      <c r="CY15" s="278">
        <v>0</v>
      </c>
      <c r="CZ15" s="280">
        <v>0</v>
      </c>
      <c r="DA15" s="281">
        <v>0</v>
      </c>
      <c r="DB15" s="281">
        <v>0</v>
      </c>
      <c r="DC15" s="281">
        <v>0</v>
      </c>
      <c r="DD15" s="281">
        <v>0</v>
      </c>
      <c r="DE15" s="281">
        <v>0</v>
      </c>
      <c r="DF15" s="278">
        <v>0</v>
      </c>
      <c r="DG15" s="283">
        <v>0</v>
      </c>
    </row>
    <row r="16" spans="1:111" ht="18.75" customHeight="1" x14ac:dyDescent="0.2">
      <c r="A16" s="262" t="s">
        <v>13</v>
      </c>
      <c r="B16" s="277">
        <v>0</v>
      </c>
      <c r="C16" s="281">
        <v>0</v>
      </c>
      <c r="D16" s="385">
        <v>0</v>
      </c>
      <c r="E16" s="280">
        <v>0</v>
      </c>
      <c r="F16" s="281">
        <v>2167</v>
      </c>
      <c r="G16" s="281">
        <v>3776</v>
      </c>
      <c r="H16" s="281">
        <v>4017</v>
      </c>
      <c r="I16" s="281">
        <v>4679</v>
      </c>
      <c r="J16" s="281">
        <v>5664</v>
      </c>
      <c r="K16" s="282">
        <v>20303</v>
      </c>
      <c r="L16" s="283">
        <v>20303</v>
      </c>
      <c r="M16" s="277">
        <v>2</v>
      </c>
      <c r="N16" s="281">
        <v>0</v>
      </c>
      <c r="O16" s="278">
        <v>2</v>
      </c>
      <c r="P16" s="280">
        <v>0</v>
      </c>
      <c r="Q16" s="281">
        <v>0</v>
      </c>
      <c r="R16" s="281">
        <v>14</v>
      </c>
      <c r="S16" s="281">
        <v>24</v>
      </c>
      <c r="T16" s="281">
        <v>78</v>
      </c>
      <c r="U16" s="281">
        <v>178</v>
      </c>
      <c r="V16" s="278">
        <v>294</v>
      </c>
      <c r="W16" s="283">
        <v>296</v>
      </c>
      <c r="X16" s="277">
        <v>39</v>
      </c>
      <c r="Y16" s="281">
        <v>167</v>
      </c>
      <c r="Z16" s="278">
        <v>206</v>
      </c>
      <c r="AA16" s="280">
        <v>0</v>
      </c>
      <c r="AB16" s="281">
        <v>975</v>
      </c>
      <c r="AC16" s="281">
        <v>1264</v>
      </c>
      <c r="AD16" s="281">
        <v>917</v>
      </c>
      <c r="AE16" s="281">
        <v>883</v>
      </c>
      <c r="AF16" s="281">
        <v>843</v>
      </c>
      <c r="AG16" s="278">
        <v>4882</v>
      </c>
      <c r="AH16" s="283">
        <v>5088</v>
      </c>
      <c r="AI16" s="277">
        <v>22</v>
      </c>
      <c r="AJ16" s="281">
        <v>57</v>
      </c>
      <c r="AK16" s="278">
        <v>79</v>
      </c>
      <c r="AL16" s="280">
        <v>0</v>
      </c>
      <c r="AM16" s="281">
        <v>230</v>
      </c>
      <c r="AN16" s="281">
        <v>271</v>
      </c>
      <c r="AO16" s="281">
        <v>188</v>
      </c>
      <c r="AP16" s="281">
        <v>103</v>
      </c>
      <c r="AQ16" s="281">
        <v>54</v>
      </c>
      <c r="AR16" s="278">
        <v>846</v>
      </c>
      <c r="AS16" s="283">
        <v>925</v>
      </c>
      <c r="AT16" s="277">
        <v>0</v>
      </c>
      <c r="AU16" s="281">
        <v>0</v>
      </c>
      <c r="AV16" s="278">
        <v>0</v>
      </c>
      <c r="AW16" s="280">
        <v>0</v>
      </c>
      <c r="AX16" s="281">
        <v>1470</v>
      </c>
      <c r="AY16" s="281">
        <v>1654</v>
      </c>
      <c r="AZ16" s="281">
        <v>1089</v>
      </c>
      <c r="BA16" s="281">
        <v>646</v>
      </c>
      <c r="BB16" s="281">
        <v>279</v>
      </c>
      <c r="BC16" s="282">
        <v>5138</v>
      </c>
      <c r="BD16" s="283">
        <v>5138</v>
      </c>
      <c r="BE16" s="277">
        <v>0</v>
      </c>
      <c r="BF16" s="281">
        <v>0</v>
      </c>
      <c r="BG16" s="278">
        <v>0</v>
      </c>
      <c r="BH16" s="280">
        <v>0</v>
      </c>
      <c r="BI16" s="281">
        <v>153</v>
      </c>
      <c r="BJ16" s="281">
        <v>262</v>
      </c>
      <c r="BK16" s="281">
        <v>146</v>
      </c>
      <c r="BL16" s="281">
        <v>200</v>
      </c>
      <c r="BM16" s="281">
        <v>93</v>
      </c>
      <c r="BN16" s="278">
        <v>854</v>
      </c>
      <c r="BO16" s="283">
        <v>854</v>
      </c>
      <c r="BP16" s="277">
        <v>0</v>
      </c>
      <c r="BQ16" s="281">
        <v>0</v>
      </c>
      <c r="BR16" s="278">
        <v>0</v>
      </c>
      <c r="BS16" s="280">
        <v>0</v>
      </c>
      <c r="BT16" s="281">
        <v>94</v>
      </c>
      <c r="BU16" s="281">
        <v>212</v>
      </c>
      <c r="BV16" s="281">
        <v>549</v>
      </c>
      <c r="BW16" s="281">
        <v>652</v>
      </c>
      <c r="BX16" s="281">
        <v>436</v>
      </c>
      <c r="BY16" s="278">
        <v>1943</v>
      </c>
      <c r="BZ16" s="283">
        <v>1943</v>
      </c>
      <c r="CA16" s="277">
        <v>0</v>
      </c>
      <c r="CB16" s="281">
        <v>0</v>
      </c>
      <c r="CC16" s="278">
        <v>0</v>
      </c>
      <c r="CD16" s="280">
        <v>0</v>
      </c>
      <c r="CE16" s="281">
        <v>3</v>
      </c>
      <c r="CF16" s="281">
        <v>8</v>
      </c>
      <c r="CG16" s="281">
        <v>0</v>
      </c>
      <c r="CH16" s="281">
        <v>32</v>
      </c>
      <c r="CI16" s="281">
        <v>0</v>
      </c>
      <c r="CJ16" s="278">
        <v>43</v>
      </c>
      <c r="CK16" s="283">
        <v>43</v>
      </c>
      <c r="CL16" s="277">
        <v>0</v>
      </c>
      <c r="CM16" s="281">
        <v>0</v>
      </c>
      <c r="CN16" s="278">
        <v>0</v>
      </c>
      <c r="CO16" s="280">
        <v>0</v>
      </c>
      <c r="CP16" s="281">
        <v>0</v>
      </c>
      <c r="CQ16" s="281">
        <v>0</v>
      </c>
      <c r="CR16" s="281">
        <v>0</v>
      </c>
      <c r="CS16" s="281">
        <v>0</v>
      </c>
      <c r="CT16" s="281">
        <v>0</v>
      </c>
      <c r="CU16" s="278">
        <v>0</v>
      </c>
      <c r="CV16" s="283">
        <v>0</v>
      </c>
      <c r="CW16" s="277">
        <v>0</v>
      </c>
      <c r="CX16" s="281">
        <v>0</v>
      </c>
      <c r="CY16" s="278">
        <v>0</v>
      </c>
      <c r="CZ16" s="280">
        <v>0</v>
      </c>
      <c r="DA16" s="281">
        <v>0</v>
      </c>
      <c r="DB16" s="281">
        <v>0</v>
      </c>
      <c r="DC16" s="281">
        <v>0</v>
      </c>
      <c r="DD16" s="281">
        <v>0</v>
      </c>
      <c r="DE16" s="281">
        <v>0</v>
      </c>
      <c r="DF16" s="278">
        <v>0</v>
      </c>
      <c r="DG16" s="283">
        <v>0</v>
      </c>
    </row>
    <row r="17" spans="1:111" ht="18.75" customHeight="1" x14ac:dyDescent="0.2">
      <c r="A17" s="262" t="s">
        <v>15</v>
      </c>
      <c r="B17" s="277">
        <v>0</v>
      </c>
      <c r="C17" s="281">
        <v>0</v>
      </c>
      <c r="D17" s="385">
        <v>0</v>
      </c>
      <c r="E17" s="280">
        <v>0</v>
      </c>
      <c r="F17" s="281">
        <v>1257</v>
      </c>
      <c r="G17" s="281">
        <v>2185</v>
      </c>
      <c r="H17" s="281">
        <v>1958</v>
      </c>
      <c r="I17" s="281">
        <v>1635</v>
      </c>
      <c r="J17" s="281">
        <v>1922</v>
      </c>
      <c r="K17" s="282">
        <v>8957</v>
      </c>
      <c r="L17" s="283">
        <v>8957</v>
      </c>
      <c r="M17" s="277">
        <v>0</v>
      </c>
      <c r="N17" s="281">
        <v>0</v>
      </c>
      <c r="O17" s="278">
        <v>0</v>
      </c>
      <c r="P17" s="280">
        <v>0</v>
      </c>
      <c r="Q17" s="281">
        <v>2</v>
      </c>
      <c r="R17" s="281">
        <v>30</v>
      </c>
      <c r="S17" s="281">
        <v>27</v>
      </c>
      <c r="T17" s="281">
        <v>73</v>
      </c>
      <c r="U17" s="281">
        <v>172</v>
      </c>
      <c r="V17" s="278">
        <v>304</v>
      </c>
      <c r="W17" s="283">
        <v>304</v>
      </c>
      <c r="X17" s="277">
        <v>10</v>
      </c>
      <c r="Y17" s="281">
        <v>65</v>
      </c>
      <c r="Z17" s="278">
        <v>75</v>
      </c>
      <c r="AA17" s="280">
        <v>0</v>
      </c>
      <c r="AB17" s="281">
        <v>223</v>
      </c>
      <c r="AC17" s="281">
        <v>633</v>
      </c>
      <c r="AD17" s="281">
        <v>289</v>
      </c>
      <c r="AE17" s="281">
        <v>205</v>
      </c>
      <c r="AF17" s="281">
        <v>384</v>
      </c>
      <c r="AG17" s="278">
        <v>1734</v>
      </c>
      <c r="AH17" s="283">
        <v>1809</v>
      </c>
      <c r="AI17" s="277">
        <v>0</v>
      </c>
      <c r="AJ17" s="281">
        <v>8</v>
      </c>
      <c r="AK17" s="278">
        <v>8</v>
      </c>
      <c r="AL17" s="280">
        <v>0</v>
      </c>
      <c r="AM17" s="281">
        <v>39</v>
      </c>
      <c r="AN17" s="281">
        <v>67</v>
      </c>
      <c r="AO17" s="281">
        <v>40</v>
      </c>
      <c r="AP17" s="281">
        <v>20</v>
      </c>
      <c r="AQ17" s="281">
        <v>29</v>
      </c>
      <c r="AR17" s="278">
        <v>195</v>
      </c>
      <c r="AS17" s="283">
        <v>203</v>
      </c>
      <c r="AT17" s="277">
        <v>0</v>
      </c>
      <c r="AU17" s="281">
        <v>0</v>
      </c>
      <c r="AV17" s="278">
        <v>0</v>
      </c>
      <c r="AW17" s="280">
        <v>0</v>
      </c>
      <c r="AX17" s="281">
        <v>762</v>
      </c>
      <c r="AY17" s="281">
        <v>1291</v>
      </c>
      <c r="AZ17" s="281">
        <v>631</v>
      </c>
      <c r="BA17" s="281">
        <v>181</v>
      </c>
      <c r="BB17" s="281">
        <v>92</v>
      </c>
      <c r="BC17" s="282">
        <v>2957</v>
      </c>
      <c r="BD17" s="283">
        <v>2957</v>
      </c>
      <c r="BE17" s="277">
        <v>0</v>
      </c>
      <c r="BF17" s="281">
        <v>0</v>
      </c>
      <c r="BG17" s="278">
        <v>0</v>
      </c>
      <c r="BH17" s="280">
        <v>0</v>
      </c>
      <c r="BI17" s="281">
        <v>224</v>
      </c>
      <c r="BJ17" s="281">
        <v>305</v>
      </c>
      <c r="BK17" s="281">
        <v>115</v>
      </c>
      <c r="BL17" s="281">
        <v>66</v>
      </c>
      <c r="BM17" s="281">
        <v>19</v>
      </c>
      <c r="BN17" s="278">
        <v>729</v>
      </c>
      <c r="BO17" s="283">
        <v>729</v>
      </c>
      <c r="BP17" s="277">
        <v>0</v>
      </c>
      <c r="BQ17" s="281">
        <v>0</v>
      </c>
      <c r="BR17" s="278">
        <v>0</v>
      </c>
      <c r="BS17" s="280">
        <v>0</v>
      </c>
      <c r="BT17" s="281">
        <v>110</v>
      </c>
      <c r="BU17" s="281">
        <v>234</v>
      </c>
      <c r="BV17" s="281">
        <v>678</v>
      </c>
      <c r="BW17" s="281">
        <v>824</v>
      </c>
      <c r="BX17" s="281">
        <v>318</v>
      </c>
      <c r="BY17" s="278">
        <v>2164</v>
      </c>
      <c r="BZ17" s="283">
        <v>2164</v>
      </c>
      <c r="CA17" s="277">
        <v>0</v>
      </c>
      <c r="CB17" s="281">
        <v>0</v>
      </c>
      <c r="CC17" s="278">
        <v>0</v>
      </c>
      <c r="CD17" s="280">
        <v>0</v>
      </c>
      <c r="CE17" s="281">
        <v>12</v>
      </c>
      <c r="CF17" s="281">
        <v>0</v>
      </c>
      <c r="CG17" s="281">
        <v>15</v>
      </c>
      <c r="CH17" s="281">
        <v>0</v>
      </c>
      <c r="CI17" s="281">
        <v>0</v>
      </c>
      <c r="CJ17" s="278">
        <v>27</v>
      </c>
      <c r="CK17" s="283">
        <v>27</v>
      </c>
      <c r="CL17" s="277">
        <v>0</v>
      </c>
      <c r="CM17" s="281">
        <v>0</v>
      </c>
      <c r="CN17" s="278">
        <v>0</v>
      </c>
      <c r="CO17" s="280">
        <v>0</v>
      </c>
      <c r="CP17" s="281">
        <v>0</v>
      </c>
      <c r="CQ17" s="281">
        <v>0</v>
      </c>
      <c r="CR17" s="281">
        <v>0</v>
      </c>
      <c r="CS17" s="281">
        <v>0</v>
      </c>
      <c r="CT17" s="281">
        <v>0</v>
      </c>
      <c r="CU17" s="278">
        <v>0</v>
      </c>
      <c r="CV17" s="283">
        <v>0</v>
      </c>
      <c r="CW17" s="277">
        <v>0</v>
      </c>
      <c r="CX17" s="281">
        <v>0</v>
      </c>
      <c r="CY17" s="278">
        <v>0</v>
      </c>
      <c r="CZ17" s="280">
        <v>0</v>
      </c>
      <c r="DA17" s="281">
        <v>0</v>
      </c>
      <c r="DB17" s="281">
        <v>0</v>
      </c>
      <c r="DC17" s="281">
        <v>0</v>
      </c>
      <c r="DD17" s="281">
        <v>0</v>
      </c>
      <c r="DE17" s="281">
        <v>0</v>
      </c>
      <c r="DF17" s="278">
        <v>0</v>
      </c>
      <c r="DG17" s="283">
        <v>0</v>
      </c>
    </row>
    <row r="18" spans="1:111" ht="18.75" customHeight="1" x14ac:dyDescent="0.2">
      <c r="A18" s="262" t="s">
        <v>16</v>
      </c>
      <c r="B18" s="277">
        <v>0</v>
      </c>
      <c r="C18" s="281">
        <v>0</v>
      </c>
      <c r="D18" s="385">
        <v>0</v>
      </c>
      <c r="E18" s="280">
        <v>0</v>
      </c>
      <c r="F18" s="281">
        <v>2144</v>
      </c>
      <c r="G18" s="281">
        <v>3646</v>
      </c>
      <c r="H18" s="281">
        <v>5018</v>
      </c>
      <c r="I18" s="281">
        <v>5073</v>
      </c>
      <c r="J18" s="281">
        <v>4191</v>
      </c>
      <c r="K18" s="282">
        <v>20072</v>
      </c>
      <c r="L18" s="283">
        <v>20072</v>
      </c>
      <c r="M18" s="277">
        <v>0</v>
      </c>
      <c r="N18" s="281">
        <v>0</v>
      </c>
      <c r="O18" s="278">
        <v>0</v>
      </c>
      <c r="P18" s="280">
        <v>0</v>
      </c>
      <c r="Q18" s="281">
        <v>4</v>
      </c>
      <c r="R18" s="281">
        <v>47</v>
      </c>
      <c r="S18" s="281">
        <v>50</v>
      </c>
      <c r="T18" s="281">
        <v>111</v>
      </c>
      <c r="U18" s="281">
        <v>214</v>
      </c>
      <c r="V18" s="278">
        <v>426</v>
      </c>
      <c r="W18" s="283">
        <v>426</v>
      </c>
      <c r="X18" s="277">
        <v>88</v>
      </c>
      <c r="Y18" s="281">
        <v>361</v>
      </c>
      <c r="Z18" s="278">
        <v>449</v>
      </c>
      <c r="AA18" s="280">
        <v>0</v>
      </c>
      <c r="AB18" s="281">
        <v>1288</v>
      </c>
      <c r="AC18" s="281">
        <v>2468</v>
      </c>
      <c r="AD18" s="281">
        <v>1554</v>
      </c>
      <c r="AE18" s="281">
        <v>1426</v>
      </c>
      <c r="AF18" s="281">
        <v>1070</v>
      </c>
      <c r="AG18" s="278">
        <v>7806</v>
      </c>
      <c r="AH18" s="283">
        <v>8255</v>
      </c>
      <c r="AI18" s="277">
        <v>0</v>
      </c>
      <c r="AJ18" s="281">
        <v>90</v>
      </c>
      <c r="AK18" s="278">
        <v>90</v>
      </c>
      <c r="AL18" s="280">
        <v>0</v>
      </c>
      <c r="AM18" s="281">
        <v>99</v>
      </c>
      <c r="AN18" s="281">
        <v>270</v>
      </c>
      <c r="AO18" s="281">
        <v>338</v>
      </c>
      <c r="AP18" s="281">
        <v>120</v>
      </c>
      <c r="AQ18" s="281">
        <v>135</v>
      </c>
      <c r="AR18" s="278">
        <v>962</v>
      </c>
      <c r="AS18" s="283">
        <v>1052</v>
      </c>
      <c r="AT18" s="277">
        <v>0</v>
      </c>
      <c r="AU18" s="281">
        <v>0</v>
      </c>
      <c r="AV18" s="278">
        <v>0</v>
      </c>
      <c r="AW18" s="280">
        <v>0</v>
      </c>
      <c r="AX18" s="281">
        <v>2702</v>
      </c>
      <c r="AY18" s="281">
        <v>3691</v>
      </c>
      <c r="AZ18" s="281">
        <v>3101</v>
      </c>
      <c r="BA18" s="281">
        <v>1803</v>
      </c>
      <c r="BB18" s="281">
        <v>1040</v>
      </c>
      <c r="BC18" s="282">
        <v>12337</v>
      </c>
      <c r="BD18" s="283">
        <v>12337</v>
      </c>
      <c r="BE18" s="277">
        <v>0</v>
      </c>
      <c r="BF18" s="281">
        <v>0</v>
      </c>
      <c r="BG18" s="278">
        <v>0</v>
      </c>
      <c r="BH18" s="280">
        <v>0</v>
      </c>
      <c r="BI18" s="281">
        <v>1409</v>
      </c>
      <c r="BJ18" s="281">
        <v>2184</v>
      </c>
      <c r="BK18" s="281">
        <v>967</v>
      </c>
      <c r="BL18" s="281">
        <v>550</v>
      </c>
      <c r="BM18" s="281">
        <v>259</v>
      </c>
      <c r="BN18" s="278">
        <v>5369</v>
      </c>
      <c r="BO18" s="283">
        <v>5369</v>
      </c>
      <c r="BP18" s="277">
        <v>0</v>
      </c>
      <c r="BQ18" s="281">
        <v>7</v>
      </c>
      <c r="BR18" s="278">
        <v>7</v>
      </c>
      <c r="BS18" s="280">
        <v>0</v>
      </c>
      <c r="BT18" s="281">
        <v>302</v>
      </c>
      <c r="BU18" s="281">
        <v>494</v>
      </c>
      <c r="BV18" s="281">
        <v>882</v>
      </c>
      <c r="BW18" s="281">
        <v>427</v>
      </c>
      <c r="BX18" s="281">
        <v>308</v>
      </c>
      <c r="BY18" s="278">
        <v>2413</v>
      </c>
      <c r="BZ18" s="283">
        <v>2420</v>
      </c>
      <c r="CA18" s="277">
        <v>0</v>
      </c>
      <c r="CB18" s="281">
        <v>0</v>
      </c>
      <c r="CC18" s="278">
        <v>0</v>
      </c>
      <c r="CD18" s="280">
        <v>0</v>
      </c>
      <c r="CE18" s="281">
        <v>15</v>
      </c>
      <c r="CF18" s="281">
        <v>24</v>
      </c>
      <c r="CG18" s="281">
        <v>87</v>
      </c>
      <c r="CH18" s="281">
        <v>65</v>
      </c>
      <c r="CI18" s="281">
        <v>23</v>
      </c>
      <c r="CJ18" s="278">
        <v>214</v>
      </c>
      <c r="CK18" s="283">
        <v>214</v>
      </c>
      <c r="CL18" s="277">
        <v>0</v>
      </c>
      <c r="CM18" s="281">
        <v>0</v>
      </c>
      <c r="CN18" s="278">
        <v>0</v>
      </c>
      <c r="CO18" s="280">
        <v>0</v>
      </c>
      <c r="CP18" s="281">
        <v>0</v>
      </c>
      <c r="CQ18" s="281">
        <v>0</v>
      </c>
      <c r="CR18" s="281">
        <v>0</v>
      </c>
      <c r="CS18" s="281">
        <v>0</v>
      </c>
      <c r="CT18" s="281">
        <v>0</v>
      </c>
      <c r="CU18" s="278">
        <v>0</v>
      </c>
      <c r="CV18" s="283">
        <v>0</v>
      </c>
      <c r="CW18" s="277">
        <v>0</v>
      </c>
      <c r="CX18" s="281">
        <v>0</v>
      </c>
      <c r="CY18" s="278">
        <v>0</v>
      </c>
      <c r="CZ18" s="280">
        <v>0</v>
      </c>
      <c r="DA18" s="281">
        <v>0</v>
      </c>
      <c r="DB18" s="281">
        <v>0</v>
      </c>
      <c r="DC18" s="281">
        <v>0</v>
      </c>
      <c r="DD18" s="281">
        <v>0</v>
      </c>
      <c r="DE18" s="281">
        <v>0</v>
      </c>
      <c r="DF18" s="278">
        <v>0</v>
      </c>
      <c r="DG18" s="283">
        <v>0</v>
      </c>
    </row>
    <row r="19" spans="1:111" ht="18.75" customHeight="1" x14ac:dyDescent="0.2">
      <c r="A19" s="262" t="s">
        <v>17</v>
      </c>
      <c r="B19" s="277">
        <v>0</v>
      </c>
      <c r="C19" s="281">
        <v>0</v>
      </c>
      <c r="D19" s="385">
        <v>0</v>
      </c>
      <c r="E19" s="280">
        <v>0</v>
      </c>
      <c r="F19" s="281">
        <v>2573</v>
      </c>
      <c r="G19" s="281">
        <v>6793</v>
      </c>
      <c r="H19" s="281">
        <v>7716</v>
      </c>
      <c r="I19" s="281">
        <v>9244</v>
      </c>
      <c r="J19" s="281">
        <v>11107</v>
      </c>
      <c r="K19" s="282">
        <v>37433</v>
      </c>
      <c r="L19" s="283">
        <v>37433</v>
      </c>
      <c r="M19" s="277">
        <v>0</v>
      </c>
      <c r="N19" s="281">
        <v>13</v>
      </c>
      <c r="O19" s="278">
        <v>13</v>
      </c>
      <c r="P19" s="280">
        <v>0</v>
      </c>
      <c r="Q19" s="281">
        <v>1</v>
      </c>
      <c r="R19" s="281">
        <v>69</v>
      </c>
      <c r="S19" s="281">
        <v>110</v>
      </c>
      <c r="T19" s="281">
        <v>177</v>
      </c>
      <c r="U19" s="281">
        <v>414</v>
      </c>
      <c r="V19" s="278">
        <v>771</v>
      </c>
      <c r="W19" s="283">
        <v>784</v>
      </c>
      <c r="X19" s="277">
        <v>163</v>
      </c>
      <c r="Y19" s="281">
        <v>723</v>
      </c>
      <c r="Z19" s="278">
        <v>886</v>
      </c>
      <c r="AA19" s="280">
        <v>0</v>
      </c>
      <c r="AB19" s="281">
        <v>1135</v>
      </c>
      <c r="AC19" s="281">
        <v>2757</v>
      </c>
      <c r="AD19" s="281">
        <v>1664</v>
      </c>
      <c r="AE19" s="281">
        <v>1556</v>
      </c>
      <c r="AF19" s="281">
        <v>1308</v>
      </c>
      <c r="AG19" s="278">
        <v>8420</v>
      </c>
      <c r="AH19" s="283">
        <v>9306</v>
      </c>
      <c r="AI19" s="277">
        <v>32</v>
      </c>
      <c r="AJ19" s="281">
        <v>35</v>
      </c>
      <c r="AK19" s="278">
        <v>67</v>
      </c>
      <c r="AL19" s="280">
        <v>0</v>
      </c>
      <c r="AM19" s="281">
        <v>66</v>
      </c>
      <c r="AN19" s="281">
        <v>302</v>
      </c>
      <c r="AO19" s="281">
        <v>117</v>
      </c>
      <c r="AP19" s="281">
        <v>133</v>
      </c>
      <c r="AQ19" s="281">
        <v>60</v>
      </c>
      <c r="AR19" s="278">
        <v>678</v>
      </c>
      <c r="AS19" s="283">
        <v>745</v>
      </c>
      <c r="AT19" s="277">
        <v>0</v>
      </c>
      <c r="AU19" s="281">
        <v>0</v>
      </c>
      <c r="AV19" s="278">
        <v>0</v>
      </c>
      <c r="AW19" s="280">
        <v>0</v>
      </c>
      <c r="AX19" s="281">
        <v>3240</v>
      </c>
      <c r="AY19" s="281">
        <v>5515</v>
      </c>
      <c r="AZ19" s="281">
        <v>3654</v>
      </c>
      <c r="BA19" s="281">
        <v>2126</v>
      </c>
      <c r="BB19" s="281">
        <v>938</v>
      </c>
      <c r="BC19" s="282">
        <v>15473</v>
      </c>
      <c r="BD19" s="283">
        <v>15473</v>
      </c>
      <c r="BE19" s="277">
        <v>0</v>
      </c>
      <c r="BF19" s="281">
        <v>0</v>
      </c>
      <c r="BG19" s="278">
        <v>0</v>
      </c>
      <c r="BH19" s="280">
        <v>0</v>
      </c>
      <c r="BI19" s="281">
        <v>494</v>
      </c>
      <c r="BJ19" s="281">
        <v>1221</v>
      </c>
      <c r="BK19" s="281">
        <v>681</v>
      </c>
      <c r="BL19" s="281">
        <v>365</v>
      </c>
      <c r="BM19" s="281">
        <v>99</v>
      </c>
      <c r="BN19" s="278">
        <v>2860</v>
      </c>
      <c r="BO19" s="283">
        <v>2860</v>
      </c>
      <c r="BP19" s="277">
        <v>10</v>
      </c>
      <c r="BQ19" s="281">
        <v>25</v>
      </c>
      <c r="BR19" s="278">
        <v>35</v>
      </c>
      <c r="BS19" s="280">
        <v>0</v>
      </c>
      <c r="BT19" s="281">
        <v>274</v>
      </c>
      <c r="BU19" s="281">
        <v>772</v>
      </c>
      <c r="BV19" s="281">
        <v>1276</v>
      </c>
      <c r="BW19" s="281">
        <v>1037</v>
      </c>
      <c r="BX19" s="281">
        <v>500</v>
      </c>
      <c r="BY19" s="278">
        <v>3859</v>
      </c>
      <c r="BZ19" s="283">
        <v>3894</v>
      </c>
      <c r="CA19" s="277">
        <v>0</v>
      </c>
      <c r="CB19" s="281">
        <v>0</v>
      </c>
      <c r="CC19" s="278">
        <v>0</v>
      </c>
      <c r="CD19" s="280">
        <v>0</v>
      </c>
      <c r="CE19" s="281">
        <v>37</v>
      </c>
      <c r="CF19" s="281">
        <v>60</v>
      </c>
      <c r="CG19" s="281">
        <v>49</v>
      </c>
      <c r="CH19" s="281">
        <v>49</v>
      </c>
      <c r="CI19" s="281">
        <v>66</v>
      </c>
      <c r="CJ19" s="278">
        <v>261</v>
      </c>
      <c r="CK19" s="283">
        <v>261</v>
      </c>
      <c r="CL19" s="277">
        <v>0</v>
      </c>
      <c r="CM19" s="281">
        <v>0</v>
      </c>
      <c r="CN19" s="278">
        <v>0</v>
      </c>
      <c r="CO19" s="280">
        <v>0</v>
      </c>
      <c r="CP19" s="281">
        <v>0</v>
      </c>
      <c r="CQ19" s="281">
        <v>0</v>
      </c>
      <c r="CR19" s="281">
        <v>0</v>
      </c>
      <c r="CS19" s="281">
        <v>0</v>
      </c>
      <c r="CT19" s="281">
        <v>0</v>
      </c>
      <c r="CU19" s="278">
        <v>0</v>
      </c>
      <c r="CV19" s="283">
        <v>0</v>
      </c>
      <c r="CW19" s="277">
        <v>0</v>
      </c>
      <c r="CX19" s="281">
        <v>0</v>
      </c>
      <c r="CY19" s="278">
        <v>0</v>
      </c>
      <c r="CZ19" s="280">
        <v>0</v>
      </c>
      <c r="DA19" s="281">
        <v>0</v>
      </c>
      <c r="DB19" s="281">
        <v>0</v>
      </c>
      <c r="DC19" s="281">
        <v>0</v>
      </c>
      <c r="DD19" s="281">
        <v>0</v>
      </c>
      <c r="DE19" s="281">
        <v>0</v>
      </c>
      <c r="DF19" s="278">
        <v>0</v>
      </c>
      <c r="DG19" s="283">
        <v>0</v>
      </c>
    </row>
    <row r="20" spans="1:111" ht="18.75" customHeight="1" x14ac:dyDescent="0.2">
      <c r="A20" s="262" t="s">
        <v>18</v>
      </c>
      <c r="B20" s="277">
        <v>0</v>
      </c>
      <c r="C20" s="281">
        <v>0</v>
      </c>
      <c r="D20" s="385">
        <v>0</v>
      </c>
      <c r="E20" s="280">
        <v>0</v>
      </c>
      <c r="F20" s="281">
        <v>5937</v>
      </c>
      <c r="G20" s="281">
        <v>7858</v>
      </c>
      <c r="H20" s="281">
        <v>8303</v>
      </c>
      <c r="I20" s="281">
        <v>14235</v>
      </c>
      <c r="J20" s="281">
        <v>9111</v>
      </c>
      <c r="K20" s="282">
        <v>45444</v>
      </c>
      <c r="L20" s="283">
        <v>45444</v>
      </c>
      <c r="M20" s="277">
        <v>0</v>
      </c>
      <c r="N20" s="281">
        <v>0</v>
      </c>
      <c r="O20" s="278">
        <v>0</v>
      </c>
      <c r="P20" s="280">
        <v>0</v>
      </c>
      <c r="Q20" s="281">
        <v>19</v>
      </c>
      <c r="R20" s="281">
        <v>69</v>
      </c>
      <c r="S20" s="281">
        <v>109</v>
      </c>
      <c r="T20" s="281">
        <v>165</v>
      </c>
      <c r="U20" s="281">
        <v>407</v>
      </c>
      <c r="V20" s="278">
        <v>769</v>
      </c>
      <c r="W20" s="283">
        <v>769</v>
      </c>
      <c r="X20" s="277">
        <v>328</v>
      </c>
      <c r="Y20" s="281">
        <v>749</v>
      </c>
      <c r="Z20" s="278">
        <v>1077</v>
      </c>
      <c r="AA20" s="280">
        <v>0</v>
      </c>
      <c r="AB20" s="281">
        <v>2594</v>
      </c>
      <c r="AC20" s="281">
        <v>2923</v>
      </c>
      <c r="AD20" s="281">
        <v>2269</v>
      </c>
      <c r="AE20" s="281">
        <v>1915</v>
      </c>
      <c r="AF20" s="281">
        <v>1616</v>
      </c>
      <c r="AG20" s="278">
        <v>11317</v>
      </c>
      <c r="AH20" s="283">
        <v>12394</v>
      </c>
      <c r="AI20" s="277">
        <v>59</v>
      </c>
      <c r="AJ20" s="281">
        <v>79</v>
      </c>
      <c r="AK20" s="278">
        <v>138</v>
      </c>
      <c r="AL20" s="280">
        <v>0</v>
      </c>
      <c r="AM20" s="281">
        <v>611</v>
      </c>
      <c r="AN20" s="281">
        <v>561</v>
      </c>
      <c r="AO20" s="281">
        <v>571</v>
      </c>
      <c r="AP20" s="281">
        <v>493</v>
      </c>
      <c r="AQ20" s="281">
        <v>173</v>
      </c>
      <c r="AR20" s="278">
        <v>2409</v>
      </c>
      <c r="AS20" s="283">
        <v>2547</v>
      </c>
      <c r="AT20" s="277">
        <v>0</v>
      </c>
      <c r="AU20" s="281">
        <v>0</v>
      </c>
      <c r="AV20" s="278">
        <v>0</v>
      </c>
      <c r="AW20" s="280">
        <v>0</v>
      </c>
      <c r="AX20" s="281">
        <v>5288</v>
      </c>
      <c r="AY20" s="281">
        <v>5646</v>
      </c>
      <c r="AZ20" s="281">
        <v>3891</v>
      </c>
      <c r="BA20" s="281">
        <v>2366</v>
      </c>
      <c r="BB20" s="281">
        <v>913</v>
      </c>
      <c r="BC20" s="282">
        <v>18104</v>
      </c>
      <c r="BD20" s="283">
        <v>18104</v>
      </c>
      <c r="BE20" s="277">
        <v>0</v>
      </c>
      <c r="BF20" s="281">
        <v>0</v>
      </c>
      <c r="BG20" s="278">
        <v>0</v>
      </c>
      <c r="BH20" s="280">
        <v>0</v>
      </c>
      <c r="BI20" s="281">
        <v>1095</v>
      </c>
      <c r="BJ20" s="281">
        <v>1088</v>
      </c>
      <c r="BK20" s="281">
        <v>713</v>
      </c>
      <c r="BL20" s="281">
        <v>483</v>
      </c>
      <c r="BM20" s="281">
        <v>113</v>
      </c>
      <c r="BN20" s="278">
        <v>3492</v>
      </c>
      <c r="BO20" s="283">
        <v>3492</v>
      </c>
      <c r="BP20" s="277">
        <v>4</v>
      </c>
      <c r="BQ20" s="281">
        <v>10</v>
      </c>
      <c r="BR20" s="278">
        <v>14</v>
      </c>
      <c r="BS20" s="280">
        <v>0</v>
      </c>
      <c r="BT20" s="281">
        <v>448</v>
      </c>
      <c r="BU20" s="281">
        <v>1122</v>
      </c>
      <c r="BV20" s="281">
        <v>1759</v>
      </c>
      <c r="BW20" s="281">
        <v>1777</v>
      </c>
      <c r="BX20" s="281">
        <v>742</v>
      </c>
      <c r="BY20" s="278">
        <v>5848</v>
      </c>
      <c r="BZ20" s="283">
        <v>5862</v>
      </c>
      <c r="CA20" s="277">
        <v>0</v>
      </c>
      <c r="CB20" s="281">
        <v>0</v>
      </c>
      <c r="CC20" s="278">
        <v>0</v>
      </c>
      <c r="CD20" s="280">
        <v>0</v>
      </c>
      <c r="CE20" s="281">
        <v>29</v>
      </c>
      <c r="CF20" s="281">
        <v>9</v>
      </c>
      <c r="CG20" s="281">
        <v>16</v>
      </c>
      <c r="CH20" s="281">
        <v>19</v>
      </c>
      <c r="CI20" s="281">
        <v>5</v>
      </c>
      <c r="CJ20" s="278">
        <v>78</v>
      </c>
      <c r="CK20" s="283">
        <v>78</v>
      </c>
      <c r="CL20" s="277">
        <v>0</v>
      </c>
      <c r="CM20" s="281">
        <v>0</v>
      </c>
      <c r="CN20" s="278">
        <v>0</v>
      </c>
      <c r="CO20" s="280">
        <v>0</v>
      </c>
      <c r="CP20" s="281">
        <v>0</v>
      </c>
      <c r="CQ20" s="281">
        <v>0</v>
      </c>
      <c r="CR20" s="281">
        <v>0</v>
      </c>
      <c r="CS20" s="281">
        <v>0</v>
      </c>
      <c r="CT20" s="281">
        <v>0</v>
      </c>
      <c r="CU20" s="278">
        <v>0</v>
      </c>
      <c r="CV20" s="283">
        <v>0</v>
      </c>
      <c r="CW20" s="277">
        <v>0</v>
      </c>
      <c r="CX20" s="281">
        <v>0</v>
      </c>
      <c r="CY20" s="278">
        <v>0</v>
      </c>
      <c r="CZ20" s="280">
        <v>0</v>
      </c>
      <c r="DA20" s="281">
        <v>0</v>
      </c>
      <c r="DB20" s="281">
        <v>0</v>
      </c>
      <c r="DC20" s="281">
        <v>0</v>
      </c>
      <c r="DD20" s="281">
        <v>0</v>
      </c>
      <c r="DE20" s="281">
        <v>0</v>
      </c>
      <c r="DF20" s="278">
        <v>0</v>
      </c>
      <c r="DG20" s="283">
        <v>0</v>
      </c>
    </row>
    <row r="21" spans="1:111" ht="18.75" customHeight="1" x14ac:dyDescent="0.2">
      <c r="A21" s="262" t="s">
        <v>19</v>
      </c>
      <c r="B21" s="277">
        <v>0</v>
      </c>
      <c r="C21" s="281">
        <v>0</v>
      </c>
      <c r="D21" s="385">
        <v>0</v>
      </c>
      <c r="E21" s="280">
        <v>0</v>
      </c>
      <c r="F21" s="281">
        <v>2063</v>
      </c>
      <c r="G21" s="281">
        <v>2401</v>
      </c>
      <c r="H21" s="281">
        <v>3128</v>
      </c>
      <c r="I21" s="281">
        <v>3482</v>
      </c>
      <c r="J21" s="281">
        <v>2594</v>
      </c>
      <c r="K21" s="282">
        <v>13668</v>
      </c>
      <c r="L21" s="283">
        <v>13668</v>
      </c>
      <c r="M21" s="277">
        <v>0</v>
      </c>
      <c r="N21" s="281">
        <v>0</v>
      </c>
      <c r="O21" s="278">
        <v>0</v>
      </c>
      <c r="P21" s="280">
        <v>0</v>
      </c>
      <c r="Q21" s="281">
        <v>10</v>
      </c>
      <c r="R21" s="281">
        <v>23</v>
      </c>
      <c r="S21" s="281">
        <v>59</v>
      </c>
      <c r="T21" s="281">
        <v>86</v>
      </c>
      <c r="U21" s="281">
        <v>168</v>
      </c>
      <c r="V21" s="278">
        <v>346</v>
      </c>
      <c r="W21" s="283">
        <v>346</v>
      </c>
      <c r="X21" s="277">
        <v>166</v>
      </c>
      <c r="Y21" s="281">
        <v>314</v>
      </c>
      <c r="Z21" s="278">
        <v>480</v>
      </c>
      <c r="AA21" s="280">
        <v>0</v>
      </c>
      <c r="AB21" s="281">
        <v>1341</v>
      </c>
      <c r="AC21" s="281">
        <v>1218</v>
      </c>
      <c r="AD21" s="281">
        <v>914</v>
      </c>
      <c r="AE21" s="281">
        <v>737</v>
      </c>
      <c r="AF21" s="281">
        <v>791</v>
      </c>
      <c r="AG21" s="278">
        <v>5001</v>
      </c>
      <c r="AH21" s="283">
        <v>5481</v>
      </c>
      <c r="AI21" s="277">
        <v>32</v>
      </c>
      <c r="AJ21" s="281">
        <v>78</v>
      </c>
      <c r="AK21" s="278">
        <v>110</v>
      </c>
      <c r="AL21" s="280">
        <v>0</v>
      </c>
      <c r="AM21" s="281">
        <v>280</v>
      </c>
      <c r="AN21" s="281">
        <v>132</v>
      </c>
      <c r="AO21" s="281">
        <v>127</v>
      </c>
      <c r="AP21" s="281">
        <v>139</v>
      </c>
      <c r="AQ21" s="281">
        <v>65</v>
      </c>
      <c r="AR21" s="278">
        <v>743</v>
      </c>
      <c r="AS21" s="283">
        <v>853</v>
      </c>
      <c r="AT21" s="277">
        <v>0</v>
      </c>
      <c r="AU21" s="281">
        <v>0</v>
      </c>
      <c r="AV21" s="278">
        <v>0</v>
      </c>
      <c r="AW21" s="280">
        <v>0</v>
      </c>
      <c r="AX21" s="281">
        <v>2134</v>
      </c>
      <c r="AY21" s="281">
        <v>2456</v>
      </c>
      <c r="AZ21" s="281">
        <v>1396</v>
      </c>
      <c r="BA21" s="281">
        <v>539</v>
      </c>
      <c r="BB21" s="281">
        <v>426</v>
      </c>
      <c r="BC21" s="282">
        <v>6951</v>
      </c>
      <c r="BD21" s="283">
        <v>6951</v>
      </c>
      <c r="BE21" s="277">
        <v>0</v>
      </c>
      <c r="BF21" s="281">
        <v>0</v>
      </c>
      <c r="BG21" s="278">
        <v>0</v>
      </c>
      <c r="BH21" s="280">
        <v>0</v>
      </c>
      <c r="BI21" s="281">
        <v>742</v>
      </c>
      <c r="BJ21" s="281">
        <v>675</v>
      </c>
      <c r="BK21" s="281">
        <v>419</v>
      </c>
      <c r="BL21" s="281">
        <v>270</v>
      </c>
      <c r="BM21" s="281">
        <v>100</v>
      </c>
      <c r="BN21" s="278">
        <v>2206</v>
      </c>
      <c r="BO21" s="283">
        <v>2206</v>
      </c>
      <c r="BP21" s="277">
        <v>0</v>
      </c>
      <c r="BQ21" s="281">
        <v>3</v>
      </c>
      <c r="BR21" s="278">
        <v>3</v>
      </c>
      <c r="BS21" s="280">
        <v>0</v>
      </c>
      <c r="BT21" s="281">
        <v>148</v>
      </c>
      <c r="BU21" s="281">
        <v>310</v>
      </c>
      <c r="BV21" s="281">
        <v>542</v>
      </c>
      <c r="BW21" s="281">
        <v>122</v>
      </c>
      <c r="BX21" s="281">
        <v>88</v>
      </c>
      <c r="BY21" s="278">
        <v>1210</v>
      </c>
      <c r="BZ21" s="283">
        <v>1213</v>
      </c>
      <c r="CA21" s="277">
        <v>0</v>
      </c>
      <c r="CB21" s="281">
        <v>0</v>
      </c>
      <c r="CC21" s="278">
        <v>0</v>
      </c>
      <c r="CD21" s="280">
        <v>0</v>
      </c>
      <c r="CE21" s="281">
        <v>40</v>
      </c>
      <c r="CF21" s="281">
        <v>66</v>
      </c>
      <c r="CG21" s="281">
        <v>66</v>
      </c>
      <c r="CH21" s="281">
        <v>52</v>
      </c>
      <c r="CI21" s="281">
        <v>37</v>
      </c>
      <c r="CJ21" s="278">
        <v>261</v>
      </c>
      <c r="CK21" s="283">
        <v>261</v>
      </c>
      <c r="CL21" s="277">
        <v>0</v>
      </c>
      <c r="CM21" s="281">
        <v>0</v>
      </c>
      <c r="CN21" s="278">
        <v>0</v>
      </c>
      <c r="CO21" s="280">
        <v>0</v>
      </c>
      <c r="CP21" s="281">
        <v>0</v>
      </c>
      <c r="CQ21" s="281">
        <v>0</v>
      </c>
      <c r="CR21" s="281">
        <v>0</v>
      </c>
      <c r="CS21" s="281">
        <v>0</v>
      </c>
      <c r="CT21" s="281">
        <v>0</v>
      </c>
      <c r="CU21" s="278">
        <v>0</v>
      </c>
      <c r="CV21" s="283">
        <v>0</v>
      </c>
      <c r="CW21" s="277">
        <v>0</v>
      </c>
      <c r="CX21" s="281">
        <v>0</v>
      </c>
      <c r="CY21" s="278">
        <v>0</v>
      </c>
      <c r="CZ21" s="280">
        <v>0</v>
      </c>
      <c r="DA21" s="281">
        <v>0</v>
      </c>
      <c r="DB21" s="281">
        <v>0</v>
      </c>
      <c r="DC21" s="281">
        <v>0</v>
      </c>
      <c r="DD21" s="281">
        <v>0</v>
      </c>
      <c r="DE21" s="281">
        <v>0</v>
      </c>
      <c r="DF21" s="278">
        <v>0</v>
      </c>
      <c r="DG21" s="283">
        <v>0</v>
      </c>
    </row>
    <row r="22" spans="1:111" ht="18.75" customHeight="1" x14ac:dyDescent="0.2">
      <c r="A22" s="262" t="s">
        <v>20</v>
      </c>
      <c r="B22" s="277">
        <v>0</v>
      </c>
      <c r="C22" s="281">
        <v>0</v>
      </c>
      <c r="D22" s="385">
        <v>0</v>
      </c>
      <c r="E22" s="280">
        <v>0</v>
      </c>
      <c r="F22" s="281">
        <v>2899</v>
      </c>
      <c r="G22" s="281">
        <v>3620</v>
      </c>
      <c r="H22" s="281">
        <v>3888</v>
      </c>
      <c r="I22" s="281">
        <v>4011</v>
      </c>
      <c r="J22" s="281">
        <v>3562</v>
      </c>
      <c r="K22" s="282">
        <v>17980</v>
      </c>
      <c r="L22" s="283">
        <v>17980</v>
      </c>
      <c r="M22" s="277">
        <v>0</v>
      </c>
      <c r="N22" s="281">
        <v>0</v>
      </c>
      <c r="O22" s="278">
        <v>0</v>
      </c>
      <c r="P22" s="280">
        <v>0</v>
      </c>
      <c r="Q22" s="281">
        <v>3</v>
      </c>
      <c r="R22" s="281">
        <v>39</v>
      </c>
      <c r="S22" s="281">
        <v>42</v>
      </c>
      <c r="T22" s="281">
        <v>84</v>
      </c>
      <c r="U22" s="281">
        <v>231</v>
      </c>
      <c r="V22" s="278">
        <v>399</v>
      </c>
      <c r="W22" s="283">
        <v>399</v>
      </c>
      <c r="X22" s="277">
        <v>207</v>
      </c>
      <c r="Y22" s="281">
        <v>650</v>
      </c>
      <c r="Z22" s="278">
        <v>857</v>
      </c>
      <c r="AA22" s="280">
        <v>0</v>
      </c>
      <c r="AB22" s="281">
        <v>2485</v>
      </c>
      <c r="AC22" s="281">
        <v>1701</v>
      </c>
      <c r="AD22" s="281">
        <v>1147</v>
      </c>
      <c r="AE22" s="281">
        <v>861</v>
      </c>
      <c r="AF22" s="281">
        <v>629</v>
      </c>
      <c r="AG22" s="278">
        <v>6823</v>
      </c>
      <c r="AH22" s="283">
        <v>7680</v>
      </c>
      <c r="AI22" s="277">
        <v>114</v>
      </c>
      <c r="AJ22" s="281">
        <v>368</v>
      </c>
      <c r="AK22" s="278">
        <v>482</v>
      </c>
      <c r="AL22" s="280">
        <v>0</v>
      </c>
      <c r="AM22" s="281">
        <v>599</v>
      </c>
      <c r="AN22" s="281">
        <v>682</v>
      </c>
      <c r="AO22" s="281">
        <v>346</v>
      </c>
      <c r="AP22" s="281">
        <v>301</v>
      </c>
      <c r="AQ22" s="281">
        <v>160</v>
      </c>
      <c r="AR22" s="278">
        <v>2088</v>
      </c>
      <c r="AS22" s="283">
        <v>2570</v>
      </c>
      <c r="AT22" s="277">
        <v>0</v>
      </c>
      <c r="AU22" s="281">
        <v>0</v>
      </c>
      <c r="AV22" s="278">
        <v>0</v>
      </c>
      <c r="AW22" s="280">
        <v>0</v>
      </c>
      <c r="AX22" s="281">
        <v>2782</v>
      </c>
      <c r="AY22" s="281">
        <v>1643</v>
      </c>
      <c r="AZ22" s="281">
        <v>1452</v>
      </c>
      <c r="BA22" s="281">
        <v>726</v>
      </c>
      <c r="BB22" s="281">
        <v>383</v>
      </c>
      <c r="BC22" s="282">
        <v>6986</v>
      </c>
      <c r="BD22" s="283">
        <v>6986</v>
      </c>
      <c r="BE22" s="277">
        <v>0</v>
      </c>
      <c r="BF22" s="281">
        <v>0</v>
      </c>
      <c r="BG22" s="278">
        <v>0</v>
      </c>
      <c r="BH22" s="280">
        <v>0</v>
      </c>
      <c r="BI22" s="281">
        <v>1335</v>
      </c>
      <c r="BJ22" s="281">
        <v>823</v>
      </c>
      <c r="BK22" s="281">
        <v>516</v>
      </c>
      <c r="BL22" s="281">
        <v>339</v>
      </c>
      <c r="BM22" s="281">
        <v>78</v>
      </c>
      <c r="BN22" s="278">
        <v>3091</v>
      </c>
      <c r="BO22" s="283">
        <v>3091</v>
      </c>
      <c r="BP22" s="277">
        <v>3</v>
      </c>
      <c r="BQ22" s="281">
        <v>21</v>
      </c>
      <c r="BR22" s="278">
        <v>24</v>
      </c>
      <c r="BS22" s="280">
        <v>0</v>
      </c>
      <c r="BT22" s="281">
        <v>396</v>
      </c>
      <c r="BU22" s="281">
        <v>464</v>
      </c>
      <c r="BV22" s="281">
        <v>1206</v>
      </c>
      <c r="BW22" s="281">
        <v>553</v>
      </c>
      <c r="BX22" s="281">
        <v>230</v>
      </c>
      <c r="BY22" s="278">
        <v>2849</v>
      </c>
      <c r="BZ22" s="283">
        <v>2873</v>
      </c>
      <c r="CA22" s="277">
        <v>0</v>
      </c>
      <c r="CB22" s="281">
        <v>5</v>
      </c>
      <c r="CC22" s="278">
        <v>5</v>
      </c>
      <c r="CD22" s="280">
        <v>0</v>
      </c>
      <c r="CE22" s="281">
        <v>20</v>
      </c>
      <c r="CF22" s="281">
        <v>24</v>
      </c>
      <c r="CG22" s="281">
        <v>93</v>
      </c>
      <c r="CH22" s="281">
        <v>34</v>
      </c>
      <c r="CI22" s="281">
        <v>53</v>
      </c>
      <c r="CJ22" s="278">
        <v>224</v>
      </c>
      <c r="CK22" s="283">
        <v>229</v>
      </c>
      <c r="CL22" s="277">
        <v>0</v>
      </c>
      <c r="CM22" s="281">
        <v>0</v>
      </c>
      <c r="CN22" s="278">
        <v>0</v>
      </c>
      <c r="CO22" s="280">
        <v>0</v>
      </c>
      <c r="CP22" s="281">
        <v>0</v>
      </c>
      <c r="CQ22" s="281">
        <v>0</v>
      </c>
      <c r="CR22" s="281">
        <v>0</v>
      </c>
      <c r="CS22" s="281">
        <v>0</v>
      </c>
      <c r="CT22" s="281">
        <v>0</v>
      </c>
      <c r="CU22" s="278">
        <v>0</v>
      </c>
      <c r="CV22" s="283">
        <v>0</v>
      </c>
      <c r="CW22" s="277">
        <v>0</v>
      </c>
      <c r="CX22" s="281">
        <v>0</v>
      </c>
      <c r="CY22" s="278">
        <v>0</v>
      </c>
      <c r="CZ22" s="280">
        <v>0</v>
      </c>
      <c r="DA22" s="281">
        <v>0</v>
      </c>
      <c r="DB22" s="281">
        <v>0</v>
      </c>
      <c r="DC22" s="281">
        <v>0</v>
      </c>
      <c r="DD22" s="281">
        <v>0</v>
      </c>
      <c r="DE22" s="281">
        <v>0</v>
      </c>
      <c r="DF22" s="278">
        <v>0</v>
      </c>
      <c r="DG22" s="283">
        <v>0</v>
      </c>
    </row>
    <row r="23" spans="1:111" ht="18.75" customHeight="1" x14ac:dyDescent="0.2">
      <c r="A23" s="262" t="s">
        <v>21</v>
      </c>
      <c r="B23" s="277">
        <v>0</v>
      </c>
      <c r="C23" s="281">
        <v>0</v>
      </c>
      <c r="D23" s="385">
        <v>0</v>
      </c>
      <c r="E23" s="280">
        <v>0</v>
      </c>
      <c r="F23" s="281">
        <v>2841</v>
      </c>
      <c r="G23" s="281">
        <v>5868</v>
      </c>
      <c r="H23" s="281">
        <v>5986</v>
      </c>
      <c r="I23" s="281">
        <v>6679</v>
      </c>
      <c r="J23" s="281">
        <v>5243</v>
      </c>
      <c r="K23" s="282">
        <v>26617</v>
      </c>
      <c r="L23" s="283">
        <v>26617</v>
      </c>
      <c r="M23" s="277">
        <v>0</v>
      </c>
      <c r="N23" s="281">
        <v>0</v>
      </c>
      <c r="O23" s="278">
        <v>0</v>
      </c>
      <c r="P23" s="280">
        <v>0</v>
      </c>
      <c r="Q23" s="281">
        <v>0</v>
      </c>
      <c r="R23" s="281">
        <v>15</v>
      </c>
      <c r="S23" s="281">
        <v>75</v>
      </c>
      <c r="T23" s="281">
        <v>116</v>
      </c>
      <c r="U23" s="281">
        <v>243</v>
      </c>
      <c r="V23" s="278">
        <v>449</v>
      </c>
      <c r="W23" s="283">
        <v>449</v>
      </c>
      <c r="X23" s="277">
        <v>318</v>
      </c>
      <c r="Y23" s="281">
        <v>635</v>
      </c>
      <c r="Z23" s="278">
        <v>953</v>
      </c>
      <c r="AA23" s="280">
        <v>0</v>
      </c>
      <c r="AB23" s="281">
        <v>1654</v>
      </c>
      <c r="AC23" s="281">
        <v>2704</v>
      </c>
      <c r="AD23" s="281">
        <v>1553</v>
      </c>
      <c r="AE23" s="281">
        <v>1286</v>
      </c>
      <c r="AF23" s="281">
        <v>749</v>
      </c>
      <c r="AG23" s="278">
        <v>7946</v>
      </c>
      <c r="AH23" s="283">
        <v>8899</v>
      </c>
      <c r="AI23" s="277">
        <v>151</v>
      </c>
      <c r="AJ23" s="281">
        <v>297</v>
      </c>
      <c r="AK23" s="278">
        <v>448</v>
      </c>
      <c r="AL23" s="280">
        <v>0</v>
      </c>
      <c r="AM23" s="281">
        <v>213</v>
      </c>
      <c r="AN23" s="281">
        <v>438</v>
      </c>
      <c r="AO23" s="281">
        <v>203</v>
      </c>
      <c r="AP23" s="281">
        <v>287</v>
      </c>
      <c r="AQ23" s="281">
        <v>52</v>
      </c>
      <c r="AR23" s="278">
        <v>1193</v>
      </c>
      <c r="AS23" s="283">
        <v>1641</v>
      </c>
      <c r="AT23" s="277">
        <v>0</v>
      </c>
      <c r="AU23" s="281">
        <v>0</v>
      </c>
      <c r="AV23" s="278">
        <v>0</v>
      </c>
      <c r="AW23" s="280">
        <v>0</v>
      </c>
      <c r="AX23" s="281">
        <v>2409</v>
      </c>
      <c r="AY23" s="281">
        <v>3050</v>
      </c>
      <c r="AZ23" s="281">
        <v>1874</v>
      </c>
      <c r="BA23" s="281">
        <v>1095</v>
      </c>
      <c r="BB23" s="281">
        <v>323</v>
      </c>
      <c r="BC23" s="282">
        <v>8751</v>
      </c>
      <c r="BD23" s="283">
        <v>8751</v>
      </c>
      <c r="BE23" s="277">
        <v>0</v>
      </c>
      <c r="BF23" s="281">
        <v>0</v>
      </c>
      <c r="BG23" s="278">
        <v>0</v>
      </c>
      <c r="BH23" s="280">
        <v>0</v>
      </c>
      <c r="BI23" s="281">
        <v>363</v>
      </c>
      <c r="BJ23" s="281">
        <v>483</v>
      </c>
      <c r="BK23" s="281">
        <v>327</v>
      </c>
      <c r="BL23" s="281">
        <v>107</v>
      </c>
      <c r="BM23" s="281">
        <v>122</v>
      </c>
      <c r="BN23" s="278">
        <v>1402</v>
      </c>
      <c r="BO23" s="283">
        <v>1402</v>
      </c>
      <c r="BP23" s="277">
        <v>7</v>
      </c>
      <c r="BQ23" s="281">
        <v>13</v>
      </c>
      <c r="BR23" s="278">
        <v>20</v>
      </c>
      <c r="BS23" s="280">
        <v>0</v>
      </c>
      <c r="BT23" s="281">
        <v>145</v>
      </c>
      <c r="BU23" s="281">
        <v>510</v>
      </c>
      <c r="BV23" s="281">
        <v>1641</v>
      </c>
      <c r="BW23" s="281">
        <v>1146</v>
      </c>
      <c r="BX23" s="281">
        <v>454</v>
      </c>
      <c r="BY23" s="278">
        <v>3896</v>
      </c>
      <c r="BZ23" s="283">
        <v>3916</v>
      </c>
      <c r="CA23" s="277">
        <v>0</v>
      </c>
      <c r="CB23" s="281">
        <v>0</v>
      </c>
      <c r="CC23" s="278">
        <v>0</v>
      </c>
      <c r="CD23" s="280">
        <v>0</v>
      </c>
      <c r="CE23" s="281">
        <v>0</v>
      </c>
      <c r="CF23" s="281">
        <v>23</v>
      </c>
      <c r="CG23" s="281">
        <v>13</v>
      </c>
      <c r="CH23" s="281">
        <v>8</v>
      </c>
      <c r="CI23" s="281">
        <v>14</v>
      </c>
      <c r="CJ23" s="278">
        <v>58</v>
      </c>
      <c r="CK23" s="283">
        <v>58</v>
      </c>
      <c r="CL23" s="277">
        <v>0</v>
      </c>
      <c r="CM23" s="281">
        <v>0</v>
      </c>
      <c r="CN23" s="278">
        <v>0</v>
      </c>
      <c r="CO23" s="280">
        <v>0</v>
      </c>
      <c r="CP23" s="281">
        <v>0</v>
      </c>
      <c r="CQ23" s="281">
        <v>0</v>
      </c>
      <c r="CR23" s="281">
        <v>0</v>
      </c>
      <c r="CS23" s="281">
        <v>0</v>
      </c>
      <c r="CT23" s="281">
        <v>0</v>
      </c>
      <c r="CU23" s="278">
        <v>0</v>
      </c>
      <c r="CV23" s="283">
        <v>0</v>
      </c>
      <c r="CW23" s="277">
        <v>0</v>
      </c>
      <c r="CX23" s="281">
        <v>0</v>
      </c>
      <c r="CY23" s="278">
        <v>0</v>
      </c>
      <c r="CZ23" s="280">
        <v>0</v>
      </c>
      <c r="DA23" s="281">
        <v>0</v>
      </c>
      <c r="DB23" s="281">
        <v>0</v>
      </c>
      <c r="DC23" s="281">
        <v>0</v>
      </c>
      <c r="DD23" s="281">
        <v>0</v>
      </c>
      <c r="DE23" s="281">
        <v>0</v>
      </c>
      <c r="DF23" s="278">
        <v>0</v>
      </c>
      <c r="DG23" s="283">
        <v>0</v>
      </c>
    </row>
    <row r="24" spans="1:111" ht="18.75" customHeight="1" x14ac:dyDescent="0.2">
      <c r="A24" s="262" t="s">
        <v>22</v>
      </c>
      <c r="B24" s="277">
        <v>0</v>
      </c>
      <c r="C24" s="281">
        <v>0</v>
      </c>
      <c r="D24" s="385">
        <v>0</v>
      </c>
      <c r="E24" s="280">
        <v>0</v>
      </c>
      <c r="F24" s="281">
        <v>747</v>
      </c>
      <c r="G24" s="281">
        <v>1081</v>
      </c>
      <c r="H24" s="281">
        <v>823</v>
      </c>
      <c r="I24" s="281">
        <v>1526</v>
      </c>
      <c r="J24" s="281">
        <v>1419</v>
      </c>
      <c r="K24" s="282">
        <v>5596</v>
      </c>
      <c r="L24" s="283">
        <v>5596</v>
      </c>
      <c r="M24" s="277">
        <v>0</v>
      </c>
      <c r="N24" s="281">
        <v>0</v>
      </c>
      <c r="O24" s="278">
        <v>0</v>
      </c>
      <c r="P24" s="280">
        <v>0</v>
      </c>
      <c r="Q24" s="281">
        <v>0</v>
      </c>
      <c r="R24" s="281">
        <v>5</v>
      </c>
      <c r="S24" s="281">
        <v>35</v>
      </c>
      <c r="T24" s="281">
        <v>46</v>
      </c>
      <c r="U24" s="281">
        <v>130</v>
      </c>
      <c r="V24" s="278">
        <v>216</v>
      </c>
      <c r="W24" s="283">
        <v>216</v>
      </c>
      <c r="X24" s="277">
        <v>25</v>
      </c>
      <c r="Y24" s="281">
        <v>89</v>
      </c>
      <c r="Z24" s="278">
        <v>114</v>
      </c>
      <c r="AA24" s="280">
        <v>0</v>
      </c>
      <c r="AB24" s="281">
        <v>305</v>
      </c>
      <c r="AC24" s="281">
        <v>681</v>
      </c>
      <c r="AD24" s="281">
        <v>209</v>
      </c>
      <c r="AE24" s="281">
        <v>292</v>
      </c>
      <c r="AF24" s="281">
        <v>337</v>
      </c>
      <c r="AG24" s="278">
        <v>1824</v>
      </c>
      <c r="AH24" s="283">
        <v>1938</v>
      </c>
      <c r="AI24" s="277">
        <v>0</v>
      </c>
      <c r="AJ24" s="281">
        <v>20</v>
      </c>
      <c r="AK24" s="278">
        <v>20</v>
      </c>
      <c r="AL24" s="280">
        <v>0</v>
      </c>
      <c r="AM24" s="281">
        <v>113</v>
      </c>
      <c r="AN24" s="281">
        <v>141</v>
      </c>
      <c r="AO24" s="281">
        <v>108</v>
      </c>
      <c r="AP24" s="281">
        <v>55</v>
      </c>
      <c r="AQ24" s="281">
        <v>54</v>
      </c>
      <c r="AR24" s="278">
        <v>471</v>
      </c>
      <c r="AS24" s="283">
        <v>491</v>
      </c>
      <c r="AT24" s="277">
        <v>0</v>
      </c>
      <c r="AU24" s="281">
        <v>0</v>
      </c>
      <c r="AV24" s="278">
        <v>0</v>
      </c>
      <c r="AW24" s="280">
        <v>0</v>
      </c>
      <c r="AX24" s="281">
        <v>1217</v>
      </c>
      <c r="AY24" s="281">
        <v>1100</v>
      </c>
      <c r="AZ24" s="281">
        <v>440</v>
      </c>
      <c r="BA24" s="281">
        <v>399</v>
      </c>
      <c r="BB24" s="281">
        <v>163</v>
      </c>
      <c r="BC24" s="282">
        <v>3319</v>
      </c>
      <c r="BD24" s="283">
        <v>3319</v>
      </c>
      <c r="BE24" s="277">
        <v>0</v>
      </c>
      <c r="BF24" s="281">
        <v>0</v>
      </c>
      <c r="BG24" s="278">
        <v>0</v>
      </c>
      <c r="BH24" s="280">
        <v>0</v>
      </c>
      <c r="BI24" s="281">
        <v>144</v>
      </c>
      <c r="BJ24" s="281">
        <v>129</v>
      </c>
      <c r="BK24" s="281">
        <v>133</v>
      </c>
      <c r="BL24" s="281">
        <v>91</v>
      </c>
      <c r="BM24" s="281">
        <v>33</v>
      </c>
      <c r="BN24" s="278">
        <v>530</v>
      </c>
      <c r="BO24" s="283">
        <v>530</v>
      </c>
      <c r="BP24" s="277">
        <v>0</v>
      </c>
      <c r="BQ24" s="281">
        <v>9</v>
      </c>
      <c r="BR24" s="278">
        <v>9</v>
      </c>
      <c r="BS24" s="280">
        <v>0</v>
      </c>
      <c r="BT24" s="281">
        <v>50</v>
      </c>
      <c r="BU24" s="281">
        <v>182</v>
      </c>
      <c r="BV24" s="281">
        <v>442</v>
      </c>
      <c r="BW24" s="281">
        <v>207</v>
      </c>
      <c r="BX24" s="281">
        <v>106</v>
      </c>
      <c r="BY24" s="278">
        <v>987</v>
      </c>
      <c r="BZ24" s="283">
        <v>996</v>
      </c>
      <c r="CA24" s="277">
        <v>0</v>
      </c>
      <c r="CB24" s="281">
        <v>0</v>
      </c>
      <c r="CC24" s="278">
        <v>0</v>
      </c>
      <c r="CD24" s="280">
        <v>0</v>
      </c>
      <c r="CE24" s="281">
        <v>20</v>
      </c>
      <c r="CF24" s="281">
        <v>26</v>
      </c>
      <c r="CG24" s="281">
        <v>33</v>
      </c>
      <c r="CH24" s="281">
        <v>12</v>
      </c>
      <c r="CI24" s="281">
        <v>20</v>
      </c>
      <c r="CJ24" s="278">
        <v>111</v>
      </c>
      <c r="CK24" s="283">
        <v>111</v>
      </c>
      <c r="CL24" s="277">
        <v>0</v>
      </c>
      <c r="CM24" s="281">
        <v>0</v>
      </c>
      <c r="CN24" s="278">
        <v>0</v>
      </c>
      <c r="CO24" s="280">
        <v>0</v>
      </c>
      <c r="CP24" s="281">
        <v>0</v>
      </c>
      <c r="CQ24" s="281">
        <v>0</v>
      </c>
      <c r="CR24" s="281">
        <v>0</v>
      </c>
      <c r="CS24" s="281">
        <v>0</v>
      </c>
      <c r="CT24" s="281">
        <v>0</v>
      </c>
      <c r="CU24" s="278">
        <v>0</v>
      </c>
      <c r="CV24" s="283">
        <v>0</v>
      </c>
      <c r="CW24" s="277">
        <v>0</v>
      </c>
      <c r="CX24" s="281">
        <v>0</v>
      </c>
      <c r="CY24" s="278">
        <v>0</v>
      </c>
      <c r="CZ24" s="280">
        <v>0</v>
      </c>
      <c r="DA24" s="281">
        <v>0</v>
      </c>
      <c r="DB24" s="281">
        <v>0</v>
      </c>
      <c r="DC24" s="281">
        <v>0</v>
      </c>
      <c r="DD24" s="281">
        <v>0</v>
      </c>
      <c r="DE24" s="281">
        <v>0</v>
      </c>
      <c r="DF24" s="278">
        <v>0</v>
      </c>
      <c r="DG24" s="283">
        <v>0</v>
      </c>
    </row>
    <row r="25" spans="1:111" ht="18.75" customHeight="1" x14ac:dyDescent="0.2">
      <c r="A25" s="262" t="s">
        <v>23</v>
      </c>
      <c r="B25" s="277">
        <v>0</v>
      </c>
      <c r="C25" s="281">
        <v>0</v>
      </c>
      <c r="D25" s="385">
        <v>0</v>
      </c>
      <c r="E25" s="280">
        <v>0</v>
      </c>
      <c r="F25" s="281">
        <v>1783</v>
      </c>
      <c r="G25" s="281">
        <v>2392</v>
      </c>
      <c r="H25" s="281">
        <v>2297</v>
      </c>
      <c r="I25" s="281">
        <v>3202</v>
      </c>
      <c r="J25" s="281">
        <v>2125</v>
      </c>
      <c r="K25" s="282">
        <v>11799</v>
      </c>
      <c r="L25" s="283">
        <v>11799</v>
      </c>
      <c r="M25" s="277">
        <v>0</v>
      </c>
      <c r="N25" s="281">
        <v>0</v>
      </c>
      <c r="O25" s="278">
        <v>0</v>
      </c>
      <c r="P25" s="280">
        <v>0</v>
      </c>
      <c r="Q25" s="281">
        <v>5</v>
      </c>
      <c r="R25" s="281">
        <v>10</v>
      </c>
      <c r="S25" s="281">
        <v>35</v>
      </c>
      <c r="T25" s="281">
        <v>71</v>
      </c>
      <c r="U25" s="281">
        <v>58</v>
      </c>
      <c r="V25" s="278">
        <v>179</v>
      </c>
      <c r="W25" s="283">
        <v>179</v>
      </c>
      <c r="X25" s="277">
        <v>209</v>
      </c>
      <c r="Y25" s="281">
        <v>432</v>
      </c>
      <c r="Z25" s="278">
        <v>641</v>
      </c>
      <c r="AA25" s="280">
        <v>0</v>
      </c>
      <c r="AB25" s="281">
        <v>929</v>
      </c>
      <c r="AC25" s="281">
        <v>1622</v>
      </c>
      <c r="AD25" s="281">
        <v>759</v>
      </c>
      <c r="AE25" s="281">
        <v>838</v>
      </c>
      <c r="AF25" s="281">
        <v>565</v>
      </c>
      <c r="AG25" s="278">
        <v>4713</v>
      </c>
      <c r="AH25" s="283">
        <v>5354</v>
      </c>
      <c r="AI25" s="277">
        <v>0</v>
      </c>
      <c r="AJ25" s="281">
        <v>152</v>
      </c>
      <c r="AK25" s="278">
        <v>152</v>
      </c>
      <c r="AL25" s="280">
        <v>0</v>
      </c>
      <c r="AM25" s="281">
        <v>64</v>
      </c>
      <c r="AN25" s="281">
        <v>262</v>
      </c>
      <c r="AO25" s="281">
        <v>115</v>
      </c>
      <c r="AP25" s="281">
        <v>39</v>
      </c>
      <c r="AQ25" s="281">
        <v>38</v>
      </c>
      <c r="AR25" s="278">
        <v>518</v>
      </c>
      <c r="AS25" s="283">
        <v>670</v>
      </c>
      <c r="AT25" s="277">
        <v>0</v>
      </c>
      <c r="AU25" s="281">
        <v>0</v>
      </c>
      <c r="AV25" s="278">
        <v>0</v>
      </c>
      <c r="AW25" s="280">
        <v>0</v>
      </c>
      <c r="AX25" s="281">
        <v>2586</v>
      </c>
      <c r="AY25" s="281">
        <v>2381</v>
      </c>
      <c r="AZ25" s="281">
        <v>1258</v>
      </c>
      <c r="BA25" s="281">
        <v>851</v>
      </c>
      <c r="BB25" s="281">
        <v>419</v>
      </c>
      <c r="BC25" s="282">
        <v>7495</v>
      </c>
      <c r="BD25" s="283">
        <v>7495</v>
      </c>
      <c r="BE25" s="277">
        <v>0</v>
      </c>
      <c r="BF25" s="281">
        <v>0</v>
      </c>
      <c r="BG25" s="278">
        <v>0</v>
      </c>
      <c r="BH25" s="280">
        <v>0</v>
      </c>
      <c r="BI25" s="281">
        <v>320</v>
      </c>
      <c r="BJ25" s="281">
        <v>488</v>
      </c>
      <c r="BK25" s="281">
        <v>238</v>
      </c>
      <c r="BL25" s="281">
        <v>220</v>
      </c>
      <c r="BM25" s="281">
        <v>33</v>
      </c>
      <c r="BN25" s="278">
        <v>1299</v>
      </c>
      <c r="BO25" s="283">
        <v>1299</v>
      </c>
      <c r="BP25" s="277">
        <v>10</v>
      </c>
      <c r="BQ25" s="281">
        <v>6</v>
      </c>
      <c r="BR25" s="278">
        <v>16</v>
      </c>
      <c r="BS25" s="280">
        <v>0</v>
      </c>
      <c r="BT25" s="281">
        <v>109</v>
      </c>
      <c r="BU25" s="281">
        <v>303</v>
      </c>
      <c r="BV25" s="281">
        <v>410</v>
      </c>
      <c r="BW25" s="281">
        <v>576</v>
      </c>
      <c r="BX25" s="281">
        <v>178</v>
      </c>
      <c r="BY25" s="278">
        <v>1576</v>
      </c>
      <c r="BZ25" s="283">
        <v>1592</v>
      </c>
      <c r="CA25" s="277">
        <v>0</v>
      </c>
      <c r="CB25" s="281">
        <v>0</v>
      </c>
      <c r="CC25" s="278">
        <v>0</v>
      </c>
      <c r="CD25" s="280">
        <v>0</v>
      </c>
      <c r="CE25" s="281">
        <v>4</v>
      </c>
      <c r="CF25" s="281">
        <v>8</v>
      </c>
      <c r="CG25" s="281">
        <v>5</v>
      </c>
      <c r="CH25" s="281">
        <v>33</v>
      </c>
      <c r="CI25" s="281">
        <v>35</v>
      </c>
      <c r="CJ25" s="278">
        <v>85</v>
      </c>
      <c r="CK25" s="283">
        <v>85</v>
      </c>
      <c r="CL25" s="277">
        <v>0</v>
      </c>
      <c r="CM25" s="281">
        <v>0</v>
      </c>
      <c r="CN25" s="278">
        <v>0</v>
      </c>
      <c r="CO25" s="280">
        <v>0</v>
      </c>
      <c r="CP25" s="281">
        <v>0</v>
      </c>
      <c r="CQ25" s="281">
        <v>0</v>
      </c>
      <c r="CR25" s="281">
        <v>0</v>
      </c>
      <c r="CS25" s="281">
        <v>0</v>
      </c>
      <c r="CT25" s="281">
        <v>0</v>
      </c>
      <c r="CU25" s="278">
        <v>0</v>
      </c>
      <c r="CV25" s="283">
        <v>0</v>
      </c>
      <c r="CW25" s="277">
        <v>0</v>
      </c>
      <c r="CX25" s="281">
        <v>0</v>
      </c>
      <c r="CY25" s="278">
        <v>0</v>
      </c>
      <c r="CZ25" s="280">
        <v>0</v>
      </c>
      <c r="DA25" s="281">
        <v>0</v>
      </c>
      <c r="DB25" s="281">
        <v>0</v>
      </c>
      <c r="DC25" s="281">
        <v>0</v>
      </c>
      <c r="DD25" s="281">
        <v>0</v>
      </c>
      <c r="DE25" s="281">
        <v>0</v>
      </c>
      <c r="DF25" s="278">
        <v>0</v>
      </c>
      <c r="DG25" s="283">
        <v>0</v>
      </c>
    </row>
    <row r="26" spans="1:111" ht="18.75" customHeight="1" x14ac:dyDescent="0.2">
      <c r="A26" s="262" t="s">
        <v>24</v>
      </c>
      <c r="B26" s="277">
        <v>0</v>
      </c>
      <c r="C26" s="281">
        <v>0</v>
      </c>
      <c r="D26" s="385">
        <v>0</v>
      </c>
      <c r="E26" s="280">
        <v>0</v>
      </c>
      <c r="F26" s="281">
        <v>873</v>
      </c>
      <c r="G26" s="281">
        <v>736</v>
      </c>
      <c r="H26" s="281">
        <v>894</v>
      </c>
      <c r="I26" s="281">
        <v>1643</v>
      </c>
      <c r="J26" s="281">
        <v>1656</v>
      </c>
      <c r="K26" s="282">
        <v>5802</v>
      </c>
      <c r="L26" s="283">
        <v>5802</v>
      </c>
      <c r="M26" s="277">
        <v>0</v>
      </c>
      <c r="N26" s="281">
        <v>0</v>
      </c>
      <c r="O26" s="278">
        <v>0</v>
      </c>
      <c r="P26" s="280">
        <v>0</v>
      </c>
      <c r="Q26" s="281">
        <v>5</v>
      </c>
      <c r="R26" s="281">
        <v>9</v>
      </c>
      <c r="S26" s="281">
        <v>11</v>
      </c>
      <c r="T26" s="281">
        <v>50</v>
      </c>
      <c r="U26" s="281">
        <v>88</v>
      </c>
      <c r="V26" s="278">
        <v>163</v>
      </c>
      <c r="W26" s="283">
        <v>163</v>
      </c>
      <c r="X26" s="277">
        <v>70</v>
      </c>
      <c r="Y26" s="281">
        <v>117</v>
      </c>
      <c r="Z26" s="278">
        <v>187</v>
      </c>
      <c r="AA26" s="280">
        <v>0</v>
      </c>
      <c r="AB26" s="281">
        <v>625</v>
      </c>
      <c r="AC26" s="281">
        <v>462</v>
      </c>
      <c r="AD26" s="281">
        <v>366</v>
      </c>
      <c r="AE26" s="281">
        <v>418</v>
      </c>
      <c r="AF26" s="281">
        <v>271</v>
      </c>
      <c r="AG26" s="278">
        <v>2142</v>
      </c>
      <c r="AH26" s="283">
        <v>2329</v>
      </c>
      <c r="AI26" s="277">
        <v>15</v>
      </c>
      <c r="AJ26" s="281">
        <v>26</v>
      </c>
      <c r="AK26" s="278">
        <v>41</v>
      </c>
      <c r="AL26" s="280">
        <v>0</v>
      </c>
      <c r="AM26" s="281">
        <v>58</v>
      </c>
      <c r="AN26" s="281">
        <v>54</v>
      </c>
      <c r="AO26" s="281">
        <v>6</v>
      </c>
      <c r="AP26" s="281">
        <v>92</v>
      </c>
      <c r="AQ26" s="281">
        <v>68</v>
      </c>
      <c r="AR26" s="278">
        <v>278</v>
      </c>
      <c r="AS26" s="283">
        <v>319</v>
      </c>
      <c r="AT26" s="277">
        <v>0</v>
      </c>
      <c r="AU26" s="281">
        <v>0</v>
      </c>
      <c r="AV26" s="278">
        <v>0</v>
      </c>
      <c r="AW26" s="280">
        <v>0</v>
      </c>
      <c r="AX26" s="281">
        <v>802</v>
      </c>
      <c r="AY26" s="281">
        <v>664</v>
      </c>
      <c r="AZ26" s="281">
        <v>435</v>
      </c>
      <c r="BA26" s="281">
        <v>158</v>
      </c>
      <c r="BB26" s="281">
        <v>54</v>
      </c>
      <c r="BC26" s="282">
        <v>2113</v>
      </c>
      <c r="BD26" s="283">
        <v>2113</v>
      </c>
      <c r="BE26" s="277">
        <v>0</v>
      </c>
      <c r="BF26" s="281">
        <v>0</v>
      </c>
      <c r="BG26" s="278">
        <v>0</v>
      </c>
      <c r="BH26" s="280">
        <v>0</v>
      </c>
      <c r="BI26" s="281">
        <v>377</v>
      </c>
      <c r="BJ26" s="281">
        <v>309</v>
      </c>
      <c r="BK26" s="281">
        <v>190</v>
      </c>
      <c r="BL26" s="281">
        <v>106</v>
      </c>
      <c r="BM26" s="281">
        <v>86</v>
      </c>
      <c r="BN26" s="278">
        <v>1068</v>
      </c>
      <c r="BO26" s="283">
        <v>1068</v>
      </c>
      <c r="BP26" s="277">
        <v>0</v>
      </c>
      <c r="BQ26" s="281">
        <v>3</v>
      </c>
      <c r="BR26" s="278">
        <v>3</v>
      </c>
      <c r="BS26" s="280">
        <v>0</v>
      </c>
      <c r="BT26" s="281">
        <v>119</v>
      </c>
      <c r="BU26" s="281">
        <v>198</v>
      </c>
      <c r="BV26" s="281">
        <v>258</v>
      </c>
      <c r="BW26" s="281">
        <v>205</v>
      </c>
      <c r="BX26" s="281">
        <v>199</v>
      </c>
      <c r="BY26" s="278">
        <v>979</v>
      </c>
      <c r="BZ26" s="283">
        <v>982</v>
      </c>
      <c r="CA26" s="277">
        <v>0</v>
      </c>
      <c r="CB26" s="281">
        <v>0</v>
      </c>
      <c r="CC26" s="278">
        <v>0</v>
      </c>
      <c r="CD26" s="280">
        <v>0</v>
      </c>
      <c r="CE26" s="281">
        <v>0</v>
      </c>
      <c r="CF26" s="281">
        <v>0</v>
      </c>
      <c r="CG26" s="281">
        <v>0</v>
      </c>
      <c r="CH26" s="281">
        <v>0</v>
      </c>
      <c r="CI26" s="281">
        <v>0</v>
      </c>
      <c r="CJ26" s="278">
        <v>0</v>
      </c>
      <c r="CK26" s="283">
        <v>0</v>
      </c>
      <c r="CL26" s="277">
        <v>0</v>
      </c>
      <c r="CM26" s="281">
        <v>0</v>
      </c>
      <c r="CN26" s="278">
        <v>0</v>
      </c>
      <c r="CO26" s="280">
        <v>0</v>
      </c>
      <c r="CP26" s="281">
        <v>0</v>
      </c>
      <c r="CQ26" s="281">
        <v>0</v>
      </c>
      <c r="CR26" s="281">
        <v>0</v>
      </c>
      <c r="CS26" s="281">
        <v>0</v>
      </c>
      <c r="CT26" s="281">
        <v>0</v>
      </c>
      <c r="CU26" s="278">
        <v>0</v>
      </c>
      <c r="CV26" s="283">
        <v>0</v>
      </c>
      <c r="CW26" s="277">
        <v>0</v>
      </c>
      <c r="CX26" s="281">
        <v>0</v>
      </c>
      <c r="CY26" s="278">
        <v>0</v>
      </c>
      <c r="CZ26" s="280">
        <v>0</v>
      </c>
      <c r="DA26" s="281">
        <v>0</v>
      </c>
      <c r="DB26" s="281">
        <v>0</v>
      </c>
      <c r="DC26" s="281">
        <v>0</v>
      </c>
      <c r="DD26" s="281">
        <v>0</v>
      </c>
      <c r="DE26" s="281">
        <v>0</v>
      </c>
      <c r="DF26" s="278">
        <v>0</v>
      </c>
      <c r="DG26" s="283">
        <v>0</v>
      </c>
    </row>
    <row r="27" spans="1:111" ht="18.75" customHeight="1" x14ac:dyDescent="0.2">
      <c r="A27" s="262" t="s">
        <v>25</v>
      </c>
      <c r="B27" s="277">
        <v>0</v>
      </c>
      <c r="C27" s="281">
        <v>0</v>
      </c>
      <c r="D27" s="385">
        <v>0</v>
      </c>
      <c r="E27" s="280">
        <v>0</v>
      </c>
      <c r="F27" s="281">
        <v>1347</v>
      </c>
      <c r="G27" s="281">
        <v>1160</v>
      </c>
      <c r="H27" s="281">
        <v>1320</v>
      </c>
      <c r="I27" s="281">
        <v>2335</v>
      </c>
      <c r="J27" s="281">
        <v>2320</v>
      </c>
      <c r="K27" s="282">
        <v>8482</v>
      </c>
      <c r="L27" s="283">
        <v>8482</v>
      </c>
      <c r="M27" s="277">
        <v>0</v>
      </c>
      <c r="N27" s="281">
        <v>0</v>
      </c>
      <c r="O27" s="278">
        <v>0</v>
      </c>
      <c r="P27" s="280">
        <v>0</v>
      </c>
      <c r="Q27" s="281">
        <v>4</v>
      </c>
      <c r="R27" s="281">
        <v>25</v>
      </c>
      <c r="S27" s="281">
        <v>19</v>
      </c>
      <c r="T27" s="281">
        <v>96</v>
      </c>
      <c r="U27" s="281">
        <v>121</v>
      </c>
      <c r="V27" s="278">
        <v>265</v>
      </c>
      <c r="W27" s="283">
        <v>265</v>
      </c>
      <c r="X27" s="277">
        <v>95</v>
      </c>
      <c r="Y27" s="281">
        <v>198</v>
      </c>
      <c r="Z27" s="278">
        <v>293</v>
      </c>
      <c r="AA27" s="280">
        <v>0</v>
      </c>
      <c r="AB27" s="281">
        <v>578</v>
      </c>
      <c r="AC27" s="281">
        <v>505</v>
      </c>
      <c r="AD27" s="281">
        <v>277</v>
      </c>
      <c r="AE27" s="281">
        <v>304</v>
      </c>
      <c r="AF27" s="281">
        <v>351</v>
      </c>
      <c r="AG27" s="278">
        <v>2015</v>
      </c>
      <c r="AH27" s="283">
        <v>2308</v>
      </c>
      <c r="AI27" s="277">
        <v>14</v>
      </c>
      <c r="AJ27" s="281">
        <v>44</v>
      </c>
      <c r="AK27" s="278">
        <v>58</v>
      </c>
      <c r="AL27" s="280">
        <v>0</v>
      </c>
      <c r="AM27" s="281">
        <v>34</v>
      </c>
      <c r="AN27" s="281">
        <v>72</v>
      </c>
      <c r="AO27" s="281">
        <v>116</v>
      </c>
      <c r="AP27" s="281">
        <v>46</v>
      </c>
      <c r="AQ27" s="281">
        <v>76</v>
      </c>
      <c r="AR27" s="278">
        <v>344</v>
      </c>
      <c r="AS27" s="283">
        <v>402</v>
      </c>
      <c r="AT27" s="277">
        <v>0</v>
      </c>
      <c r="AU27" s="281">
        <v>0</v>
      </c>
      <c r="AV27" s="278">
        <v>0</v>
      </c>
      <c r="AW27" s="280">
        <v>0</v>
      </c>
      <c r="AX27" s="281">
        <v>1307</v>
      </c>
      <c r="AY27" s="281">
        <v>715</v>
      </c>
      <c r="AZ27" s="281">
        <v>348</v>
      </c>
      <c r="BA27" s="281">
        <v>585</v>
      </c>
      <c r="BB27" s="281">
        <v>61</v>
      </c>
      <c r="BC27" s="282">
        <v>3016</v>
      </c>
      <c r="BD27" s="283">
        <v>3016</v>
      </c>
      <c r="BE27" s="277">
        <v>0</v>
      </c>
      <c r="BF27" s="281">
        <v>0</v>
      </c>
      <c r="BG27" s="278">
        <v>0</v>
      </c>
      <c r="BH27" s="280">
        <v>0</v>
      </c>
      <c r="BI27" s="281">
        <v>308</v>
      </c>
      <c r="BJ27" s="281">
        <v>411</v>
      </c>
      <c r="BK27" s="281">
        <v>186</v>
      </c>
      <c r="BL27" s="281">
        <v>127</v>
      </c>
      <c r="BM27" s="281">
        <v>52</v>
      </c>
      <c r="BN27" s="278">
        <v>1084</v>
      </c>
      <c r="BO27" s="283">
        <v>1084</v>
      </c>
      <c r="BP27" s="277">
        <v>0</v>
      </c>
      <c r="BQ27" s="281">
        <v>12</v>
      </c>
      <c r="BR27" s="278">
        <v>12</v>
      </c>
      <c r="BS27" s="280">
        <v>0</v>
      </c>
      <c r="BT27" s="281">
        <v>94</v>
      </c>
      <c r="BU27" s="281">
        <v>179</v>
      </c>
      <c r="BV27" s="281">
        <v>74</v>
      </c>
      <c r="BW27" s="281">
        <v>200</v>
      </c>
      <c r="BX27" s="281">
        <v>11</v>
      </c>
      <c r="BY27" s="278">
        <v>558</v>
      </c>
      <c r="BZ27" s="283">
        <v>570</v>
      </c>
      <c r="CA27" s="277">
        <v>0</v>
      </c>
      <c r="CB27" s="281">
        <v>0</v>
      </c>
      <c r="CC27" s="278">
        <v>0</v>
      </c>
      <c r="CD27" s="280">
        <v>0</v>
      </c>
      <c r="CE27" s="281">
        <v>12</v>
      </c>
      <c r="CF27" s="281">
        <v>0</v>
      </c>
      <c r="CG27" s="281">
        <v>8</v>
      </c>
      <c r="CH27" s="281">
        <v>22</v>
      </c>
      <c r="CI27" s="281">
        <v>9</v>
      </c>
      <c r="CJ27" s="278">
        <v>51</v>
      </c>
      <c r="CK27" s="283">
        <v>51</v>
      </c>
      <c r="CL27" s="277">
        <v>0</v>
      </c>
      <c r="CM27" s="281">
        <v>0</v>
      </c>
      <c r="CN27" s="278">
        <v>0</v>
      </c>
      <c r="CO27" s="280">
        <v>0</v>
      </c>
      <c r="CP27" s="281">
        <v>0</v>
      </c>
      <c r="CQ27" s="281">
        <v>0</v>
      </c>
      <c r="CR27" s="281">
        <v>0</v>
      </c>
      <c r="CS27" s="281">
        <v>0</v>
      </c>
      <c r="CT27" s="281">
        <v>0</v>
      </c>
      <c r="CU27" s="278">
        <v>0</v>
      </c>
      <c r="CV27" s="283">
        <v>0</v>
      </c>
      <c r="CW27" s="277">
        <v>0</v>
      </c>
      <c r="CX27" s="281">
        <v>0</v>
      </c>
      <c r="CY27" s="278">
        <v>0</v>
      </c>
      <c r="CZ27" s="280">
        <v>0</v>
      </c>
      <c r="DA27" s="281">
        <v>0</v>
      </c>
      <c r="DB27" s="281">
        <v>0</v>
      </c>
      <c r="DC27" s="281">
        <v>0</v>
      </c>
      <c r="DD27" s="281">
        <v>0</v>
      </c>
      <c r="DE27" s="281">
        <v>0</v>
      </c>
      <c r="DF27" s="278">
        <v>0</v>
      </c>
      <c r="DG27" s="283">
        <v>0</v>
      </c>
    </row>
    <row r="28" spans="1:111" ht="18.75" customHeight="1" x14ac:dyDescent="0.2">
      <c r="A28" s="262" t="s">
        <v>26</v>
      </c>
      <c r="B28" s="277">
        <v>0</v>
      </c>
      <c r="C28" s="281">
        <v>0</v>
      </c>
      <c r="D28" s="385">
        <v>0</v>
      </c>
      <c r="E28" s="280">
        <v>0</v>
      </c>
      <c r="F28" s="281">
        <v>918</v>
      </c>
      <c r="G28" s="281">
        <v>1300</v>
      </c>
      <c r="H28" s="281">
        <v>883</v>
      </c>
      <c r="I28" s="281">
        <v>2002</v>
      </c>
      <c r="J28" s="281">
        <v>2221</v>
      </c>
      <c r="K28" s="282">
        <v>7324</v>
      </c>
      <c r="L28" s="283">
        <v>7324</v>
      </c>
      <c r="M28" s="277">
        <v>0</v>
      </c>
      <c r="N28" s="281">
        <v>0</v>
      </c>
      <c r="O28" s="278">
        <v>0</v>
      </c>
      <c r="P28" s="280">
        <v>0</v>
      </c>
      <c r="Q28" s="281">
        <v>0</v>
      </c>
      <c r="R28" s="281">
        <v>12</v>
      </c>
      <c r="S28" s="281">
        <v>17</v>
      </c>
      <c r="T28" s="281">
        <v>53</v>
      </c>
      <c r="U28" s="281">
        <v>85</v>
      </c>
      <c r="V28" s="278">
        <v>167</v>
      </c>
      <c r="W28" s="283">
        <v>167</v>
      </c>
      <c r="X28" s="277">
        <v>55</v>
      </c>
      <c r="Y28" s="281">
        <v>135</v>
      </c>
      <c r="Z28" s="278">
        <v>190</v>
      </c>
      <c r="AA28" s="280">
        <v>0</v>
      </c>
      <c r="AB28" s="281">
        <v>440</v>
      </c>
      <c r="AC28" s="281">
        <v>460</v>
      </c>
      <c r="AD28" s="281">
        <v>308</v>
      </c>
      <c r="AE28" s="281">
        <v>304</v>
      </c>
      <c r="AF28" s="281">
        <v>446</v>
      </c>
      <c r="AG28" s="278">
        <v>1958</v>
      </c>
      <c r="AH28" s="283">
        <v>2148</v>
      </c>
      <c r="AI28" s="277">
        <v>10</v>
      </c>
      <c r="AJ28" s="281">
        <v>0</v>
      </c>
      <c r="AK28" s="278">
        <v>10</v>
      </c>
      <c r="AL28" s="280">
        <v>0</v>
      </c>
      <c r="AM28" s="281">
        <v>71</v>
      </c>
      <c r="AN28" s="281">
        <v>69</v>
      </c>
      <c r="AO28" s="281">
        <v>69</v>
      </c>
      <c r="AP28" s="281">
        <v>6</v>
      </c>
      <c r="AQ28" s="281">
        <v>24</v>
      </c>
      <c r="AR28" s="278">
        <v>239</v>
      </c>
      <c r="AS28" s="283">
        <v>249</v>
      </c>
      <c r="AT28" s="277">
        <v>0</v>
      </c>
      <c r="AU28" s="281">
        <v>0</v>
      </c>
      <c r="AV28" s="278">
        <v>0</v>
      </c>
      <c r="AW28" s="280">
        <v>0</v>
      </c>
      <c r="AX28" s="281">
        <v>1032</v>
      </c>
      <c r="AY28" s="281">
        <v>749</v>
      </c>
      <c r="AZ28" s="281">
        <v>446</v>
      </c>
      <c r="BA28" s="281">
        <v>204</v>
      </c>
      <c r="BB28" s="281">
        <v>189</v>
      </c>
      <c r="BC28" s="282">
        <v>2620</v>
      </c>
      <c r="BD28" s="283">
        <v>2620</v>
      </c>
      <c r="BE28" s="277">
        <v>0</v>
      </c>
      <c r="BF28" s="281">
        <v>0</v>
      </c>
      <c r="BG28" s="278">
        <v>0</v>
      </c>
      <c r="BH28" s="280">
        <v>0</v>
      </c>
      <c r="BI28" s="281">
        <v>136</v>
      </c>
      <c r="BJ28" s="281">
        <v>190</v>
      </c>
      <c r="BK28" s="281">
        <v>129</v>
      </c>
      <c r="BL28" s="281">
        <v>52</v>
      </c>
      <c r="BM28" s="281">
        <v>67</v>
      </c>
      <c r="BN28" s="278">
        <v>574</v>
      </c>
      <c r="BO28" s="283">
        <v>574</v>
      </c>
      <c r="BP28" s="277">
        <v>0</v>
      </c>
      <c r="BQ28" s="281">
        <v>15</v>
      </c>
      <c r="BR28" s="278">
        <v>15</v>
      </c>
      <c r="BS28" s="280">
        <v>0</v>
      </c>
      <c r="BT28" s="281">
        <v>61</v>
      </c>
      <c r="BU28" s="281">
        <v>95</v>
      </c>
      <c r="BV28" s="281">
        <v>136</v>
      </c>
      <c r="BW28" s="281">
        <v>226</v>
      </c>
      <c r="BX28" s="281">
        <v>131</v>
      </c>
      <c r="BY28" s="278">
        <v>649</v>
      </c>
      <c r="BZ28" s="283">
        <v>664</v>
      </c>
      <c r="CA28" s="277">
        <v>0</v>
      </c>
      <c r="CB28" s="281">
        <v>0</v>
      </c>
      <c r="CC28" s="278">
        <v>0</v>
      </c>
      <c r="CD28" s="280">
        <v>0</v>
      </c>
      <c r="CE28" s="281">
        <v>7</v>
      </c>
      <c r="CF28" s="281">
        <v>12</v>
      </c>
      <c r="CG28" s="281">
        <v>21</v>
      </c>
      <c r="CH28" s="281">
        <v>23</v>
      </c>
      <c r="CI28" s="281">
        <v>17</v>
      </c>
      <c r="CJ28" s="278">
        <v>80</v>
      </c>
      <c r="CK28" s="283">
        <v>80</v>
      </c>
      <c r="CL28" s="277">
        <v>0</v>
      </c>
      <c r="CM28" s="281">
        <v>0</v>
      </c>
      <c r="CN28" s="278">
        <v>0</v>
      </c>
      <c r="CO28" s="280">
        <v>0</v>
      </c>
      <c r="CP28" s="281">
        <v>0</v>
      </c>
      <c r="CQ28" s="281">
        <v>0</v>
      </c>
      <c r="CR28" s="281">
        <v>0</v>
      </c>
      <c r="CS28" s="281">
        <v>0</v>
      </c>
      <c r="CT28" s="281">
        <v>0</v>
      </c>
      <c r="CU28" s="278">
        <v>0</v>
      </c>
      <c r="CV28" s="283">
        <v>0</v>
      </c>
      <c r="CW28" s="277">
        <v>0</v>
      </c>
      <c r="CX28" s="281">
        <v>0</v>
      </c>
      <c r="CY28" s="278">
        <v>0</v>
      </c>
      <c r="CZ28" s="280">
        <v>0</v>
      </c>
      <c r="DA28" s="281">
        <v>0</v>
      </c>
      <c r="DB28" s="281">
        <v>0</v>
      </c>
      <c r="DC28" s="281">
        <v>0</v>
      </c>
      <c r="DD28" s="281">
        <v>0</v>
      </c>
      <c r="DE28" s="281">
        <v>0</v>
      </c>
      <c r="DF28" s="278">
        <v>0</v>
      </c>
      <c r="DG28" s="283">
        <v>0</v>
      </c>
    </row>
    <row r="29" spans="1:111" ht="18.75" customHeight="1" x14ac:dyDescent="0.2">
      <c r="A29" s="262" t="s">
        <v>27</v>
      </c>
      <c r="B29" s="277">
        <v>0</v>
      </c>
      <c r="C29" s="281">
        <v>0</v>
      </c>
      <c r="D29" s="385">
        <v>0</v>
      </c>
      <c r="E29" s="280">
        <v>0</v>
      </c>
      <c r="F29" s="281">
        <v>889</v>
      </c>
      <c r="G29" s="281">
        <v>709</v>
      </c>
      <c r="H29" s="281">
        <v>1362</v>
      </c>
      <c r="I29" s="281">
        <v>1535</v>
      </c>
      <c r="J29" s="281">
        <v>1317</v>
      </c>
      <c r="K29" s="282">
        <v>5812</v>
      </c>
      <c r="L29" s="283">
        <v>5812</v>
      </c>
      <c r="M29" s="277">
        <v>0</v>
      </c>
      <c r="N29" s="281">
        <v>0</v>
      </c>
      <c r="O29" s="278">
        <v>0</v>
      </c>
      <c r="P29" s="280">
        <v>0</v>
      </c>
      <c r="Q29" s="281">
        <v>1</v>
      </c>
      <c r="R29" s="281">
        <v>10</v>
      </c>
      <c r="S29" s="281">
        <v>23</v>
      </c>
      <c r="T29" s="281">
        <v>63</v>
      </c>
      <c r="U29" s="281">
        <v>62</v>
      </c>
      <c r="V29" s="278">
        <v>159</v>
      </c>
      <c r="W29" s="283">
        <v>159</v>
      </c>
      <c r="X29" s="277">
        <v>154</v>
      </c>
      <c r="Y29" s="281">
        <v>264</v>
      </c>
      <c r="Z29" s="278">
        <v>418</v>
      </c>
      <c r="AA29" s="280">
        <v>0</v>
      </c>
      <c r="AB29" s="281">
        <v>240</v>
      </c>
      <c r="AC29" s="281">
        <v>374</v>
      </c>
      <c r="AD29" s="281">
        <v>291</v>
      </c>
      <c r="AE29" s="281">
        <v>413</v>
      </c>
      <c r="AF29" s="281">
        <v>280</v>
      </c>
      <c r="AG29" s="278">
        <v>1598</v>
      </c>
      <c r="AH29" s="283">
        <v>2016</v>
      </c>
      <c r="AI29" s="277">
        <v>0</v>
      </c>
      <c r="AJ29" s="281">
        <v>43</v>
      </c>
      <c r="AK29" s="278">
        <v>43</v>
      </c>
      <c r="AL29" s="280">
        <v>0</v>
      </c>
      <c r="AM29" s="281">
        <v>0</v>
      </c>
      <c r="AN29" s="281">
        <v>12</v>
      </c>
      <c r="AO29" s="281">
        <v>12</v>
      </c>
      <c r="AP29" s="281">
        <v>0</v>
      </c>
      <c r="AQ29" s="281">
        <v>10</v>
      </c>
      <c r="AR29" s="278">
        <v>34</v>
      </c>
      <c r="AS29" s="283">
        <v>77</v>
      </c>
      <c r="AT29" s="277">
        <v>0</v>
      </c>
      <c r="AU29" s="281">
        <v>0</v>
      </c>
      <c r="AV29" s="278">
        <v>0</v>
      </c>
      <c r="AW29" s="280">
        <v>0</v>
      </c>
      <c r="AX29" s="281">
        <v>882</v>
      </c>
      <c r="AY29" s="281">
        <v>697</v>
      </c>
      <c r="AZ29" s="281">
        <v>389</v>
      </c>
      <c r="BA29" s="281">
        <v>279</v>
      </c>
      <c r="BB29" s="281">
        <v>157</v>
      </c>
      <c r="BC29" s="282">
        <v>2404</v>
      </c>
      <c r="BD29" s="283">
        <v>2404</v>
      </c>
      <c r="BE29" s="277">
        <v>0</v>
      </c>
      <c r="BF29" s="281">
        <v>0</v>
      </c>
      <c r="BG29" s="278">
        <v>0</v>
      </c>
      <c r="BH29" s="280">
        <v>0</v>
      </c>
      <c r="BI29" s="281">
        <v>138</v>
      </c>
      <c r="BJ29" s="281">
        <v>174</v>
      </c>
      <c r="BK29" s="281">
        <v>72</v>
      </c>
      <c r="BL29" s="281">
        <v>46</v>
      </c>
      <c r="BM29" s="281">
        <v>28</v>
      </c>
      <c r="BN29" s="278">
        <v>458</v>
      </c>
      <c r="BO29" s="283">
        <v>458</v>
      </c>
      <c r="BP29" s="277">
        <v>0</v>
      </c>
      <c r="BQ29" s="281">
        <v>3</v>
      </c>
      <c r="BR29" s="278">
        <v>3</v>
      </c>
      <c r="BS29" s="280">
        <v>0</v>
      </c>
      <c r="BT29" s="281">
        <v>51</v>
      </c>
      <c r="BU29" s="281">
        <v>101</v>
      </c>
      <c r="BV29" s="281">
        <v>126</v>
      </c>
      <c r="BW29" s="281">
        <v>71</v>
      </c>
      <c r="BX29" s="281">
        <v>41</v>
      </c>
      <c r="BY29" s="278">
        <v>390</v>
      </c>
      <c r="BZ29" s="283">
        <v>393</v>
      </c>
      <c r="CA29" s="277">
        <v>0</v>
      </c>
      <c r="CB29" s="281">
        <v>0</v>
      </c>
      <c r="CC29" s="278">
        <v>0</v>
      </c>
      <c r="CD29" s="280">
        <v>0</v>
      </c>
      <c r="CE29" s="281">
        <v>19</v>
      </c>
      <c r="CF29" s="281">
        <v>2</v>
      </c>
      <c r="CG29" s="281">
        <v>7</v>
      </c>
      <c r="CH29" s="281">
        <v>22</v>
      </c>
      <c r="CI29" s="281">
        <v>23</v>
      </c>
      <c r="CJ29" s="278">
        <v>73</v>
      </c>
      <c r="CK29" s="283">
        <v>73</v>
      </c>
      <c r="CL29" s="277">
        <v>0</v>
      </c>
      <c r="CM29" s="281">
        <v>0</v>
      </c>
      <c r="CN29" s="278">
        <v>0</v>
      </c>
      <c r="CO29" s="280">
        <v>0</v>
      </c>
      <c r="CP29" s="281">
        <v>0</v>
      </c>
      <c r="CQ29" s="281">
        <v>0</v>
      </c>
      <c r="CR29" s="281">
        <v>0</v>
      </c>
      <c r="CS29" s="281">
        <v>0</v>
      </c>
      <c r="CT29" s="281">
        <v>0</v>
      </c>
      <c r="CU29" s="278">
        <v>0</v>
      </c>
      <c r="CV29" s="283">
        <v>0</v>
      </c>
      <c r="CW29" s="277">
        <v>0</v>
      </c>
      <c r="CX29" s="281">
        <v>0</v>
      </c>
      <c r="CY29" s="278">
        <v>0</v>
      </c>
      <c r="CZ29" s="280">
        <v>0</v>
      </c>
      <c r="DA29" s="281">
        <v>0</v>
      </c>
      <c r="DB29" s="281">
        <v>0</v>
      </c>
      <c r="DC29" s="281">
        <v>0</v>
      </c>
      <c r="DD29" s="281">
        <v>0</v>
      </c>
      <c r="DE29" s="281">
        <v>0</v>
      </c>
      <c r="DF29" s="278">
        <v>0</v>
      </c>
      <c r="DG29" s="283">
        <v>0</v>
      </c>
    </row>
    <row r="30" spans="1:111" ht="18.75" customHeight="1" x14ac:dyDescent="0.2">
      <c r="A30" s="262" t="s">
        <v>28</v>
      </c>
      <c r="B30" s="277">
        <v>0</v>
      </c>
      <c r="C30" s="281">
        <v>0</v>
      </c>
      <c r="D30" s="385">
        <v>0</v>
      </c>
      <c r="E30" s="280">
        <v>0</v>
      </c>
      <c r="F30" s="281">
        <v>172</v>
      </c>
      <c r="G30" s="281">
        <v>226</v>
      </c>
      <c r="H30" s="281">
        <v>116</v>
      </c>
      <c r="I30" s="281">
        <v>83</v>
      </c>
      <c r="J30" s="281">
        <v>375</v>
      </c>
      <c r="K30" s="282">
        <v>972</v>
      </c>
      <c r="L30" s="283">
        <v>972</v>
      </c>
      <c r="M30" s="277">
        <v>0</v>
      </c>
      <c r="N30" s="281">
        <v>0</v>
      </c>
      <c r="O30" s="278">
        <v>0</v>
      </c>
      <c r="P30" s="280">
        <v>0</v>
      </c>
      <c r="Q30" s="281">
        <v>0</v>
      </c>
      <c r="R30" s="281">
        <v>0</v>
      </c>
      <c r="S30" s="281">
        <v>4</v>
      </c>
      <c r="T30" s="281">
        <v>18</v>
      </c>
      <c r="U30" s="281">
        <v>23</v>
      </c>
      <c r="V30" s="278">
        <v>45</v>
      </c>
      <c r="W30" s="283">
        <v>45</v>
      </c>
      <c r="X30" s="277">
        <v>16</v>
      </c>
      <c r="Y30" s="281">
        <v>14</v>
      </c>
      <c r="Z30" s="278">
        <v>30</v>
      </c>
      <c r="AA30" s="280">
        <v>0</v>
      </c>
      <c r="AB30" s="281">
        <v>56</v>
      </c>
      <c r="AC30" s="281">
        <v>190</v>
      </c>
      <c r="AD30" s="281">
        <v>52</v>
      </c>
      <c r="AE30" s="281">
        <v>107</v>
      </c>
      <c r="AF30" s="281">
        <v>118</v>
      </c>
      <c r="AG30" s="278">
        <v>523</v>
      </c>
      <c r="AH30" s="283">
        <v>553</v>
      </c>
      <c r="AI30" s="277">
        <v>0</v>
      </c>
      <c r="AJ30" s="281">
        <v>0</v>
      </c>
      <c r="AK30" s="278">
        <v>0</v>
      </c>
      <c r="AL30" s="280">
        <v>0</v>
      </c>
      <c r="AM30" s="281">
        <v>68</v>
      </c>
      <c r="AN30" s="281">
        <v>0</v>
      </c>
      <c r="AO30" s="281">
        <v>0</v>
      </c>
      <c r="AP30" s="281">
        <v>9</v>
      </c>
      <c r="AQ30" s="281">
        <v>24</v>
      </c>
      <c r="AR30" s="278">
        <v>101</v>
      </c>
      <c r="AS30" s="283">
        <v>101</v>
      </c>
      <c r="AT30" s="277">
        <v>0</v>
      </c>
      <c r="AU30" s="281">
        <v>0</v>
      </c>
      <c r="AV30" s="278">
        <v>0</v>
      </c>
      <c r="AW30" s="280">
        <v>0</v>
      </c>
      <c r="AX30" s="281">
        <v>275</v>
      </c>
      <c r="AY30" s="281">
        <v>322</v>
      </c>
      <c r="AZ30" s="281">
        <v>193</v>
      </c>
      <c r="BA30" s="281">
        <v>133</v>
      </c>
      <c r="BB30" s="281">
        <v>93</v>
      </c>
      <c r="BC30" s="282">
        <v>1016</v>
      </c>
      <c r="BD30" s="283">
        <v>1016</v>
      </c>
      <c r="BE30" s="277">
        <v>0</v>
      </c>
      <c r="BF30" s="281">
        <v>0</v>
      </c>
      <c r="BG30" s="278">
        <v>0</v>
      </c>
      <c r="BH30" s="280">
        <v>0</v>
      </c>
      <c r="BI30" s="281">
        <v>11</v>
      </c>
      <c r="BJ30" s="281">
        <v>68</v>
      </c>
      <c r="BK30" s="281">
        <v>46</v>
      </c>
      <c r="BL30" s="281">
        <v>30</v>
      </c>
      <c r="BM30" s="281">
        <v>20</v>
      </c>
      <c r="BN30" s="278">
        <v>175</v>
      </c>
      <c r="BO30" s="283">
        <v>175</v>
      </c>
      <c r="BP30" s="277">
        <v>0</v>
      </c>
      <c r="BQ30" s="281">
        <v>4</v>
      </c>
      <c r="BR30" s="278">
        <v>4</v>
      </c>
      <c r="BS30" s="280">
        <v>0</v>
      </c>
      <c r="BT30" s="281">
        <v>2</v>
      </c>
      <c r="BU30" s="281">
        <v>14</v>
      </c>
      <c r="BV30" s="281">
        <v>78</v>
      </c>
      <c r="BW30" s="281">
        <v>40</v>
      </c>
      <c r="BX30" s="281">
        <v>15</v>
      </c>
      <c r="BY30" s="278">
        <v>149</v>
      </c>
      <c r="BZ30" s="283">
        <v>153</v>
      </c>
      <c r="CA30" s="277">
        <v>0</v>
      </c>
      <c r="CB30" s="281">
        <v>0</v>
      </c>
      <c r="CC30" s="278">
        <v>0</v>
      </c>
      <c r="CD30" s="280">
        <v>0</v>
      </c>
      <c r="CE30" s="281">
        <v>4</v>
      </c>
      <c r="CF30" s="281">
        <v>14</v>
      </c>
      <c r="CG30" s="281">
        <v>11</v>
      </c>
      <c r="CH30" s="281">
        <v>14</v>
      </c>
      <c r="CI30" s="281">
        <v>0</v>
      </c>
      <c r="CJ30" s="278">
        <v>43</v>
      </c>
      <c r="CK30" s="283">
        <v>43</v>
      </c>
      <c r="CL30" s="277">
        <v>0</v>
      </c>
      <c r="CM30" s="281">
        <v>0</v>
      </c>
      <c r="CN30" s="278">
        <v>0</v>
      </c>
      <c r="CO30" s="280">
        <v>0</v>
      </c>
      <c r="CP30" s="281">
        <v>0</v>
      </c>
      <c r="CQ30" s="281">
        <v>0</v>
      </c>
      <c r="CR30" s="281">
        <v>0</v>
      </c>
      <c r="CS30" s="281">
        <v>0</v>
      </c>
      <c r="CT30" s="281">
        <v>0</v>
      </c>
      <c r="CU30" s="278">
        <v>0</v>
      </c>
      <c r="CV30" s="283">
        <v>0</v>
      </c>
      <c r="CW30" s="277">
        <v>0</v>
      </c>
      <c r="CX30" s="281">
        <v>0</v>
      </c>
      <c r="CY30" s="278">
        <v>0</v>
      </c>
      <c r="CZ30" s="280">
        <v>0</v>
      </c>
      <c r="DA30" s="281">
        <v>0</v>
      </c>
      <c r="DB30" s="281">
        <v>0</v>
      </c>
      <c r="DC30" s="281">
        <v>0</v>
      </c>
      <c r="DD30" s="281">
        <v>0</v>
      </c>
      <c r="DE30" s="281">
        <v>0</v>
      </c>
      <c r="DF30" s="278">
        <v>0</v>
      </c>
      <c r="DG30" s="283">
        <v>0</v>
      </c>
    </row>
    <row r="31" spans="1:111" ht="18.75" customHeight="1" x14ac:dyDescent="0.2">
      <c r="A31" s="262" t="s">
        <v>29</v>
      </c>
      <c r="B31" s="277">
        <v>0</v>
      </c>
      <c r="C31" s="281">
        <v>0</v>
      </c>
      <c r="D31" s="385">
        <v>0</v>
      </c>
      <c r="E31" s="280">
        <v>0</v>
      </c>
      <c r="F31" s="281">
        <v>287</v>
      </c>
      <c r="G31" s="281">
        <v>379</v>
      </c>
      <c r="H31" s="281">
        <v>239</v>
      </c>
      <c r="I31" s="281">
        <v>841</v>
      </c>
      <c r="J31" s="281">
        <v>585</v>
      </c>
      <c r="K31" s="282">
        <v>2331</v>
      </c>
      <c r="L31" s="283">
        <v>2331</v>
      </c>
      <c r="M31" s="277">
        <v>0</v>
      </c>
      <c r="N31" s="281">
        <v>0</v>
      </c>
      <c r="O31" s="278">
        <v>0</v>
      </c>
      <c r="P31" s="280">
        <v>0</v>
      </c>
      <c r="Q31" s="281">
        <v>2</v>
      </c>
      <c r="R31" s="281">
        <v>11</v>
      </c>
      <c r="S31" s="281">
        <v>5</v>
      </c>
      <c r="T31" s="281">
        <v>23</v>
      </c>
      <c r="U31" s="281">
        <v>24</v>
      </c>
      <c r="V31" s="278">
        <v>65</v>
      </c>
      <c r="W31" s="283">
        <v>65</v>
      </c>
      <c r="X31" s="277">
        <v>16</v>
      </c>
      <c r="Y31" s="281">
        <v>39</v>
      </c>
      <c r="Z31" s="278">
        <v>55</v>
      </c>
      <c r="AA31" s="280">
        <v>0</v>
      </c>
      <c r="AB31" s="281">
        <v>122</v>
      </c>
      <c r="AC31" s="281">
        <v>135</v>
      </c>
      <c r="AD31" s="281">
        <v>147</v>
      </c>
      <c r="AE31" s="281">
        <v>122</v>
      </c>
      <c r="AF31" s="281">
        <v>69</v>
      </c>
      <c r="AG31" s="278">
        <v>595</v>
      </c>
      <c r="AH31" s="283">
        <v>650</v>
      </c>
      <c r="AI31" s="277">
        <v>0</v>
      </c>
      <c r="AJ31" s="281">
        <v>15</v>
      </c>
      <c r="AK31" s="278">
        <v>15</v>
      </c>
      <c r="AL31" s="280">
        <v>0</v>
      </c>
      <c r="AM31" s="281">
        <v>30</v>
      </c>
      <c r="AN31" s="281">
        <v>42</v>
      </c>
      <c r="AO31" s="281">
        <v>0</v>
      </c>
      <c r="AP31" s="281">
        <v>37</v>
      </c>
      <c r="AQ31" s="281">
        <v>0</v>
      </c>
      <c r="AR31" s="278">
        <v>109</v>
      </c>
      <c r="AS31" s="283">
        <v>124</v>
      </c>
      <c r="AT31" s="277">
        <v>0</v>
      </c>
      <c r="AU31" s="281">
        <v>0</v>
      </c>
      <c r="AV31" s="278">
        <v>0</v>
      </c>
      <c r="AW31" s="280">
        <v>0</v>
      </c>
      <c r="AX31" s="281">
        <v>372</v>
      </c>
      <c r="AY31" s="281">
        <v>348</v>
      </c>
      <c r="AZ31" s="281">
        <v>278</v>
      </c>
      <c r="BA31" s="281">
        <v>172</v>
      </c>
      <c r="BB31" s="281">
        <v>103</v>
      </c>
      <c r="BC31" s="282">
        <v>1273</v>
      </c>
      <c r="BD31" s="283">
        <v>1273</v>
      </c>
      <c r="BE31" s="277">
        <v>0</v>
      </c>
      <c r="BF31" s="281">
        <v>0</v>
      </c>
      <c r="BG31" s="278">
        <v>0</v>
      </c>
      <c r="BH31" s="280">
        <v>0</v>
      </c>
      <c r="BI31" s="281">
        <v>99</v>
      </c>
      <c r="BJ31" s="281">
        <v>59</v>
      </c>
      <c r="BK31" s="281">
        <v>39</v>
      </c>
      <c r="BL31" s="281">
        <v>26</v>
      </c>
      <c r="BM31" s="281">
        <v>11</v>
      </c>
      <c r="BN31" s="278">
        <v>234</v>
      </c>
      <c r="BO31" s="283">
        <v>234</v>
      </c>
      <c r="BP31" s="277">
        <v>0</v>
      </c>
      <c r="BQ31" s="281">
        <v>0</v>
      </c>
      <c r="BR31" s="278">
        <v>0</v>
      </c>
      <c r="BS31" s="280">
        <v>0</v>
      </c>
      <c r="BT31" s="281">
        <v>11</v>
      </c>
      <c r="BU31" s="281">
        <v>104</v>
      </c>
      <c r="BV31" s="281">
        <v>170</v>
      </c>
      <c r="BW31" s="281">
        <v>85</v>
      </c>
      <c r="BX31" s="281">
        <v>69</v>
      </c>
      <c r="BY31" s="278">
        <v>439</v>
      </c>
      <c r="BZ31" s="283">
        <v>439</v>
      </c>
      <c r="CA31" s="277">
        <v>0</v>
      </c>
      <c r="CB31" s="281">
        <v>0</v>
      </c>
      <c r="CC31" s="278">
        <v>0</v>
      </c>
      <c r="CD31" s="280">
        <v>0</v>
      </c>
      <c r="CE31" s="281">
        <v>0</v>
      </c>
      <c r="CF31" s="281">
        <v>0</v>
      </c>
      <c r="CG31" s="281">
        <v>1</v>
      </c>
      <c r="CH31" s="281">
        <v>6</v>
      </c>
      <c r="CI31" s="281">
        <v>7</v>
      </c>
      <c r="CJ31" s="278">
        <v>14</v>
      </c>
      <c r="CK31" s="283">
        <v>14</v>
      </c>
      <c r="CL31" s="277">
        <v>0</v>
      </c>
      <c r="CM31" s="281">
        <v>0</v>
      </c>
      <c r="CN31" s="278">
        <v>0</v>
      </c>
      <c r="CO31" s="280">
        <v>0</v>
      </c>
      <c r="CP31" s="281">
        <v>0</v>
      </c>
      <c r="CQ31" s="281">
        <v>0</v>
      </c>
      <c r="CR31" s="281">
        <v>0</v>
      </c>
      <c r="CS31" s="281">
        <v>0</v>
      </c>
      <c r="CT31" s="281">
        <v>0</v>
      </c>
      <c r="CU31" s="278">
        <v>0</v>
      </c>
      <c r="CV31" s="283">
        <v>0</v>
      </c>
      <c r="CW31" s="277">
        <v>0</v>
      </c>
      <c r="CX31" s="281">
        <v>0</v>
      </c>
      <c r="CY31" s="278">
        <v>0</v>
      </c>
      <c r="CZ31" s="280">
        <v>0</v>
      </c>
      <c r="DA31" s="281">
        <v>0</v>
      </c>
      <c r="DB31" s="281">
        <v>0</v>
      </c>
      <c r="DC31" s="281">
        <v>0</v>
      </c>
      <c r="DD31" s="281">
        <v>0</v>
      </c>
      <c r="DE31" s="281">
        <v>0</v>
      </c>
      <c r="DF31" s="278">
        <v>0</v>
      </c>
      <c r="DG31" s="283">
        <v>0</v>
      </c>
    </row>
    <row r="32" spans="1:111" ht="18.75" customHeight="1" x14ac:dyDescent="0.2">
      <c r="A32" s="262" t="s">
        <v>30</v>
      </c>
      <c r="B32" s="277">
        <v>0</v>
      </c>
      <c r="C32" s="281">
        <v>0</v>
      </c>
      <c r="D32" s="385">
        <v>0</v>
      </c>
      <c r="E32" s="280">
        <v>0</v>
      </c>
      <c r="F32" s="281">
        <v>149</v>
      </c>
      <c r="G32" s="281">
        <v>389</v>
      </c>
      <c r="H32" s="281">
        <v>644</v>
      </c>
      <c r="I32" s="281">
        <v>528</v>
      </c>
      <c r="J32" s="281">
        <v>590</v>
      </c>
      <c r="K32" s="282">
        <v>2300</v>
      </c>
      <c r="L32" s="283">
        <v>2300</v>
      </c>
      <c r="M32" s="277">
        <v>0</v>
      </c>
      <c r="N32" s="281">
        <v>0</v>
      </c>
      <c r="O32" s="278">
        <v>0</v>
      </c>
      <c r="P32" s="280">
        <v>0</v>
      </c>
      <c r="Q32" s="281">
        <v>4</v>
      </c>
      <c r="R32" s="281">
        <v>9</v>
      </c>
      <c r="S32" s="281">
        <v>10</v>
      </c>
      <c r="T32" s="281">
        <v>33</v>
      </c>
      <c r="U32" s="281">
        <v>33</v>
      </c>
      <c r="V32" s="278">
        <v>89</v>
      </c>
      <c r="W32" s="283">
        <v>89</v>
      </c>
      <c r="X32" s="277">
        <v>55</v>
      </c>
      <c r="Y32" s="281">
        <v>73</v>
      </c>
      <c r="Z32" s="278">
        <v>128</v>
      </c>
      <c r="AA32" s="280">
        <v>0</v>
      </c>
      <c r="AB32" s="281">
        <v>144</v>
      </c>
      <c r="AC32" s="281">
        <v>185</v>
      </c>
      <c r="AD32" s="281">
        <v>153</v>
      </c>
      <c r="AE32" s="281">
        <v>152</v>
      </c>
      <c r="AF32" s="281">
        <v>38</v>
      </c>
      <c r="AG32" s="278">
        <v>672</v>
      </c>
      <c r="AH32" s="283">
        <v>800</v>
      </c>
      <c r="AI32" s="277">
        <v>0</v>
      </c>
      <c r="AJ32" s="281">
        <v>0</v>
      </c>
      <c r="AK32" s="278">
        <v>0</v>
      </c>
      <c r="AL32" s="280">
        <v>0</v>
      </c>
      <c r="AM32" s="281">
        <v>30</v>
      </c>
      <c r="AN32" s="281">
        <v>0</v>
      </c>
      <c r="AO32" s="281">
        <v>24</v>
      </c>
      <c r="AP32" s="281">
        <v>15</v>
      </c>
      <c r="AQ32" s="281">
        <v>0</v>
      </c>
      <c r="AR32" s="278">
        <v>69</v>
      </c>
      <c r="AS32" s="283">
        <v>69</v>
      </c>
      <c r="AT32" s="277">
        <v>0</v>
      </c>
      <c r="AU32" s="281">
        <v>0</v>
      </c>
      <c r="AV32" s="278">
        <v>0</v>
      </c>
      <c r="AW32" s="280">
        <v>0</v>
      </c>
      <c r="AX32" s="281">
        <v>313</v>
      </c>
      <c r="AY32" s="281">
        <v>195</v>
      </c>
      <c r="AZ32" s="281">
        <v>291</v>
      </c>
      <c r="BA32" s="281">
        <v>86</v>
      </c>
      <c r="BB32" s="281">
        <v>21</v>
      </c>
      <c r="BC32" s="282">
        <v>906</v>
      </c>
      <c r="BD32" s="283">
        <v>906</v>
      </c>
      <c r="BE32" s="277">
        <v>0</v>
      </c>
      <c r="BF32" s="281">
        <v>0</v>
      </c>
      <c r="BG32" s="278">
        <v>0</v>
      </c>
      <c r="BH32" s="280">
        <v>0</v>
      </c>
      <c r="BI32" s="281">
        <v>41</v>
      </c>
      <c r="BJ32" s="281">
        <v>53</v>
      </c>
      <c r="BK32" s="281">
        <v>6</v>
      </c>
      <c r="BL32" s="281">
        <v>51</v>
      </c>
      <c r="BM32" s="281">
        <v>0</v>
      </c>
      <c r="BN32" s="278">
        <v>151</v>
      </c>
      <c r="BO32" s="283">
        <v>151</v>
      </c>
      <c r="BP32" s="277">
        <v>0</v>
      </c>
      <c r="BQ32" s="281">
        <v>0</v>
      </c>
      <c r="BR32" s="278">
        <v>0</v>
      </c>
      <c r="BS32" s="280">
        <v>0</v>
      </c>
      <c r="BT32" s="281">
        <v>23</v>
      </c>
      <c r="BU32" s="281">
        <v>13</v>
      </c>
      <c r="BV32" s="281">
        <v>169</v>
      </c>
      <c r="BW32" s="281">
        <v>147</v>
      </c>
      <c r="BX32" s="281">
        <v>22</v>
      </c>
      <c r="BY32" s="278">
        <v>374</v>
      </c>
      <c r="BZ32" s="283">
        <v>374</v>
      </c>
      <c r="CA32" s="277">
        <v>0</v>
      </c>
      <c r="CB32" s="281">
        <v>0</v>
      </c>
      <c r="CC32" s="278">
        <v>0</v>
      </c>
      <c r="CD32" s="280">
        <v>0</v>
      </c>
      <c r="CE32" s="281">
        <v>0</v>
      </c>
      <c r="CF32" s="281">
        <v>3</v>
      </c>
      <c r="CG32" s="281">
        <v>0</v>
      </c>
      <c r="CH32" s="281">
        <v>0</v>
      </c>
      <c r="CI32" s="281">
        <v>0</v>
      </c>
      <c r="CJ32" s="278">
        <v>3</v>
      </c>
      <c r="CK32" s="283">
        <v>3</v>
      </c>
      <c r="CL32" s="277">
        <v>0</v>
      </c>
      <c r="CM32" s="281">
        <v>0</v>
      </c>
      <c r="CN32" s="278">
        <v>0</v>
      </c>
      <c r="CO32" s="280">
        <v>0</v>
      </c>
      <c r="CP32" s="281">
        <v>0</v>
      </c>
      <c r="CQ32" s="281">
        <v>0</v>
      </c>
      <c r="CR32" s="281">
        <v>0</v>
      </c>
      <c r="CS32" s="281">
        <v>0</v>
      </c>
      <c r="CT32" s="281">
        <v>0</v>
      </c>
      <c r="CU32" s="278">
        <v>0</v>
      </c>
      <c r="CV32" s="283">
        <v>0</v>
      </c>
      <c r="CW32" s="277">
        <v>0</v>
      </c>
      <c r="CX32" s="281">
        <v>0</v>
      </c>
      <c r="CY32" s="278">
        <v>0</v>
      </c>
      <c r="CZ32" s="280">
        <v>0</v>
      </c>
      <c r="DA32" s="281">
        <v>0</v>
      </c>
      <c r="DB32" s="281">
        <v>0</v>
      </c>
      <c r="DC32" s="281">
        <v>0</v>
      </c>
      <c r="DD32" s="281">
        <v>0</v>
      </c>
      <c r="DE32" s="281">
        <v>0</v>
      </c>
      <c r="DF32" s="278">
        <v>0</v>
      </c>
      <c r="DG32" s="283">
        <v>0</v>
      </c>
    </row>
    <row r="33" spans="1:111" ht="18.75" customHeight="1" x14ac:dyDescent="0.2">
      <c r="A33" s="262" t="s">
        <v>31</v>
      </c>
      <c r="B33" s="277">
        <v>0</v>
      </c>
      <c r="C33" s="281">
        <v>0</v>
      </c>
      <c r="D33" s="385">
        <v>0</v>
      </c>
      <c r="E33" s="280">
        <v>0</v>
      </c>
      <c r="F33" s="281">
        <v>226</v>
      </c>
      <c r="G33" s="281">
        <v>238</v>
      </c>
      <c r="H33" s="281">
        <v>69</v>
      </c>
      <c r="I33" s="281">
        <v>113</v>
      </c>
      <c r="J33" s="281">
        <v>368</v>
      </c>
      <c r="K33" s="282">
        <v>1014</v>
      </c>
      <c r="L33" s="283">
        <v>1014</v>
      </c>
      <c r="M33" s="277">
        <v>0</v>
      </c>
      <c r="N33" s="281">
        <v>0</v>
      </c>
      <c r="O33" s="278">
        <v>0</v>
      </c>
      <c r="P33" s="280">
        <v>0</v>
      </c>
      <c r="Q33" s="281">
        <v>0</v>
      </c>
      <c r="R33" s="281">
        <v>12</v>
      </c>
      <c r="S33" s="281">
        <v>36</v>
      </c>
      <c r="T33" s="281">
        <v>26</v>
      </c>
      <c r="U33" s="281">
        <v>26</v>
      </c>
      <c r="V33" s="278">
        <v>100</v>
      </c>
      <c r="W33" s="283">
        <v>100</v>
      </c>
      <c r="X33" s="277">
        <v>12</v>
      </c>
      <c r="Y33" s="281">
        <v>17</v>
      </c>
      <c r="Z33" s="278">
        <v>29</v>
      </c>
      <c r="AA33" s="280">
        <v>0</v>
      </c>
      <c r="AB33" s="281">
        <v>72</v>
      </c>
      <c r="AC33" s="281">
        <v>122</v>
      </c>
      <c r="AD33" s="281">
        <v>114</v>
      </c>
      <c r="AE33" s="281">
        <v>100</v>
      </c>
      <c r="AF33" s="281">
        <v>60</v>
      </c>
      <c r="AG33" s="278">
        <v>468</v>
      </c>
      <c r="AH33" s="283">
        <v>497</v>
      </c>
      <c r="AI33" s="277">
        <v>0</v>
      </c>
      <c r="AJ33" s="281">
        <v>9</v>
      </c>
      <c r="AK33" s="278">
        <v>9</v>
      </c>
      <c r="AL33" s="280">
        <v>0</v>
      </c>
      <c r="AM33" s="281">
        <v>15</v>
      </c>
      <c r="AN33" s="281">
        <v>88</v>
      </c>
      <c r="AO33" s="281">
        <v>61</v>
      </c>
      <c r="AP33" s="281">
        <v>51</v>
      </c>
      <c r="AQ33" s="281">
        <v>48</v>
      </c>
      <c r="AR33" s="278">
        <v>263</v>
      </c>
      <c r="AS33" s="283">
        <v>272</v>
      </c>
      <c r="AT33" s="277">
        <v>0</v>
      </c>
      <c r="AU33" s="281">
        <v>0</v>
      </c>
      <c r="AV33" s="278">
        <v>0</v>
      </c>
      <c r="AW33" s="280">
        <v>0</v>
      </c>
      <c r="AX33" s="281">
        <v>296</v>
      </c>
      <c r="AY33" s="281">
        <v>462</v>
      </c>
      <c r="AZ33" s="281">
        <v>228</v>
      </c>
      <c r="BA33" s="281">
        <v>148</v>
      </c>
      <c r="BB33" s="281">
        <v>59</v>
      </c>
      <c r="BC33" s="282">
        <v>1193</v>
      </c>
      <c r="BD33" s="283">
        <v>1193</v>
      </c>
      <c r="BE33" s="277">
        <v>0</v>
      </c>
      <c r="BF33" s="281">
        <v>0</v>
      </c>
      <c r="BG33" s="278">
        <v>0</v>
      </c>
      <c r="BH33" s="280">
        <v>0</v>
      </c>
      <c r="BI33" s="281">
        <v>18</v>
      </c>
      <c r="BJ33" s="281">
        <v>80</v>
      </c>
      <c r="BK33" s="281">
        <v>47</v>
      </c>
      <c r="BL33" s="281">
        <v>25</v>
      </c>
      <c r="BM33" s="281">
        <v>13</v>
      </c>
      <c r="BN33" s="278">
        <v>183</v>
      </c>
      <c r="BO33" s="283">
        <v>183</v>
      </c>
      <c r="BP33" s="277">
        <v>0</v>
      </c>
      <c r="BQ33" s="281">
        <v>0</v>
      </c>
      <c r="BR33" s="278">
        <v>0</v>
      </c>
      <c r="BS33" s="280">
        <v>0</v>
      </c>
      <c r="BT33" s="281">
        <v>9</v>
      </c>
      <c r="BU33" s="281">
        <v>120</v>
      </c>
      <c r="BV33" s="281">
        <v>225</v>
      </c>
      <c r="BW33" s="281">
        <v>25</v>
      </c>
      <c r="BX33" s="281">
        <v>17</v>
      </c>
      <c r="BY33" s="278">
        <v>396</v>
      </c>
      <c r="BZ33" s="283">
        <v>396</v>
      </c>
      <c r="CA33" s="277">
        <v>0</v>
      </c>
      <c r="CB33" s="281">
        <v>0</v>
      </c>
      <c r="CC33" s="278">
        <v>0</v>
      </c>
      <c r="CD33" s="280">
        <v>0</v>
      </c>
      <c r="CE33" s="281">
        <v>0</v>
      </c>
      <c r="CF33" s="281">
        <v>0</v>
      </c>
      <c r="CG33" s="281">
        <v>0</v>
      </c>
      <c r="CH33" s="281">
        <v>0</v>
      </c>
      <c r="CI33" s="281">
        <v>0</v>
      </c>
      <c r="CJ33" s="278">
        <v>0</v>
      </c>
      <c r="CK33" s="283">
        <v>0</v>
      </c>
      <c r="CL33" s="277">
        <v>0</v>
      </c>
      <c r="CM33" s="281">
        <v>0</v>
      </c>
      <c r="CN33" s="278">
        <v>0</v>
      </c>
      <c r="CO33" s="280">
        <v>0</v>
      </c>
      <c r="CP33" s="281">
        <v>0</v>
      </c>
      <c r="CQ33" s="281">
        <v>0</v>
      </c>
      <c r="CR33" s="281">
        <v>0</v>
      </c>
      <c r="CS33" s="281">
        <v>0</v>
      </c>
      <c r="CT33" s="281">
        <v>0</v>
      </c>
      <c r="CU33" s="278">
        <v>0</v>
      </c>
      <c r="CV33" s="283">
        <v>0</v>
      </c>
      <c r="CW33" s="277">
        <v>0</v>
      </c>
      <c r="CX33" s="281">
        <v>0</v>
      </c>
      <c r="CY33" s="278">
        <v>0</v>
      </c>
      <c r="CZ33" s="280">
        <v>0</v>
      </c>
      <c r="DA33" s="281">
        <v>0</v>
      </c>
      <c r="DB33" s="281">
        <v>0</v>
      </c>
      <c r="DC33" s="281">
        <v>0</v>
      </c>
      <c r="DD33" s="281">
        <v>0</v>
      </c>
      <c r="DE33" s="281">
        <v>0</v>
      </c>
      <c r="DF33" s="278">
        <v>0</v>
      </c>
      <c r="DG33" s="283">
        <v>0</v>
      </c>
    </row>
    <row r="34" spans="1:111" ht="18.75" customHeight="1" x14ac:dyDescent="0.2">
      <c r="A34" s="262" t="s">
        <v>32</v>
      </c>
      <c r="B34" s="277">
        <v>0</v>
      </c>
      <c r="C34" s="281">
        <v>0</v>
      </c>
      <c r="D34" s="385">
        <v>0</v>
      </c>
      <c r="E34" s="280">
        <v>0</v>
      </c>
      <c r="F34" s="281">
        <v>358</v>
      </c>
      <c r="G34" s="281">
        <v>287</v>
      </c>
      <c r="H34" s="281">
        <v>649</v>
      </c>
      <c r="I34" s="281">
        <v>496</v>
      </c>
      <c r="J34" s="281">
        <v>590</v>
      </c>
      <c r="K34" s="282">
        <v>2380</v>
      </c>
      <c r="L34" s="283">
        <v>2380</v>
      </c>
      <c r="M34" s="277">
        <v>0</v>
      </c>
      <c r="N34" s="281">
        <v>0</v>
      </c>
      <c r="O34" s="278">
        <v>0</v>
      </c>
      <c r="P34" s="280">
        <v>0</v>
      </c>
      <c r="Q34" s="281">
        <v>0</v>
      </c>
      <c r="R34" s="281">
        <v>4</v>
      </c>
      <c r="S34" s="281">
        <v>4</v>
      </c>
      <c r="T34" s="281">
        <v>15</v>
      </c>
      <c r="U34" s="281">
        <v>51</v>
      </c>
      <c r="V34" s="278">
        <v>74</v>
      </c>
      <c r="W34" s="283">
        <v>74</v>
      </c>
      <c r="X34" s="277">
        <v>26</v>
      </c>
      <c r="Y34" s="281">
        <v>56</v>
      </c>
      <c r="Z34" s="278">
        <v>82</v>
      </c>
      <c r="AA34" s="280">
        <v>0</v>
      </c>
      <c r="AB34" s="281">
        <v>211</v>
      </c>
      <c r="AC34" s="281">
        <v>175</v>
      </c>
      <c r="AD34" s="281">
        <v>175</v>
      </c>
      <c r="AE34" s="281">
        <v>148</v>
      </c>
      <c r="AF34" s="281">
        <v>64</v>
      </c>
      <c r="AG34" s="278">
        <v>773</v>
      </c>
      <c r="AH34" s="283">
        <v>855</v>
      </c>
      <c r="AI34" s="277">
        <v>0</v>
      </c>
      <c r="AJ34" s="281">
        <v>15</v>
      </c>
      <c r="AK34" s="278">
        <v>15</v>
      </c>
      <c r="AL34" s="280">
        <v>0</v>
      </c>
      <c r="AM34" s="281">
        <v>83</v>
      </c>
      <c r="AN34" s="281">
        <v>0</v>
      </c>
      <c r="AO34" s="281">
        <v>27</v>
      </c>
      <c r="AP34" s="281">
        <v>6</v>
      </c>
      <c r="AQ34" s="281">
        <v>47</v>
      </c>
      <c r="AR34" s="278">
        <v>163</v>
      </c>
      <c r="AS34" s="283">
        <v>178</v>
      </c>
      <c r="AT34" s="277">
        <v>0</v>
      </c>
      <c r="AU34" s="281">
        <v>0</v>
      </c>
      <c r="AV34" s="278">
        <v>0</v>
      </c>
      <c r="AW34" s="280">
        <v>0</v>
      </c>
      <c r="AX34" s="281">
        <v>454</v>
      </c>
      <c r="AY34" s="281">
        <v>541</v>
      </c>
      <c r="AZ34" s="281">
        <v>289</v>
      </c>
      <c r="BA34" s="281">
        <v>192</v>
      </c>
      <c r="BB34" s="281">
        <v>78</v>
      </c>
      <c r="BC34" s="282">
        <v>1554</v>
      </c>
      <c r="BD34" s="283">
        <v>1554</v>
      </c>
      <c r="BE34" s="277">
        <v>0</v>
      </c>
      <c r="BF34" s="281">
        <v>0</v>
      </c>
      <c r="BG34" s="278">
        <v>0</v>
      </c>
      <c r="BH34" s="280">
        <v>0</v>
      </c>
      <c r="BI34" s="281">
        <v>62</v>
      </c>
      <c r="BJ34" s="281">
        <v>85</v>
      </c>
      <c r="BK34" s="281">
        <v>25</v>
      </c>
      <c r="BL34" s="281">
        <v>29</v>
      </c>
      <c r="BM34" s="281">
        <v>22</v>
      </c>
      <c r="BN34" s="278">
        <v>223</v>
      </c>
      <c r="BO34" s="283">
        <v>223</v>
      </c>
      <c r="BP34" s="277">
        <v>4</v>
      </c>
      <c r="BQ34" s="281">
        <v>0</v>
      </c>
      <c r="BR34" s="278">
        <v>4</v>
      </c>
      <c r="BS34" s="280">
        <v>0</v>
      </c>
      <c r="BT34" s="281">
        <v>23</v>
      </c>
      <c r="BU34" s="281">
        <v>81</v>
      </c>
      <c r="BV34" s="281">
        <v>93</v>
      </c>
      <c r="BW34" s="281">
        <v>10</v>
      </c>
      <c r="BX34" s="281">
        <v>0</v>
      </c>
      <c r="BY34" s="278">
        <v>207</v>
      </c>
      <c r="BZ34" s="283">
        <v>211</v>
      </c>
      <c r="CA34" s="277">
        <v>0</v>
      </c>
      <c r="CB34" s="281">
        <v>0</v>
      </c>
      <c r="CC34" s="278">
        <v>0</v>
      </c>
      <c r="CD34" s="280">
        <v>0</v>
      </c>
      <c r="CE34" s="281">
        <v>2</v>
      </c>
      <c r="CF34" s="281">
        <v>33</v>
      </c>
      <c r="CG34" s="281">
        <v>3</v>
      </c>
      <c r="CH34" s="281">
        <v>9</v>
      </c>
      <c r="CI34" s="281">
        <v>16</v>
      </c>
      <c r="CJ34" s="278">
        <v>63</v>
      </c>
      <c r="CK34" s="283">
        <v>63</v>
      </c>
      <c r="CL34" s="277">
        <v>0</v>
      </c>
      <c r="CM34" s="281">
        <v>0</v>
      </c>
      <c r="CN34" s="278">
        <v>0</v>
      </c>
      <c r="CO34" s="280">
        <v>0</v>
      </c>
      <c r="CP34" s="281">
        <v>0</v>
      </c>
      <c r="CQ34" s="281">
        <v>0</v>
      </c>
      <c r="CR34" s="281">
        <v>0</v>
      </c>
      <c r="CS34" s="281">
        <v>0</v>
      </c>
      <c r="CT34" s="281">
        <v>0</v>
      </c>
      <c r="CU34" s="278">
        <v>0</v>
      </c>
      <c r="CV34" s="283">
        <v>0</v>
      </c>
      <c r="CW34" s="277">
        <v>0</v>
      </c>
      <c r="CX34" s="281">
        <v>0</v>
      </c>
      <c r="CY34" s="278">
        <v>0</v>
      </c>
      <c r="CZ34" s="280">
        <v>0</v>
      </c>
      <c r="DA34" s="281">
        <v>0</v>
      </c>
      <c r="DB34" s="281">
        <v>0</v>
      </c>
      <c r="DC34" s="281">
        <v>0</v>
      </c>
      <c r="DD34" s="281">
        <v>0</v>
      </c>
      <c r="DE34" s="281">
        <v>0</v>
      </c>
      <c r="DF34" s="278">
        <v>0</v>
      </c>
      <c r="DG34" s="283">
        <v>0</v>
      </c>
    </row>
    <row r="35" spans="1:111" ht="18.75" customHeight="1" x14ac:dyDescent="0.2">
      <c r="A35" s="262" t="s">
        <v>33</v>
      </c>
      <c r="B35" s="277">
        <v>0</v>
      </c>
      <c r="C35" s="281">
        <v>0</v>
      </c>
      <c r="D35" s="385">
        <v>0</v>
      </c>
      <c r="E35" s="280">
        <v>0</v>
      </c>
      <c r="F35" s="281">
        <v>247</v>
      </c>
      <c r="G35" s="281">
        <v>211</v>
      </c>
      <c r="H35" s="281">
        <v>259</v>
      </c>
      <c r="I35" s="281">
        <v>611</v>
      </c>
      <c r="J35" s="281">
        <v>587</v>
      </c>
      <c r="K35" s="282">
        <v>1915</v>
      </c>
      <c r="L35" s="283">
        <v>1915</v>
      </c>
      <c r="M35" s="277">
        <v>0</v>
      </c>
      <c r="N35" s="281">
        <v>0</v>
      </c>
      <c r="O35" s="278">
        <v>0</v>
      </c>
      <c r="P35" s="280">
        <v>0</v>
      </c>
      <c r="Q35" s="281">
        <v>0</v>
      </c>
      <c r="R35" s="281">
        <v>4</v>
      </c>
      <c r="S35" s="281">
        <v>8</v>
      </c>
      <c r="T35" s="281">
        <v>7</v>
      </c>
      <c r="U35" s="281">
        <v>27</v>
      </c>
      <c r="V35" s="278">
        <v>46</v>
      </c>
      <c r="W35" s="283">
        <v>46</v>
      </c>
      <c r="X35" s="277">
        <v>10</v>
      </c>
      <c r="Y35" s="281">
        <v>4</v>
      </c>
      <c r="Z35" s="278">
        <v>14</v>
      </c>
      <c r="AA35" s="280">
        <v>0</v>
      </c>
      <c r="AB35" s="281">
        <v>83</v>
      </c>
      <c r="AC35" s="281">
        <v>66</v>
      </c>
      <c r="AD35" s="281">
        <v>33</v>
      </c>
      <c r="AE35" s="281">
        <v>64</v>
      </c>
      <c r="AF35" s="281">
        <v>51</v>
      </c>
      <c r="AG35" s="278">
        <v>297</v>
      </c>
      <c r="AH35" s="283">
        <v>311</v>
      </c>
      <c r="AI35" s="277">
        <v>113</v>
      </c>
      <c r="AJ35" s="281">
        <v>346</v>
      </c>
      <c r="AK35" s="278">
        <v>459</v>
      </c>
      <c r="AL35" s="280">
        <v>0</v>
      </c>
      <c r="AM35" s="281">
        <v>376</v>
      </c>
      <c r="AN35" s="281">
        <v>176</v>
      </c>
      <c r="AO35" s="281">
        <v>68</v>
      </c>
      <c r="AP35" s="281">
        <v>111</v>
      </c>
      <c r="AQ35" s="281">
        <v>72</v>
      </c>
      <c r="AR35" s="278">
        <v>803</v>
      </c>
      <c r="AS35" s="283">
        <v>1262</v>
      </c>
      <c r="AT35" s="277">
        <v>0</v>
      </c>
      <c r="AU35" s="281">
        <v>0</v>
      </c>
      <c r="AV35" s="278">
        <v>0</v>
      </c>
      <c r="AW35" s="280">
        <v>0</v>
      </c>
      <c r="AX35" s="281">
        <v>64</v>
      </c>
      <c r="AY35" s="281">
        <v>32</v>
      </c>
      <c r="AZ35" s="281">
        <v>43</v>
      </c>
      <c r="BA35" s="281">
        <v>59</v>
      </c>
      <c r="BB35" s="281">
        <v>24</v>
      </c>
      <c r="BC35" s="282">
        <v>222</v>
      </c>
      <c r="BD35" s="283">
        <v>222</v>
      </c>
      <c r="BE35" s="277">
        <v>0</v>
      </c>
      <c r="BF35" s="281">
        <v>0</v>
      </c>
      <c r="BG35" s="278">
        <v>0</v>
      </c>
      <c r="BH35" s="280">
        <v>0</v>
      </c>
      <c r="BI35" s="281">
        <v>103</v>
      </c>
      <c r="BJ35" s="281">
        <v>113</v>
      </c>
      <c r="BK35" s="281">
        <v>39</v>
      </c>
      <c r="BL35" s="281">
        <v>12</v>
      </c>
      <c r="BM35" s="281">
        <v>17</v>
      </c>
      <c r="BN35" s="278">
        <v>284</v>
      </c>
      <c r="BO35" s="283">
        <v>284</v>
      </c>
      <c r="BP35" s="277">
        <v>0</v>
      </c>
      <c r="BQ35" s="281">
        <v>0</v>
      </c>
      <c r="BR35" s="278">
        <v>0</v>
      </c>
      <c r="BS35" s="280">
        <v>0</v>
      </c>
      <c r="BT35" s="281">
        <v>28</v>
      </c>
      <c r="BU35" s="281">
        <v>14</v>
      </c>
      <c r="BV35" s="281">
        <v>40</v>
      </c>
      <c r="BW35" s="281">
        <v>135</v>
      </c>
      <c r="BX35" s="281">
        <v>8</v>
      </c>
      <c r="BY35" s="278">
        <v>225</v>
      </c>
      <c r="BZ35" s="283">
        <v>225</v>
      </c>
      <c r="CA35" s="277">
        <v>0</v>
      </c>
      <c r="CB35" s="281">
        <v>0</v>
      </c>
      <c r="CC35" s="278">
        <v>0</v>
      </c>
      <c r="CD35" s="280">
        <v>0</v>
      </c>
      <c r="CE35" s="281">
        <v>15</v>
      </c>
      <c r="CF35" s="281">
        <v>9</v>
      </c>
      <c r="CG35" s="281">
        <v>4</v>
      </c>
      <c r="CH35" s="281">
        <v>0</v>
      </c>
      <c r="CI35" s="281">
        <v>0</v>
      </c>
      <c r="CJ35" s="278">
        <v>28</v>
      </c>
      <c r="CK35" s="283">
        <v>28</v>
      </c>
      <c r="CL35" s="277">
        <v>0</v>
      </c>
      <c r="CM35" s="281">
        <v>0</v>
      </c>
      <c r="CN35" s="278">
        <v>0</v>
      </c>
      <c r="CO35" s="280">
        <v>0</v>
      </c>
      <c r="CP35" s="281">
        <v>0</v>
      </c>
      <c r="CQ35" s="281">
        <v>0</v>
      </c>
      <c r="CR35" s="281">
        <v>0</v>
      </c>
      <c r="CS35" s="281">
        <v>0</v>
      </c>
      <c r="CT35" s="281">
        <v>0</v>
      </c>
      <c r="CU35" s="278">
        <v>0</v>
      </c>
      <c r="CV35" s="283">
        <v>0</v>
      </c>
      <c r="CW35" s="277">
        <v>0</v>
      </c>
      <c r="CX35" s="281">
        <v>0</v>
      </c>
      <c r="CY35" s="278">
        <v>0</v>
      </c>
      <c r="CZ35" s="280">
        <v>0</v>
      </c>
      <c r="DA35" s="281">
        <v>0</v>
      </c>
      <c r="DB35" s="281">
        <v>0</v>
      </c>
      <c r="DC35" s="281">
        <v>0</v>
      </c>
      <c r="DD35" s="281">
        <v>0</v>
      </c>
      <c r="DE35" s="281">
        <v>0</v>
      </c>
      <c r="DF35" s="278">
        <v>0</v>
      </c>
      <c r="DG35" s="283">
        <v>0</v>
      </c>
    </row>
    <row r="36" spans="1:111" ht="18.75" customHeight="1" x14ac:dyDescent="0.2">
      <c r="A36" s="262" t="s">
        <v>34</v>
      </c>
      <c r="B36" s="277">
        <v>0</v>
      </c>
      <c r="C36" s="281">
        <v>0</v>
      </c>
      <c r="D36" s="385">
        <v>0</v>
      </c>
      <c r="E36" s="280">
        <v>0</v>
      </c>
      <c r="F36" s="281">
        <v>201</v>
      </c>
      <c r="G36" s="281">
        <v>124</v>
      </c>
      <c r="H36" s="281">
        <v>235</v>
      </c>
      <c r="I36" s="281">
        <v>214</v>
      </c>
      <c r="J36" s="281">
        <v>113</v>
      </c>
      <c r="K36" s="282">
        <v>887</v>
      </c>
      <c r="L36" s="283">
        <v>887</v>
      </c>
      <c r="M36" s="277">
        <v>0</v>
      </c>
      <c r="N36" s="281">
        <v>0</v>
      </c>
      <c r="O36" s="278">
        <v>0</v>
      </c>
      <c r="P36" s="280">
        <v>0</v>
      </c>
      <c r="Q36" s="281">
        <v>0</v>
      </c>
      <c r="R36" s="281">
        <v>4</v>
      </c>
      <c r="S36" s="281">
        <v>0</v>
      </c>
      <c r="T36" s="281">
        <v>4</v>
      </c>
      <c r="U36" s="281">
        <v>31</v>
      </c>
      <c r="V36" s="278">
        <v>39</v>
      </c>
      <c r="W36" s="283">
        <v>39</v>
      </c>
      <c r="X36" s="277">
        <v>18</v>
      </c>
      <c r="Y36" s="281">
        <v>31</v>
      </c>
      <c r="Z36" s="278">
        <v>49</v>
      </c>
      <c r="AA36" s="280">
        <v>0</v>
      </c>
      <c r="AB36" s="281">
        <v>67</v>
      </c>
      <c r="AC36" s="281">
        <v>90</v>
      </c>
      <c r="AD36" s="281">
        <v>38</v>
      </c>
      <c r="AE36" s="281">
        <v>1</v>
      </c>
      <c r="AF36" s="281">
        <v>41</v>
      </c>
      <c r="AG36" s="278">
        <v>237</v>
      </c>
      <c r="AH36" s="283">
        <v>286</v>
      </c>
      <c r="AI36" s="277">
        <v>0</v>
      </c>
      <c r="AJ36" s="281">
        <v>10</v>
      </c>
      <c r="AK36" s="278">
        <v>10</v>
      </c>
      <c r="AL36" s="280">
        <v>0</v>
      </c>
      <c r="AM36" s="281">
        <v>53</v>
      </c>
      <c r="AN36" s="281">
        <v>25</v>
      </c>
      <c r="AO36" s="281">
        <v>29</v>
      </c>
      <c r="AP36" s="281">
        <v>9</v>
      </c>
      <c r="AQ36" s="281">
        <v>14</v>
      </c>
      <c r="AR36" s="278">
        <v>130</v>
      </c>
      <c r="AS36" s="283">
        <v>140</v>
      </c>
      <c r="AT36" s="277">
        <v>0</v>
      </c>
      <c r="AU36" s="281">
        <v>0</v>
      </c>
      <c r="AV36" s="278">
        <v>0</v>
      </c>
      <c r="AW36" s="280">
        <v>0</v>
      </c>
      <c r="AX36" s="281">
        <v>303</v>
      </c>
      <c r="AY36" s="281">
        <v>259</v>
      </c>
      <c r="AZ36" s="281">
        <v>153</v>
      </c>
      <c r="BA36" s="281">
        <v>113</v>
      </c>
      <c r="BB36" s="281">
        <v>35</v>
      </c>
      <c r="BC36" s="282">
        <v>863</v>
      </c>
      <c r="BD36" s="283">
        <v>863</v>
      </c>
      <c r="BE36" s="277">
        <v>0</v>
      </c>
      <c r="BF36" s="281">
        <v>0</v>
      </c>
      <c r="BG36" s="278">
        <v>0</v>
      </c>
      <c r="BH36" s="280">
        <v>0</v>
      </c>
      <c r="BI36" s="281">
        <v>95</v>
      </c>
      <c r="BJ36" s="281">
        <v>28</v>
      </c>
      <c r="BK36" s="281">
        <v>11</v>
      </c>
      <c r="BL36" s="281">
        <v>32</v>
      </c>
      <c r="BM36" s="281">
        <v>0</v>
      </c>
      <c r="BN36" s="278">
        <v>166</v>
      </c>
      <c r="BO36" s="283">
        <v>166</v>
      </c>
      <c r="BP36" s="277">
        <v>0</v>
      </c>
      <c r="BQ36" s="281">
        <v>0</v>
      </c>
      <c r="BR36" s="278">
        <v>0</v>
      </c>
      <c r="BS36" s="280">
        <v>0</v>
      </c>
      <c r="BT36" s="281">
        <v>20</v>
      </c>
      <c r="BU36" s="281">
        <v>0</v>
      </c>
      <c r="BV36" s="281">
        <v>30</v>
      </c>
      <c r="BW36" s="281">
        <v>86</v>
      </c>
      <c r="BX36" s="281">
        <v>0</v>
      </c>
      <c r="BY36" s="278">
        <v>136</v>
      </c>
      <c r="BZ36" s="283">
        <v>136</v>
      </c>
      <c r="CA36" s="277">
        <v>0</v>
      </c>
      <c r="CB36" s="281">
        <v>0</v>
      </c>
      <c r="CC36" s="278">
        <v>0</v>
      </c>
      <c r="CD36" s="280">
        <v>0</v>
      </c>
      <c r="CE36" s="281">
        <v>0</v>
      </c>
      <c r="CF36" s="281">
        <v>0</v>
      </c>
      <c r="CG36" s="281">
        <v>3</v>
      </c>
      <c r="CH36" s="281">
        <v>8</v>
      </c>
      <c r="CI36" s="281">
        <v>0</v>
      </c>
      <c r="CJ36" s="278">
        <v>11</v>
      </c>
      <c r="CK36" s="283">
        <v>11</v>
      </c>
      <c r="CL36" s="277">
        <v>0</v>
      </c>
      <c r="CM36" s="281">
        <v>0</v>
      </c>
      <c r="CN36" s="278">
        <v>0</v>
      </c>
      <c r="CO36" s="280">
        <v>0</v>
      </c>
      <c r="CP36" s="281">
        <v>0</v>
      </c>
      <c r="CQ36" s="281">
        <v>0</v>
      </c>
      <c r="CR36" s="281">
        <v>0</v>
      </c>
      <c r="CS36" s="281">
        <v>0</v>
      </c>
      <c r="CT36" s="281">
        <v>0</v>
      </c>
      <c r="CU36" s="278">
        <v>0</v>
      </c>
      <c r="CV36" s="283">
        <v>0</v>
      </c>
      <c r="CW36" s="277">
        <v>0</v>
      </c>
      <c r="CX36" s="281">
        <v>0</v>
      </c>
      <c r="CY36" s="278">
        <v>0</v>
      </c>
      <c r="CZ36" s="280">
        <v>0</v>
      </c>
      <c r="DA36" s="281">
        <v>0</v>
      </c>
      <c r="DB36" s="281">
        <v>0</v>
      </c>
      <c r="DC36" s="281">
        <v>0</v>
      </c>
      <c r="DD36" s="281">
        <v>0</v>
      </c>
      <c r="DE36" s="281">
        <v>0</v>
      </c>
      <c r="DF36" s="278">
        <v>0</v>
      </c>
      <c r="DG36" s="283">
        <v>0</v>
      </c>
    </row>
    <row r="37" spans="1:111" ht="18.75" customHeight="1" x14ac:dyDescent="0.2">
      <c r="A37" s="262" t="s">
        <v>35</v>
      </c>
      <c r="B37" s="277">
        <v>0</v>
      </c>
      <c r="C37" s="281">
        <v>0</v>
      </c>
      <c r="D37" s="385">
        <v>0</v>
      </c>
      <c r="E37" s="280">
        <v>0</v>
      </c>
      <c r="F37" s="281">
        <v>1181</v>
      </c>
      <c r="G37" s="281">
        <v>1098</v>
      </c>
      <c r="H37" s="281">
        <v>1165</v>
      </c>
      <c r="I37" s="281">
        <v>1692</v>
      </c>
      <c r="J37" s="281">
        <v>1156</v>
      </c>
      <c r="K37" s="282">
        <v>6292</v>
      </c>
      <c r="L37" s="283">
        <v>6292</v>
      </c>
      <c r="M37" s="277">
        <v>0</v>
      </c>
      <c r="N37" s="281">
        <v>0</v>
      </c>
      <c r="O37" s="278">
        <v>0</v>
      </c>
      <c r="P37" s="280">
        <v>0</v>
      </c>
      <c r="Q37" s="281">
        <v>0</v>
      </c>
      <c r="R37" s="281">
        <v>33</v>
      </c>
      <c r="S37" s="281">
        <v>11</v>
      </c>
      <c r="T37" s="281">
        <v>52</v>
      </c>
      <c r="U37" s="281">
        <v>70</v>
      </c>
      <c r="V37" s="278">
        <v>166</v>
      </c>
      <c r="W37" s="283">
        <v>166</v>
      </c>
      <c r="X37" s="277">
        <v>8</v>
      </c>
      <c r="Y37" s="281">
        <v>72</v>
      </c>
      <c r="Z37" s="278">
        <v>80</v>
      </c>
      <c r="AA37" s="280">
        <v>0</v>
      </c>
      <c r="AB37" s="281">
        <v>267</v>
      </c>
      <c r="AC37" s="281">
        <v>306</v>
      </c>
      <c r="AD37" s="281">
        <v>114</v>
      </c>
      <c r="AE37" s="281">
        <v>124</v>
      </c>
      <c r="AF37" s="281">
        <v>83</v>
      </c>
      <c r="AG37" s="278">
        <v>894</v>
      </c>
      <c r="AH37" s="283">
        <v>974</v>
      </c>
      <c r="AI37" s="277">
        <v>0</v>
      </c>
      <c r="AJ37" s="281">
        <v>15</v>
      </c>
      <c r="AK37" s="278">
        <v>15</v>
      </c>
      <c r="AL37" s="280">
        <v>0</v>
      </c>
      <c r="AM37" s="281">
        <v>190</v>
      </c>
      <c r="AN37" s="281">
        <v>129</v>
      </c>
      <c r="AO37" s="281">
        <v>77</v>
      </c>
      <c r="AP37" s="281">
        <v>72</v>
      </c>
      <c r="AQ37" s="281">
        <v>32</v>
      </c>
      <c r="AR37" s="278">
        <v>500</v>
      </c>
      <c r="AS37" s="283">
        <v>515</v>
      </c>
      <c r="AT37" s="277">
        <v>0</v>
      </c>
      <c r="AU37" s="281">
        <v>0</v>
      </c>
      <c r="AV37" s="278">
        <v>0</v>
      </c>
      <c r="AW37" s="280">
        <v>0</v>
      </c>
      <c r="AX37" s="281">
        <v>1308</v>
      </c>
      <c r="AY37" s="281">
        <v>1060</v>
      </c>
      <c r="AZ37" s="281">
        <v>670</v>
      </c>
      <c r="BA37" s="281">
        <v>266</v>
      </c>
      <c r="BB37" s="281">
        <v>161</v>
      </c>
      <c r="BC37" s="282">
        <v>3465</v>
      </c>
      <c r="BD37" s="283">
        <v>3465</v>
      </c>
      <c r="BE37" s="277">
        <v>0</v>
      </c>
      <c r="BF37" s="281">
        <v>0</v>
      </c>
      <c r="BG37" s="278">
        <v>0</v>
      </c>
      <c r="BH37" s="280">
        <v>0</v>
      </c>
      <c r="BI37" s="281">
        <v>430</v>
      </c>
      <c r="BJ37" s="281">
        <v>216</v>
      </c>
      <c r="BK37" s="281">
        <v>140</v>
      </c>
      <c r="BL37" s="281">
        <v>106</v>
      </c>
      <c r="BM37" s="281">
        <v>2</v>
      </c>
      <c r="BN37" s="278">
        <v>894</v>
      </c>
      <c r="BO37" s="283">
        <v>894</v>
      </c>
      <c r="BP37" s="277">
        <v>0</v>
      </c>
      <c r="BQ37" s="281">
        <v>0</v>
      </c>
      <c r="BR37" s="278">
        <v>0</v>
      </c>
      <c r="BS37" s="280">
        <v>0</v>
      </c>
      <c r="BT37" s="281">
        <v>28</v>
      </c>
      <c r="BU37" s="281">
        <v>131</v>
      </c>
      <c r="BV37" s="281">
        <v>140</v>
      </c>
      <c r="BW37" s="281">
        <v>134</v>
      </c>
      <c r="BX37" s="281">
        <v>14</v>
      </c>
      <c r="BY37" s="278">
        <v>447</v>
      </c>
      <c r="BZ37" s="283">
        <v>447</v>
      </c>
      <c r="CA37" s="277">
        <v>0</v>
      </c>
      <c r="CB37" s="281">
        <v>0</v>
      </c>
      <c r="CC37" s="278">
        <v>0</v>
      </c>
      <c r="CD37" s="280">
        <v>0</v>
      </c>
      <c r="CE37" s="281">
        <v>10</v>
      </c>
      <c r="CF37" s="281">
        <v>8</v>
      </c>
      <c r="CG37" s="281">
        <v>6</v>
      </c>
      <c r="CH37" s="281">
        <v>7</v>
      </c>
      <c r="CI37" s="281">
        <v>0</v>
      </c>
      <c r="CJ37" s="278">
        <v>31</v>
      </c>
      <c r="CK37" s="283">
        <v>31</v>
      </c>
      <c r="CL37" s="277">
        <v>0</v>
      </c>
      <c r="CM37" s="281">
        <v>0</v>
      </c>
      <c r="CN37" s="278">
        <v>0</v>
      </c>
      <c r="CO37" s="280">
        <v>0</v>
      </c>
      <c r="CP37" s="281">
        <v>0</v>
      </c>
      <c r="CQ37" s="281">
        <v>0</v>
      </c>
      <c r="CR37" s="281">
        <v>0</v>
      </c>
      <c r="CS37" s="281">
        <v>0</v>
      </c>
      <c r="CT37" s="281">
        <v>0</v>
      </c>
      <c r="CU37" s="278">
        <v>0</v>
      </c>
      <c r="CV37" s="283">
        <v>0</v>
      </c>
      <c r="CW37" s="277">
        <v>0</v>
      </c>
      <c r="CX37" s="281">
        <v>0</v>
      </c>
      <c r="CY37" s="278">
        <v>0</v>
      </c>
      <c r="CZ37" s="280">
        <v>0</v>
      </c>
      <c r="DA37" s="281">
        <v>0</v>
      </c>
      <c r="DB37" s="281">
        <v>0</v>
      </c>
      <c r="DC37" s="281">
        <v>0</v>
      </c>
      <c r="DD37" s="281">
        <v>0</v>
      </c>
      <c r="DE37" s="281">
        <v>0</v>
      </c>
      <c r="DF37" s="278">
        <v>0</v>
      </c>
      <c r="DG37" s="283">
        <v>0</v>
      </c>
    </row>
    <row r="38" spans="1:111" ht="18.75" customHeight="1" x14ac:dyDescent="0.2">
      <c r="A38" s="262" t="s">
        <v>36</v>
      </c>
      <c r="B38" s="277">
        <v>0</v>
      </c>
      <c r="C38" s="281">
        <v>0</v>
      </c>
      <c r="D38" s="385">
        <v>0</v>
      </c>
      <c r="E38" s="280">
        <v>0</v>
      </c>
      <c r="F38" s="281">
        <v>876</v>
      </c>
      <c r="G38" s="281">
        <v>1319</v>
      </c>
      <c r="H38" s="281">
        <v>1734</v>
      </c>
      <c r="I38" s="281">
        <v>1592</v>
      </c>
      <c r="J38" s="281">
        <v>1492</v>
      </c>
      <c r="K38" s="282">
        <v>7013</v>
      </c>
      <c r="L38" s="283">
        <v>7013</v>
      </c>
      <c r="M38" s="277">
        <v>0</v>
      </c>
      <c r="N38" s="281">
        <v>0</v>
      </c>
      <c r="O38" s="278">
        <v>0</v>
      </c>
      <c r="P38" s="280">
        <v>0</v>
      </c>
      <c r="Q38" s="281">
        <v>12</v>
      </c>
      <c r="R38" s="281">
        <v>31</v>
      </c>
      <c r="S38" s="281">
        <v>8</v>
      </c>
      <c r="T38" s="281">
        <v>50</v>
      </c>
      <c r="U38" s="281">
        <v>47</v>
      </c>
      <c r="V38" s="278">
        <v>148</v>
      </c>
      <c r="W38" s="283">
        <v>148</v>
      </c>
      <c r="X38" s="277">
        <v>116</v>
      </c>
      <c r="Y38" s="281">
        <v>151</v>
      </c>
      <c r="Z38" s="278">
        <v>267</v>
      </c>
      <c r="AA38" s="280">
        <v>0</v>
      </c>
      <c r="AB38" s="281">
        <v>639</v>
      </c>
      <c r="AC38" s="281">
        <v>684</v>
      </c>
      <c r="AD38" s="281">
        <v>417</v>
      </c>
      <c r="AE38" s="281">
        <v>366</v>
      </c>
      <c r="AF38" s="281">
        <v>355</v>
      </c>
      <c r="AG38" s="278">
        <v>2461</v>
      </c>
      <c r="AH38" s="283">
        <v>2728</v>
      </c>
      <c r="AI38" s="277">
        <v>27</v>
      </c>
      <c r="AJ38" s="281">
        <v>0</v>
      </c>
      <c r="AK38" s="278">
        <v>27</v>
      </c>
      <c r="AL38" s="280">
        <v>0</v>
      </c>
      <c r="AM38" s="281">
        <v>10</v>
      </c>
      <c r="AN38" s="281">
        <v>0</v>
      </c>
      <c r="AO38" s="281">
        <v>14</v>
      </c>
      <c r="AP38" s="281">
        <v>33</v>
      </c>
      <c r="AQ38" s="281">
        <v>26</v>
      </c>
      <c r="AR38" s="278">
        <v>83</v>
      </c>
      <c r="AS38" s="283">
        <v>110</v>
      </c>
      <c r="AT38" s="277">
        <v>0</v>
      </c>
      <c r="AU38" s="281">
        <v>0</v>
      </c>
      <c r="AV38" s="278">
        <v>0</v>
      </c>
      <c r="AW38" s="280">
        <v>0</v>
      </c>
      <c r="AX38" s="281">
        <v>822</v>
      </c>
      <c r="AY38" s="281">
        <v>932</v>
      </c>
      <c r="AZ38" s="281">
        <v>611</v>
      </c>
      <c r="BA38" s="281">
        <v>393</v>
      </c>
      <c r="BB38" s="281">
        <v>143</v>
      </c>
      <c r="BC38" s="282">
        <v>2901</v>
      </c>
      <c r="BD38" s="283">
        <v>2901</v>
      </c>
      <c r="BE38" s="277">
        <v>0</v>
      </c>
      <c r="BF38" s="281">
        <v>0</v>
      </c>
      <c r="BG38" s="278">
        <v>0</v>
      </c>
      <c r="BH38" s="280">
        <v>0</v>
      </c>
      <c r="BI38" s="281">
        <v>246</v>
      </c>
      <c r="BJ38" s="281">
        <v>174</v>
      </c>
      <c r="BK38" s="281">
        <v>126</v>
      </c>
      <c r="BL38" s="281">
        <v>18</v>
      </c>
      <c r="BM38" s="281">
        <v>3</v>
      </c>
      <c r="BN38" s="278">
        <v>567</v>
      </c>
      <c r="BO38" s="283">
        <v>567</v>
      </c>
      <c r="BP38" s="277">
        <v>0</v>
      </c>
      <c r="BQ38" s="281">
        <v>3</v>
      </c>
      <c r="BR38" s="278">
        <v>3</v>
      </c>
      <c r="BS38" s="280">
        <v>0</v>
      </c>
      <c r="BT38" s="281">
        <v>179</v>
      </c>
      <c r="BU38" s="281">
        <v>224</v>
      </c>
      <c r="BV38" s="281">
        <v>286</v>
      </c>
      <c r="BW38" s="281">
        <v>115</v>
      </c>
      <c r="BX38" s="281">
        <v>117</v>
      </c>
      <c r="BY38" s="278">
        <v>921</v>
      </c>
      <c r="BZ38" s="283">
        <v>924</v>
      </c>
      <c r="CA38" s="277">
        <v>0</v>
      </c>
      <c r="CB38" s="281">
        <v>0</v>
      </c>
      <c r="CC38" s="278">
        <v>0</v>
      </c>
      <c r="CD38" s="280">
        <v>0</v>
      </c>
      <c r="CE38" s="281">
        <v>0</v>
      </c>
      <c r="CF38" s="281">
        <v>3</v>
      </c>
      <c r="CG38" s="281">
        <v>25</v>
      </c>
      <c r="CH38" s="281">
        <v>7</v>
      </c>
      <c r="CI38" s="281">
        <v>0</v>
      </c>
      <c r="CJ38" s="278">
        <v>35</v>
      </c>
      <c r="CK38" s="283">
        <v>35</v>
      </c>
      <c r="CL38" s="277">
        <v>0</v>
      </c>
      <c r="CM38" s="281">
        <v>0</v>
      </c>
      <c r="CN38" s="278">
        <v>0</v>
      </c>
      <c r="CO38" s="280">
        <v>0</v>
      </c>
      <c r="CP38" s="281">
        <v>0</v>
      </c>
      <c r="CQ38" s="281">
        <v>0</v>
      </c>
      <c r="CR38" s="281">
        <v>0</v>
      </c>
      <c r="CS38" s="281">
        <v>0</v>
      </c>
      <c r="CT38" s="281">
        <v>0</v>
      </c>
      <c r="CU38" s="278">
        <v>0</v>
      </c>
      <c r="CV38" s="283">
        <v>0</v>
      </c>
      <c r="CW38" s="277">
        <v>0</v>
      </c>
      <c r="CX38" s="281">
        <v>0</v>
      </c>
      <c r="CY38" s="278">
        <v>0</v>
      </c>
      <c r="CZ38" s="280">
        <v>0</v>
      </c>
      <c r="DA38" s="281">
        <v>0</v>
      </c>
      <c r="DB38" s="281">
        <v>0</v>
      </c>
      <c r="DC38" s="281">
        <v>0</v>
      </c>
      <c r="DD38" s="281">
        <v>0</v>
      </c>
      <c r="DE38" s="281">
        <v>0</v>
      </c>
      <c r="DF38" s="278">
        <v>0</v>
      </c>
      <c r="DG38" s="283">
        <v>0</v>
      </c>
    </row>
    <row r="39" spans="1:111" ht="18.75" customHeight="1" thickBot="1" x14ac:dyDescent="0.25">
      <c r="A39" s="263" t="s">
        <v>37</v>
      </c>
      <c r="B39" s="284">
        <v>0</v>
      </c>
      <c r="C39" s="288">
        <v>0</v>
      </c>
      <c r="D39" s="386">
        <v>0</v>
      </c>
      <c r="E39" s="287">
        <v>0</v>
      </c>
      <c r="F39" s="288">
        <v>23</v>
      </c>
      <c r="G39" s="288">
        <v>70</v>
      </c>
      <c r="H39" s="288">
        <v>57</v>
      </c>
      <c r="I39" s="288">
        <v>33</v>
      </c>
      <c r="J39" s="288">
        <v>176</v>
      </c>
      <c r="K39" s="289">
        <v>359</v>
      </c>
      <c r="L39" s="290">
        <v>359</v>
      </c>
      <c r="M39" s="284">
        <v>0</v>
      </c>
      <c r="N39" s="288">
        <v>0</v>
      </c>
      <c r="O39" s="285">
        <v>0</v>
      </c>
      <c r="P39" s="287">
        <v>0</v>
      </c>
      <c r="Q39" s="288">
        <v>0</v>
      </c>
      <c r="R39" s="288">
        <v>0</v>
      </c>
      <c r="S39" s="288">
        <v>16</v>
      </c>
      <c r="T39" s="288">
        <v>0</v>
      </c>
      <c r="U39" s="288">
        <v>0</v>
      </c>
      <c r="V39" s="285">
        <v>16</v>
      </c>
      <c r="W39" s="290">
        <v>16</v>
      </c>
      <c r="X39" s="284">
        <v>3</v>
      </c>
      <c r="Y39" s="288">
        <v>1</v>
      </c>
      <c r="Z39" s="285">
        <v>4</v>
      </c>
      <c r="AA39" s="287">
        <v>0</v>
      </c>
      <c r="AB39" s="288">
        <v>18</v>
      </c>
      <c r="AC39" s="288">
        <v>31</v>
      </c>
      <c r="AD39" s="288">
        <v>11</v>
      </c>
      <c r="AE39" s="288">
        <v>48</v>
      </c>
      <c r="AF39" s="288">
        <v>8</v>
      </c>
      <c r="AG39" s="285">
        <v>116</v>
      </c>
      <c r="AH39" s="290">
        <v>120</v>
      </c>
      <c r="AI39" s="284">
        <v>0</v>
      </c>
      <c r="AJ39" s="288">
        <v>0</v>
      </c>
      <c r="AK39" s="285">
        <v>0</v>
      </c>
      <c r="AL39" s="287">
        <v>0</v>
      </c>
      <c r="AM39" s="288">
        <v>27</v>
      </c>
      <c r="AN39" s="288">
        <v>8</v>
      </c>
      <c r="AO39" s="288">
        <v>0</v>
      </c>
      <c r="AP39" s="288">
        <v>11</v>
      </c>
      <c r="AQ39" s="288">
        <v>0</v>
      </c>
      <c r="AR39" s="285">
        <v>46</v>
      </c>
      <c r="AS39" s="290">
        <v>46</v>
      </c>
      <c r="AT39" s="284">
        <v>0</v>
      </c>
      <c r="AU39" s="288">
        <v>0</v>
      </c>
      <c r="AV39" s="285">
        <v>0</v>
      </c>
      <c r="AW39" s="287">
        <v>0</v>
      </c>
      <c r="AX39" s="288">
        <v>60</v>
      </c>
      <c r="AY39" s="288">
        <v>30</v>
      </c>
      <c r="AZ39" s="288">
        <v>49</v>
      </c>
      <c r="BA39" s="288">
        <v>3</v>
      </c>
      <c r="BB39" s="288">
        <v>7</v>
      </c>
      <c r="BC39" s="289">
        <v>149</v>
      </c>
      <c r="BD39" s="290">
        <v>149</v>
      </c>
      <c r="BE39" s="284">
        <v>0</v>
      </c>
      <c r="BF39" s="288">
        <v>0</v>
      </c>
      <c r="BG39" s="285">
        <v>0</v>
      </c>
      <c r="BH39" s="287">
        <v>0</v>
      </c>
      <c r="BI39" s="288">
        <v>30</v>
      </c>
      <c r="BJ39" s="288">
        <v>29</v>
      </c>
      <c r="BK39" s="288">
        <v>35</v>
      </c>
      <c r="BL39" s="288">
        <v>19</v>
      </c>
      <c r="BM39" s="288">
        <v>0</v>
      </c>
      <c r="BN39" s="285">
        <v>113</v>
      </c>
      <c r="BO39" s="290">
        <v>113</v>
      </c>
      <c r="BP39" s="284">
        <v>0</v>
      </c>
      <c r="BQ39" s="288">
        <v>0</v>
      </c>
      <c r="BR39" s="285">
        <v>0</v>
      </c>
      <c r="BS39" s="287">
        <v>0</v>
      </c>
      <c r="BT39" s="288">
        <v>8</v>
      </c>
      <c r="BU39" s="288">
        <v>3</v>
      </c>
      <c r="BV39" s="288">
        <v>45</v>
      </c>
      <c r="BW39" s="288">
        <v>28</v>
      </c>
      <c r="BX39" s="288">
        <v>8</v>
      </c>
      <c r="BY39" s="285">
        <v>92</v>
      </c>
      <c r="BZ39" s="290">
        <v>92</v>
      </c>
      <c r="CA39" s="284">
        <v>0</v>
      </c>
      <c r="CB39" s="288">
        <v>0</v>
      </c>
      <c r="CC39" s="285">
        <v>0</v>
      </c>
      <c r="CD39" s="287">
        <v>0</v>
      </c>
      <c r="CE39" s="288">
        <v>0</v>
      </c>
      <c r="CF39" s="288">
        <v>0</v>
      </c>
      <c r="CG39" s="288">
        <v>13</v>
      </c>
      <c r="CH39" s="288">
        <v>20</v>
      </c>
      <c r="CI39" s="288">
        <v>0</v>
      </c>
      <c r="CJ39" s="285">
        <v>33</v>
      </c>
      <c r="CK39" s="290">
        <v>33</v>
      </c>
      <c r="CL39" s="284">
        <v>0</v>
      </c>
      <c r="CM39" s="288">
        <v>0</v>
      </c>
      <c r="CN39" s="285">
        <v>0</v>
      </c>
      <c r="CO39" s="287">
        <v>0</v>
      </c>
      <c r="CP39" s="288">
        <v>0</v>
      </c>
      <c r="CQ39" s="288">
        <v>0</v>
      </c>
      <c r="CR39" s="288">
        <v>0</v>
      </c>
      <c r="CS39" s="288">
        <v>0</v>
      </c>
      <c r="CT39" s="288">
        <v>0</v>
      </c>
      <c r="CU39" s="285">
        <v>0</v>
      </c>
      <c r="CV39" s="290">
        <v>0</v>
      </c>
      <c r="CW39" s="284">
        <v>0</v>
      </c>
      <c r="CX39" s="288">
        <v>0</v>
      </c>
      <c r="CY39" s="285">
        <v>0</v>
      </c>
      <c r="CZ39" s="287">
        <v>0</v>
      </c>
      <c r="DA39" s="288">
        <v>0</v>
      </c>
      <c r="DB39" s="288">
        <v>0</v>
      </c>
      <c r="DC39" s="288">
        <v>0</v>
      </c>
      <c r="DD39" s="288">
        <v>0</v>
      </c>
      <c r="DE39" s="288">
        <v>0</v>
      </c>
      <c r="DF39" s="285">
        <v>0</v>
      </c>
      <c r="DG39" s="290">
        <v>0</v>
      </c>
    </row>
    <row r="40" spans="1:111" ht="27" customHeight="1" x14ac:dyDescent="0.2">
      <c r="B40" s="256" t="s">
        <v>127</v>
      </c>
    </row>
  </sheetData>
  <mergeCells count="43">
    <mergeCell ref="CW3:DG3"/>
    <mergeCell ref="CW4:CY4"/>
    <mergeCell ref="CZ4:DF4"/>
    <mergeCell ref="DG4:DG5"/>
    <mergeCell ref="A3:A5"/>
    <mergeCell ref="B3:L3"/>
    <mergeCell ref="B4:D4"/>
    <mergeCell ref="E4:K4"/>
    <mergeCell ref="L4:L5"/>
    <mergeCell ref="BD4:BD5"/>
    <mergeCell ref="M4:O4"/>
    <mergeCell ref="P4:V4"/>
    <mergeCell ref="W4:W5"/>
    <mergeCell ref="X4:Z4"/>
    <mergeCell ref="AA4:AG4"/>
    <mergeCell ref="AH4:AH5"/>
    <mergeCell ref="AI4:AK4"/>
    <mergeCell ref="AL4:AR4"/>
    <mergeCell ref="AS4:AS5"/>
    <mergeCell ref="AT4:AV4"/>
    <mergeCell ref="AW4:BC4"/>
    <mergeCell ref="CV4:CV5"/>
    <mergeCell ref="BE4:BG4"/>
    <mergeCell ref="BH4:BN4"/>
    <mergeCell ref="BO4:BO5"/>
    <mergeCell ref="BP4:BR4"/>
    <mergeCell ref="BS4:BY4"/>
    <mergeCell ref="BZ4:BZ5"/>
    <mergeCell ref="CA4:CC4"/>
    <mergeCell ref="CD4:CJ4"/>
    <mergeCell ref="CK4:CK5"/>
    <mergeCell ref="CL4:CN4"/>
    <mergeCell ref="CO4:CU4"/>
    <mergeCell ref="I1:J1"/>
    <mergeCell ref="L1:M1"/>
    <mergeCell ref="CA3:CK3"/>
    <mergeCell ref="CL3:CV3"/>
    <mergeCell ref="M3:W3"/>
    <mergeCell ref="X3:AH3"/>
    <mergeCell ref="AI3:AS3"/>
    <mergeCell ref="AT3:BD3"/>
    <mergeCell ref="BE3:BO3"/>
    <mergeCell ref="BP3:BZ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2-08-12T01:37:39Z</dcterms:modified>
</cp:coreProperties>
</file>